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gif" ContentType="image/gif"/>
  <Default Extension="vml" ContentType="application/vnd.openxmlformats-officedocument.vmlDrawing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54" r:id="rId2"/>
    <p:sldMasterId id="2147483660" r:id="rId3"/>
  </p:sldMasterIdLst>
  <p:notesMasterIdLst>
    <p:notesMasterId r:id="rId41"/>
  </p:notesMasterIdLst>
  <p:handoutMasterIdLst>
    <p:handoutMasterId r:id="rId42"/>
  </p:handoutMasterIdLst>
  <p:sldIdLst>
    <p:sldId id="256" r:id="rId4"/>
    <p:sldId id="343" r:id="rId5"/>
    <p:sldId id="344" r:id="rId6"/>
    <p:sldId id="382" r:id="rId7"/>
    <p:sldId id="346" r:id="rId8"/>
    <p:sldId id="347" r:id="rId9"/>
    <p:sldId id="348" r:id="rId10"/>
    <p:sldId id="349" r:id="rId11"/>
    <p:sldId id="372" r:id="rId12"/>
    <p:sldId id="384" r:id="rId13"/>
    <p:sldId id="350" r:id="rId14"/>
    <p:sldId id="351" r:id="rId15"/>
    <p:sldId id="352" r:id="rId16"/>
    <p:sldId id="353" r:id="rId17"/>
    <p:sldId id="354" r:id="rId18"/>
    <p:sldId id="383" r:id="rId19"/>
    <p:sldId id="358" r:id="rId20"/>
    <p:sldId id="359" r:id="rId21"/>
    <p:sldId id="380" r:id="rId22"/>
    <p:sldId id="366" r:id="rId23"/>
    <p:sldId id="367" r:id="rId24"/>
    <p:sldId id="320" r:id="rId25"/>
    <p:sldId id="308" r:id="rId26"/>
    <p:sldId id="322" r:id="rId27"/>
    <p:sldId id="323" r:id="rId28"/>
    <p:sldId id="324" r:id="rId29"/>
    <p:sldId id="325" r:id="rId30"/>
    <p:sldId id="326" r:id="rId31"/>
    <p:sldId id="371" r:id="rId32"/>
    <p:sldId id="313" r:id="rId33"/>
    <p:sldId id="379" r:id="rId34"/>
    <p:sldId id="374" r:id="rId35"/>
    <p:sldId id="375" r:id="rId36"/>
    <p:sldId id="376" r:id="rId37"/>
    <p:sldId id="377" r:id="rId38"/>
    <p:sldId id="378" r:id="rId39"/>
    <p:sldId id="381" r:id="rId40"/>
  </p:sldIdLst>
  <p:sldSz cx="9144000" cy="6858000" type="screen4x3"/>
  <p:notesSz cx="6794500" cy="99314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8" userDrawn="1">
          <p15:clr>
            <a:srgbClr val="A4A3A4"/>
          </p15:clr>
        </p15:guide>
        <p15:guide id="2" pos="2140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Hector Novella" initials="HN" lastIdx="1" clrIdx="0">
    <p:extLst/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CECFF"/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458" autoAdjust="0"/>
    <p:restoredTop sz="94936" autoAdjust="0"/>
  </p:normalViewPr>
  <p:slideViewPr>
    <p:cSldViewPr>
      <p:cViewPr varScale="1">
        <p:scale>
          <a:sx n="115" d="100"/>
          <a:sy n="115" d="100"/>
        </p:scale>
        <p:origin x="672" y="10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3128"/>
        <p:guide pos="214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slide" Target="slides/slide36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42" Type="http://schemas.openxmlformats.org/officeDocument/2006/relationships/handoutMaster" Target="handoutMasters/handoutMaster1.xml"/><Relationship Id="rId47" Type="http://schemas.openxmlformats.org/officeDocument/2006/relationships/tableStyles" Target="tableStyle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slide" Target="slides/slide35.xml"/><Relationship Id="rId46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41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slide" Target="slides/slide34.xml"/><Relationship Id="rId40" Type="http://schemas.openxmlformats.org/officeDocument/2006/relationships/slide" Target="slides/slide37.xml"/><Relationship Id="rId45" Type="http://schemas.openxmlformats.org/officeDocument/2006/relationships/viewProps" Target="viewProp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slide" Target="slides/slide33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4" Type="http://schemas.openxmlformats.org/officeDocument/2006/relationships/presProps" Target="presProp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slide" Target="slides/slide32.xml"/><Relationship Id="rId43" Type="http://schemas.openxmlformats.org/officeDocument/2006/relationships/commentAuthors" Target="commentAuthor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44283" cy="49829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48645" y="1"/>
            <a:ext cx="2944283" cy="49829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DB957E1-5377-7F4B-803F-00656BF09F8F}" type="datetimeFigureOut">
              <a:rPr lang="en-US" smtClean="0"/>
              <a:t>5/18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33107"/>
            <a:ext cx="2944283" cy="49829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48645" y="9433107"/>
            <a:ext cx="2944283" cy="49829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269FEA7-BBA9-8647-A11F-7A984F138B8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079209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4283" cy="49657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8645" y="0"/>
            <a:ext cx="2944283" cy="49657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8-05-18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14400" y="744538"/>
            <a:ext cx="4965700" cy="37242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17415"/>
            <a:ext cx="5435600" cy="446913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33106"/>
            <a:ext cx="2944283" cy="49657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8645" y="9433106"/>
            <a:ext cx="2944283" cy="49657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4126397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21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74155230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43000" y="685800"/>
            <a:ext cx="4572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sz="9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29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08367161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3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86633477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6</a:t>
            </a:fld>
            <a:endParaRPr lang="sv-SE" dirty="0"/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fld id="{6A6BFCCA-9580-5046-A917-FFA69C1EEE1C}" type="datetime1">
              <a:rPr lang="en-US" smtClean="0"/>
              <a:t>5/18/2018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80058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4326315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FD14BCC4-1883-A943-9A98-AF3049849382}" type="datetime1">
              <a:rPr lang="en-US" smtClean="0"/>
              <a:t>5/18/2018</a:t>
            </a:fld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1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2156708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2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83376220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68229785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ext according to slid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70048050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ext according to slid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5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8554358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pPr/>
              <a:t>1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7309597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6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sv-SE" smtClean="0"/>
              <a:t>2018-05-18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22723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sv-SE" smtClean="0"/>
              <a:t>2018-05-18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331195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815340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0798"/>
            <a:ext cx="7139136" cy="747618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876301"/>
            <a:ext cx="8229600" cy="5249864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sv-SE" smtClean="0"/>
              <a:t>2018-05-18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4521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268766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sv-SE" smtClean="0"/>
              <a:t>2018-05-18</a:t>
            </a:fld>
            <a:endParaRPr lang="sv-S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1" y="260649"/>
            <a:ext cx="1359827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736245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1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1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sv-SE" smtClean="0"/>
              <a:t>2018-05-18</a:t>
            </a:fld>
            <a:endParaRPr lang="sv-SE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24150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6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ESS/CEA-ESSI Coordination</a:t>
            </a:r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smtClean="0"/>
              <a:t>ICS status report 2018-05</a:t>
            </a:r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88198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ESS/CEA-ESSI Coordination</a:t>
            </a:r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smtClean="0"/>
              <a:t>ICS status report 2018-05</a:t>
            </a:r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217867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815340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0798"/>
            <a:ext cx="7139136" cy="747618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876301"/>
            <a:ext cx="8229600" cy="5249864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ESS/CEA-ESSI Coordination</a:t>
            </a:r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smtClean="0"/>
              <a:t>ICS status report 2018-05</a:t>
            </a:r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4521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267662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ESS/CEA-ESSI Coordination</a:t>
            </a:r>
            <a:endParaRPr lang="sv-S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smtClean="0"/>
              <a:t>ICS status report 2018-05</a:t>
            </a:r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1" y="260649"/>
            <a:ext cx="1359827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752113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1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1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ESS/CEA-ESSI Coordination</a:t>
            </a:r>
            <a:endParaRPr lang="sv-SE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smtClean="0"/>
              <a:t>ICS status report 2018-05</a:t>
            </a:r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6724825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slideLayout" Target="../slideLayouts/slideLayout6.xml"/><Relationship Id="rId1" Type="http://schemas.openxmlformats.org/officeDocument/2006/relationships/slideLayout" Target="../slideLayouts/slideLayout5.xml"/><Relationship Id="rId6" Type="http://schemas.openxmlformats.org/officeDocument/2006/relationships/theme" Target="../theme/theme2.xml"/><Relationship Id="rId5" Type="http://schemas.openxmlformats.org/officeDocument/2006/relationships/slideLayout" Target="../slideLayouts/slideLayout9.xml"/><Relationship Id="rId4" Type="http://schemas.openxmlformats.org/officeDocument/2006/relationships/slideLayout" Target="../slideLayouts/slideLayout8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slideLayout" Target="../slideLayouts/slideLayout11.xml"/><Relationship Id="rId1" Type="http://schemas.openxmlformats.org/officeDocument/2006/relationships/slideLayout" Target="../slideLayouts/slideLayout10.xml"/><Relationship Id="rId6" Type="http://schemas.openxmlformats.org/officeDocument/2006/relationships/theme" Target="../theme/theme3.xml"/><Relationship Id="rId5" Type="http://schemas.openxmlformats.org/officeDocument/2006/relationships/slideLayout" Target="../slideLayouts/slideLayout14.xml"/><Relationship Id="rId4" Type="http://schemas.openxmlformats.org/officeDocument/2006/relationships/slideLayout" Target="../slideLayouts/slideLayout1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</p:sldLayoutIdLst>
  <p:hf hdr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 smtClean="0"/>
              <a:t>Click to edit Master title style</a:t>
            </a:r>
            <a:endParaRPr lang="sv-S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1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smtClean="0"/>
              <a:t>ESS/CEA-ESSI Coordination</a:t>
            </a:r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1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sv-SE" smtClean="0"/>
              <a:t>ICS status report 2018-05</a:t>
            </a:r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4280558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56" r:id="rId2"/>
    <p:sldLayoutId id="2147483657" r:id="rId3"/>
    <p:sldLayoutId id="2147483658" r:id="rId4"/>
    <p:sldLayoutId id="2147483659" r:id="rId5"/>
  </p:sldLayoutIdLst>
  <p:hf hdr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 smtClean="0"/>
              <a:t>Click to edit Master title style</a:t>
            </a:r>
            <a:endParaRPr lang="sv-S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1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sv-SE" smtClean="0"/>
              <a:t>2018-05-18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1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2493326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s://chess.esss.lu.se/enovia/link/21308.51166.15616.48945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emf"/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emf"/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2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slideLayout" Target="../slideLayouts/slideLayout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5" Type="http://schemas.openxmlformats.org/officeDocument/2006/relationships/image" Target="../media/image22.png"/><Relationship Id="rId4" Type="http://schemas.openxmlformats.org/officeDocument/2006/relationships/image" Target="../media/image21.emf"/></Relationships>
</file>

<file path=ppt/slides/_rels/slide24.xml.rels><?xml version="1.0" encoding="UTF-8" standalone="yes"?>
<Relationships xmlns="http://schemas.openxmlformats.org/package/2006/relationships"><Relationship Id="rId13" Type="http://schemas.openxmlformats.org/officeDocument/2006/relationships/tags" Target="../tags/tag107.xml"/><Relationship Id="rId18" Type="http://schemas.openxmlformats.org/officeDocument/2006/relationships/tags" Target="../tags/tag112.xml"/><Relationship Id="rId26" Type="http://schemas.openxmlformats.org/officeDocument/2006/relationships/tags" Target="../tags/tag120.xml"/><Relationship Id="rId39" Type="http://schemas.openxmlformats.org/officeDocument/2006/relationships/tags" Target="../tags/tag133.xml"/><Relationship Id="rId21" Type="http://schemas.openxmlformats.org/officeDocument/2006/relationships/tags" Target="../tags/tag115.xml"/><Relationship Id="rId34" Type="http://schemas.openxmlformats.org/officeDocument/2006/relationships/tags" Target="../tags/tag128.xml"/><Relationship Id="rId42" Type="http://schemas.openxmlformats.org/officeDocument/2006/relationships/tags" Target="../tags/tag136.xml"/><Relationship Id="rId47" Type="http://schemas.openxmlformats.org/officeDocument/2006/relationships/tags" Target="../tags/tag141.xml"/><Relationship Id="rId50" Type="http://schemas.openxmlformats.org/officeDocument/2006/relationships/tags" Target="../tags/tag144.xml"/><Relationship Id="rId55" Type="http://schemas.openxmlformats.org/officeDocument/2006/relationships/tags" Target="../tags/tag149.xml"/><Relationship Id="rId63" Type="http://schemas.openxmlformats.org/officeDocument/2006/relationships/tags" Target="../tags/tag157.xml"/><Relationship Id="rId7" Type="http://schemas.openxmlformats.org/officeDocument/2006/relationships/tags" Target="../tags/tag101.xml"/><Relationship Id="rId2" Type="http://schemas.openxmlformats.org/officeDocument/2006/relationships/tags" Target="../tags/tag96.xml"/><Relationship Id="rId16" Type="http://schemas.openxmlformats.org/officeDocument/2006/relationships/tags" Target="../tags/tag110.xml"/><Relationship Id="rId29" Type="http://schemas.openxmlformats.org/officeDocument/2006/relationships/tags" Target="../tags/tag123.xml"/><Relationship Id="rId1" Type="http://schemas.openxmlformats.org/officeDocument/2006/relationships/tags" Target="../tags/tag95.xml"/><Relationship Id="rId6" Type="http://schemas.openxmlformats.org/officeDocument/2006/relationships/tags" Target="../tags/tag100.xml"/><Relationship Id="rId11" Type="http://schemas.openxmlformats.org/officeDocument/2006/relationships/tags" Target="../tags/tag105.xml"/><Relationship Id="rId24" Type="http://schemas.openxmlformats.org/officeDocument/2006/relationships/tags" Target="../tags/tag118.xml"/><Relationship Id="rId32" Type="http://schemas.openxmlformats.org/officeDocument/2006/relationships/tags" Target="../tags/tag126.xml"/><Relationship Id="rId37" Type="http://schemas.openxmlformats.org/officeDocument/2006/relationships/tags" Target="../tags/tag131.xml"/><Relationship Id="rId40" Type="http://schemas.openxmlformats.org/officeDocument/2006/relationships/tags" Target="../tags/tag134.xml"/><Relationship Id="rId45" Type="http://schemas.openxmlformats.org/officeDocument/2006/relationships/tags" Target="../tags/tag139.xml"/><Relationship Id="rId53" Type="http://schemas.openxmlformats.org/officeDocument/2006/relationships/tags" Target="../tags/tag147.xml"/><Relationship Id="rId58" Type="http://schemas.openxmlformats.org/officeDocument/2006/relationships/tags" Target="../tags/tag152.xml"/><Relationship Id="rId66" Type="http://schemas.openxmlformats.org/officeDocument/2006/relationships/tags" Target="../tags/tag160.xml"/><Relationship Id="rId5" Type="http://schemas.openxmlformats.org/officeDocument/2006/relationships/tags" Target="../tags/tag99.xml"/><Relationship Id="rId15" Type="http://schemas.openxmlformats.org/officeDocument/2006/relationships/tags" Target="../tags/tag109.xml"/><Relationship Id="rId23" Type="http://schemas.openxmlformats.org/officeDocument/2006/relationships/tags" Target="../tags/tag117.xml"/><Relationship Id="rId28" Type="http://schemas.openxmlformats.org/officeDocument/2006/relationships/tags" Target="../tags/tag122.xml"/><Relationship Id="rId36" Type="http://schemas.openxmlformats.org/officeDocument/2006/relationships/tags" Target="../tags/tag130.xml"/><Relationship Id="rId49" Type="http://schemas.openxmlformats.org/officeDocument/2006/relationships/tags" Target="../tags/tag143.xml"/><Relationship Id="rId57" Type="http://schemas.openxmlformats.org/officeDocument/2006/relationships/tags" Target="../tags/tag151.xml"/><Relationship Id="rId61" Type="http://schemas.openxmlformats.org/officeDocument/2006/relationships/tags" Target="../tags/tag155.xml"/><Relationship Id="rId10" Type="http://schemas.openxmlformats.org/officeDocument/2006/relationships/tags" Target="../tags/tag104.xml"/><Relationship Id="rId19" Type="http://schemas.openxmlformats.org/officeDocument/2006/relationships/tags" Target="../tags/tag113.xml"/><Relationship Id="rId31" Type="http://schemas.openxmlformats.org/officeDocument/2006/relationships/tags" Target="../tags/tag125.xml"/><Relationship Id="rId44" Type="http://schemas.openxmlformats.org/officeDocument/2006/relationships/tags" Target="../tags/tag138.xml"/><Relationship Id="rId52" Type="http://schemas.openxmlformats.org/officeDocument/2006/relationships/tags" Target="../tags/tag146.xml"/><Relationship Id="rId60" Type="http://schemas.openxmlformats.org/officeDocument/2006/relationships/tags" Target="../tags/tag154.xml"/><Relationship Id="rId65" Type="http://schemas.openxmlformats.org/officeDocument/2006/relationships/tags" Target="../tags/tag159.xml"/><Relationship Id="rId4" Type="http://schemas.openxmlformats.org/officeDocument/2006/relationships/tags" Target="../tags/tag98.xml"/><Relationship Id="rId9" Type="http://schemas.openxmlformats.org/officeDocument/2006/relationships/tags" Target="../tags/tag103.xml"/><Relationship Id="rId14" Type="http://schemas.openxmlformats.org/officeDocument/2006/relationships/tags" Target="../tags/tag108.xml"/><Relationship Id="rId22" Type="http://schemas.openxmlformats.org/officeDocument/2006/relationships/tags" Target="../tags/tag116.xml"/><Relationship Id="rId27" Type="http://schemas.openxmlformats.org/officeDocument/2006/relationships/tags" Target="../tags/tag121.xml"/><Relationship Id="rId30" Type="http://schemas.openxmlformats.org/officeDocument/2006/relationships/tags" Target="../tags/tag124.xml"/><Relationship Id="rId35" Type="http://schemas.openxmlformats.org/officeDocument/2006/relationships/tags" Target="../tags/tag129.xml"/><Relationship Id="rId43" Type="http://schemas.openxmlformats.org/officeDocument/2006/relationships/tags" Target="../tags/tag137.xml"/><Relationship Id="rId48" Type="http://schemas.openxmlformats.org/officeDocument/2006/relationships/tags" Target="../tags/tag142.xml"/><Relationship Id="rId56" Type="http://schemas.openxmlformats.org/officeDocument/2006/relationships/tags" Target="../tags/tag150.xml"/><Relationship Id="rId64" Type="http://schemas.openxmlformats.org/officeDocument/2006/relationships/tags" Target="../tags/tag158.xml"/><Relationship Id="rId8" Type="http://schemas.openxmlformats.org/officeDocument/2006/relationships/tags" Target="../tags/tag102.xml"/><Relationship Id="rId51" Type="http://schemas.openxmlformats.org/officeDocument/2006/relationships/tags" Target="../tags/tag145.xml"/><Relationship Id="rId3" Type="http://schemas.openxmlformats.org/officeDocument/2006/relationships/tags" Target="../tags/tag97.xml"/><Relationship Id="rId12" Type="http://schemas.openxmlformats.org/officeDocument/2006/relationships/tags" Target="../tags/tag106.xml"/><Relationship Id="rId17" Type="http://schemas.openxmlformats.org/officeDocument/2006/relationships/tags" Target="../tags/tag111.xml"/><Relationship Id="rId25" Type="http://schemas.openxmlformats.org/officeDocument/2006/relationships/tags" Target="../tags/tag119.xml"/><Relationship Id="rId33" Type="http://schemas.openxmlformats.org/officeDocument/2006/relationships/tags" Target="../tags/tag127.xml"/><Relationship Id="rId38" Type="http://schemas.openxmlformats.org/officeDocument/2006/relationships/tags" Target="../tags/tag132.xml"/><Relationship Id="rId46" Type="http://schemas.openxmlformats.org/officeDocument/2006/relationships/tags" Target="../tags/tag140.xml"/><Relationship Id="rId59" Type="http://schemas.openxmlformats.org/officeDocument/2006/relationships/tags" Target="../tags/tag153.xml"/><Relationship Id="rId67" Type="http://schemas.openxmlformats.org/officeDocument/2006/relationships/slideLayout" Target="../slideLayouts/slideLayout2.xml"/><Relationship Id="rId20" Type="http://schemas.openxmlformats.org/officeDocument/2006/relationships/tags" Target="../tags/tag114.xml"/><Relationship Id="rId41" Type="http://schemas.openxmlformats.org/officeDocument/2006/relationships/tags" Target="../tags/tag135.xml"/><Relationship Id="rId54" Type="http://schemas.openxmlformats.org/officeDocument/2006/relationships/tags" Target="../tags/tag148.xml"/><Relationship Id="rId62" Type="http://schemas.openxmlformats.org/officeDocument/2006/relationships/tags" Target="../tags/tag156.xml"/></Relationships>
</file>

<file path=ppt/slides/_rels/slide25.xml.rels><?xml version="1.0" encoding="UTF-8" standalone="yes"?>
<Relationships xmlns="http://schemas.openxmlformats.org/package/2006/relationships"><Relationship Id="rId13" Type="http://schemas.openxmlformats.org/officeDocument/2006/relationships/tags" Target="../tags/tag173.xml"/><Relationship Id="rId18" Type="http://schemas.openxmlformats.org/officeDocument/2006/relationships/tags" Target="../tags/tag178.xml"/><Relationship Id="rId26" Type="http://schemas.openxmlformats.org/officeDocument/2006/relationships/tags" Target="../tags/tag186.xml"/><Relationship Id="rId39" Type="http://schemas.openxmlformats.org/officeDocument/2006/relationships/tags" Target="../tags/tag199.xml"/><Relationship Id="rId21" Type="http://schemas.openxmlformats.org/officeDocument/2006/relationships/tags" Target="../tags/tag181.xml"/><Relationship Id="rId34" Type="http://schemas.openxmlformats.org/officeDocument/2006/relationships/tags" Target="../tags/tag194.xml"/><Relationship Id="rId42" Type="http://schemas.openxmlformats.org/officeDocument/2006/relationships/tags" Target="../tags/tag202.xml"/><Relationship Id="rId47" Type="http://schemas.openxmlformats.org/officeDocument/2006/relationships/tags" Target="../tags/tag207.xml"/><Relationship Id="rId50" Type="http://schemas.openxmlformats.org/officeDocument/2006/relationships/tags" Target="../tags/tag210.xml"/><Relationship Id="rId55" Type="http://schemas.openxmlformats.org/officeDocument/2006/relationships/tags" Target="../tags/tag215.xml"/><Relationship Id="rId63" Type="http://schemas.openxmlformats.org/officeDocument/2006/relationships/tags" Target="../tags/tag223.xml"/><Relationship Id="rId68" Type="http://schemas.openxmlformats.org/officeDocument/2006/relationships/slideLayout" Target="../slideLayouts/slideLayout2.xml"/><Relationship Id="rId7" Type="http://schemas.openxmlformats.org/officeDocument/2006/relationships/tags" Target="../tags/tag167.xml"/><Relationship Id="rId2" Type="http://schemas.openxmlformats.org/officeDocument/2006/relationships/tags" Target="../tags/tag162.xml"/><Relationship Id="rId16" Type="http://schemas.openxmlformats.org/officeDocument/2006/relationships/tags" Target="../tags/tag176.xml"/><Relationship Id="rId29" Type="http://schemas.openxmlformats.org/officeDocument/2006/relationships/tags" Target="../tags/tag189.xml"/><Relationship Id="rId1" Type="http://schemas.openxmlformats.org/officeDocument/2006/relationships/tags" Target="../tags/tag161.xml"/><Relationship Id="rId6" Type="http://schemas.openxmlformats.org/officeDocument/2006/relationships/tags" Target="../tags/tag166.xml"/><Relationship Id="rId11" Type="http://schemas.openxmlformats.org/officeDocument/2006/relationships/tags" Target="../tags/tag171.xml"/><Relationship Id="rId24" Type="http://schemas.openxmlformats.org/officeDocument/2006/relationships/tags" Target="../tags/tag184.xml"/><Relationship Id="rId32" Type="http://schemas.openxmlformats.org/officeDocument/2006/relationships/tags" Target="../tags/tag192.xml"/><Relationship Id="rId37" Type="http://schemas.openxmlformats.org/officeDocument/2006/relationships/tags" Target="../tags/tag197.xml"/><Relationship Id="rId40" Type="http://schemas.openxmlformats.org/officeDocument/2006/relationships/tags" Target="../tags/tag200.xml"/><Relationship Id="rId45" Type="http://schemas.openxmlformats.org/officeDocument/2006/relationships/tags" Target="../tags/tag205.xml"/><Relationship Id="rId53" Type="http://schemas.openxmlformats.org/officeDocument/2006/relationships/tags" Target="../tags/tag213.xml"/><Relationship Id="rId58" Type="http://schemas.openxmlformats.org/officeDocument/2006/relationships/tags" Target="../tags/tag218.xml"/><Relationship Id="rId66" Type="http://schemas.openxmlformats.org/officeDocument/2006/relationships/tags" Target="../tags/tag226.xml"/><Relationship Id="rId5" Type="http://schemas.openxmlformats.org/officeDocument/2006/relationships/tags" Target="../tags/tag165.xml"/><Relationship Id="rId15" Type="http://schemas.openxmlformats.org/officeDocument/2006/relationships/tags" Target="../tags/tag175.xml"/><Relationship Id="rId23" Type="http://schemas.openxmlformats.org/officeDocument/2006/relationships/tags" Target="../tags/tag183.xml"/><Relationship Id="rId28" Type="http://schemas.openxmlformats.org/officeDocument/2006/relationships/tags" Target="../tags/tag188.xml"/><Relationship Id="rId36" Type="http://schemas.openxmlformats.org/officeDocument/2006/relationships/tags" Target="../tags/tag196.xml"/><Relationship Id="rId49" Type="http://schemas.openxmlformats.org/officeDocument/2006/relationships/tags" Target="../tags/tag209.xml"/><Relationship Id="rId57" Type="http://schemas.openxmlformats.org/officeDocument/2006/relationships/tags" Target="../tags/tag217.xml"/><Relationship Id="rId61" Type="http://schemas.openxmlformats.org/officeDocument/2006/relationships/tags" Target="../tags/tag221.xml"/><Relationship Id="rId10" Type="http://schemas.openxmlformats.org/officeDocument/2006/relationships/tags" Target="../tags/tag170.xml"/><Relationship Id="rId19" Type="http://schemas.openxmlformats.org/officeDocument/2006/relationships/tags" Target="../tags/tag179.xml"/><Relationship Id="rId31" Type="http://schemas.openxmlformats.org/officeDocument/2006/relationships/tags" Target="../tags/tag191.xml"/><Relationship Id="rId44" Type="http://schemas.openxmlformats.org/officeDocument/2006/relationships/tags" Target="../tags/tag204.xml"/><Relationship Id="rId52" Type="http://schemas.openxmlformats.org/officeDocument/2006/relationships/tags" Target="../tags/tag212.xml"/><Relationship Id="rId60" Type="http://schemas.openxmlformats.org/officeDocument/2006/relationships/tags" Target="../tags/tag220.xml"/><Relationship Id="rId65" Type="http://schemas.openxmlformats.org/officeDocument/2006/relationships/tags" Target="../tags/tag225.xml"/><Relationship Id="rId4" Type="http://schemas.openxmlformats.org/officeDocument/2006/relationships/tags" Target="../tags/tag164.xml"/><Relationship Id="rId9" Type="http://schemas.openxmlformats.org/officeDocument/2006/relationships/tags" Target="../tags/tag169.xml"/><Relationship Id="rId14" Type="http://schemas.openxmlformats.org/officeDocument/2006/relationships/tags" Target="../tags/tag174.xml"/><Relationship Id="rId22" Type="http://schemas.openxmlformats.org/officeDocument/2006/relationships/tags" Target="../tags/tag182.xml"/><Relationship Id="rId27" Type="http://schemas.openxmlformats.org/officeDocument/2006/relationships/tags" Target="../tags/tag187.xml"/><Relationship Id="rId30" Type="http://schemas.openxmlformats.org/officeDocument/2006/relationships/tags" Target="../tags/tag190.xml"/><Relationship Id="rId35" Type="http://schemas.openxmlformats.org/officeDocument/2006/relationships/tags" Target="../tags/tag195.xml"/><Relationship Id="rId43" Type="http://schemas.openxmlformats.org/officeDocument/2006/relationships/tags" Target="../tags/tag203.xml"/><Relationship Id="rId48" Type="http://schemas.openxmlformats.org/officeDocument/2006/relationships/tags" Target="../tags/tag208.xml"/><Relationship Id="rId56" Type="http://schemas.openxmlformats.org/officeDocument/2006/relationships/tags" Target="../tags/tag216.xml"/><Relationship Id="rId64" Type="http://schemas.openxmlformats.org/officeDocument/2006/relationships/tags" Target="../tags/tag224.xml"/><Relationship Id="rId8" Type="http://schemas.openxmlformats.org/officeDocument/2006/relationships/tags" Target="../tags/tag168.xml"/><Relationship Id="rId51" Type="http://schemas.openxmlformats.org/officeDocument/2006/relationships/tags" Target="../tags/tag211.xml"/><Relationship Id="rId3" Type="http://schemas.openxmlformats.org/officeDocument/2006/relationships/tags" Target="../tags/tag163.xml"/><Relationship Id="rId12" Type="http://schemas.openxmlformats.org/officeDocument/2006/relationships/tags" Target="../tags/tag172.xml"/><Relationship Id="rId17" Type="http://schemas.openxmlformats.org/officeDocument/2006/relationships/tags" Target="../tags/tag177.xml"/><Relationship Id="rId25" Type="http://schemas.openxmlformats.org/officeDocument/2006/relationships/tags" Target="../tags/tag185.xml"/><Relationship Id="rId33" Type="http://schemas.openxmlformats.org/officeDocument/2006/relationships/tags" Target="../tags/tag193.xml"/><Relationship Id="rId38" Type="http://schemas.openxmlformats.org/officeDocument/2006/relationships/tags" Target="../tags/tag198.xml"/><Relationship Id="rId46" Type="http://schemas.openxmlformats.org/officeDocument/2006/relationships/tags" Target="../tags/tag206.xml"/><Relationship Id="rId59" Type="http://schemas.openxmlformats.org/officeDocument/2006/relationships/tags" Target="../tags/tag219.xml"/><Relationship Id="rId67" Type="http://schemas.openxmlformats.org/officeDocument/2006/relationships/tags" Target="../tags/tag227.xml"/><Relationship Id="rId20" Type="http://schemas.openxmlformats.org/officeDocument/2006/relationships/tags" Target="../tags/tag180.xml"/><Relationship Id="rId41" Type="http://schemas.openxmlformats.org/officeDocument/2006/relationships/tags" Target="../tags/tag201.xml"/><Relationship Id="rId54" Type="http://schemas.openxmlformats.org/officeDocument/2006/relationships/tags" Target="../tags/tag214.xml"/><Relationship Id="rId62" Type="http://schemas.openxmlformats.org/officeDocument/2006/relationships/tags" Target="../tags/tag222.xml"/></Relationships>
</file>

<file path=ppt/slides/_rels/slide26.xml.rels><?xml version="1.0" encoding="UTF-8" standalone="yes"?>
<Relationships xmlns="http://schemas.openxmlformats.org/package/2006/relationships"><Relationship Id="rId13" Type="http://schemas.openxmlformats.org/officeDocument/2006/relationships/tags" Target="../tags/tag240.xml"/><Relationship Id="rId18" Type="http://schemas.openxmlformats.org/officeDocument/2006/relationships/tags" Target="../tags/tag245.xml"/><Relationship Id="rId26" Type="http://schemas.openxmlformats.org/officeDocument/2006/relationships/tags" Target="../tags/tag253.xml"/><Relationship Id="rId39" Type="http://schemas.openxmlformats.org/officeDocument/2006/relationships/tags" Target="../tags/tag266.xml"/><Relationship Id="rId21" Type="http://schemas.openxmlformats.org/officeDocument/2006/relationships/tags" Target="../tags/tag248.xml"/><Relationship Id="rId34" Type="http://schemas.openxmlformats.org/officeDocument/2006/relationships/tags" Target="../tags/tag261.xml"/><Relationship Id="rId42" Type="http://schemas.openxmlformats.org/officeDocument/2006/relationships/tags" Target="../tags/tag269.xml"/><Relationship Id="rId47" Type="http://schemas.openxmlformats.org/officeDocument/2006/relationships/tags" Target="../tags/tag274.xml"/><Relationship Id="rId50" Type="http://schemas.openxmlformats.org/officeDocument/2006/relationships/tags" Target="../tags/tag277.xml"/><Relationship Id="rId55" Type="http://schemas.openxmlformats.org/officeDocument/2006/relationships/tags" Target="../tags/tag282.xml"/><Relationship Id="rId63" Type="http://schemas.openxmlformats.org/officeDocument/2006/relationships/tags" Target="../tags/tag290.xml"/><Relationship Id="rId68" Type="http://schemas.openxmlformats.org/officeDocument/2006/relationships/tags" Target="../tags/tag295.xml"/><Relationship Id="rId76" Type="http://schemas.openxmlformats.org/officeDocument/2006/relationships/tags" Target="../tags/tag303.xml"/><Relationship Id="rId7" Type="http://schemas.openxmlformats.org/officeDocument/2006/relationships/tags" Target="../tags/tag234.xml"/><Relationship Id="rId71" Type="http://schemas.openxmlformats.org/officeDocument/2006/relationships/tags" Target="../tags/tag298.xml"/><Relationship Id="rId2" Type="http://schemas.openxmlformats.org/officeDocument/2006/relationships/tags" Target="../tags/tag229.xml"/><Relationship Id="rId16" Type="http://schemas.openxmlformats.org/officeDocument/2006/relationships/tags" Target="../tags/tag243.xml"/><Relationship Id="rId29" Type="http://schemas.openxmlformats.org/officeDocument/2006/relationships/tags" Target="../tags/tag256.xml"/><Relationship Id="rId11" Type="http://schemas.openxmlformats.org/officeDocument/2006/relationships/tags" Target="../tags/tag238.xml"/><Relationship Id="rId24" Type="http://schemas.openxmlformats.org/officeDocument/2006/relationships/tags" Target="../tags/tag251.xml"/><Relationship Id="rId32" Type="http://schemas.openxmlformats.org/officeDocument/2006/relationships/tags" Target="../tags/tag259.xml"/><Relationship Id="rId37" Type="http://schemas.openxmlformats.org/officeDocument/2006/relationships/tags" Target="../tags/tag264.xml"/><Relationship Id="rId40" Type="http://schemas.openxmlformats.org/officeDocument/2006/relationships/tags" Target="../tags/tag267.xml"/><Relationship Id="rId45" Type="http://schemas.openxmlformats.org/officeDocument/2006/relationships/tags" Target="../tags/tag272.xml"/><Relationship Id="rId53" Type="http://schemas.openxmlformats.org/officeDocument/2006/relationships/tags" Target="../tags/tag280.xml"/><Relationship Id="rId58" Type="http://schemas.openxmlformats.org/officeDocument/2006/relationships/tags" Target="../tags/tag285.xml"/><Relationship Id="rId66" Type="http://schemas.openxmlformats.org/officeDocument/2006/relationships/tags" Target="../tags/tag293.xml"/><Relationship Id="rId74" Type="http://schemas.openxmlformats.org/officeDocument/2006/relationships/tags" Target="../tags/tag301.xml"/><Relationship Id="rId5" Type="http://schemas.openxmlformats.org/officeDocument/2006/relationships/tags" Target="../tags/tag232.xml"/><Relationship Id="rId15" Type="http://schemas.openxmlformats.org/officeDocument/2006/relationships/tags" Target="../tags/tag242.xml"/><Relationship Id="rId23" Type="http://schemas.openxmlformats.org/officeDocument/2006/relationships/tags" Target="../tags/tag250.xml"/><Relationship Id="rId28" Type="http://schemas.openxmlformats.org/officeDocument/2006/relationships/tags" Target="../tags/tag255.xml"/><Relationship Id="rId36" Type="http://schemas.openxmlformats.org/officeDocument/2006/relationships/tags" Target="../tags/tag263.xml"/><Relationship Id="rId49" Type="http://schemas.openxmlformats.org/officeDocument/2006/relationships/tags" Target="../tags/tag276.xml"/><Relationship Id="rId57" Type="http://schemas.openxmlformats.org/officeDocument/2006/relationships/tags" Target="../tags/tag284.xml"/><Relationship Id="rId61" Type="http://schemas.openxmlformats.org/officeDocument/2006/relationships/tags" Target="../tags/tag288.xml"/><Relationship Id="rId10" Type="http://schemas.openxmlformats.org/officeDocument/2006/relationships/tags" Target="../tags/tag237.xml"/><Relationship Id="rId19" Type="http://schemas.openxmlformats.org/officeDocument/2006/relationships/tags" Target="../tags/tag246.xml"/><Relationship Id="rId31" Type="http://schemas.openxmlformats.org/officeDocument/2006/relationships/tags" Target="../tags/tag258.xml"/><Relationship Id="rId44" Type="http://schemas.openxmlformats.org/officeDocument/2006/relationships/tags" Target="../tags/tag271.xml"/><Relationship Id="rId52" Type="http://schemas.openxmlformats.org/officeDocument/2006/relationships/tags" Target="../tags/tag279.xml"/><Relationship Id="rId60" Type="http://schemas.openxmlformats.org/officeDocument/2006/relationships/tags" Target="../tags/tag287.xml"/><Relationship Id="rId65" Type="http://schemas.openxmlformats.org/officeDocument/2006/relationships/tags" Target="../tags/tag292.xml"/><Relationship Id="rId73" Type="http://schemas.openxmlformats.org/officeDocument/2006/relationships/tags" Target="../tags/tag300.xml"/><Relationship Id="rId4" Type="http://schemas.openxmlformats.org/officeDocument/2006/relationships/tags" Target="../tags/tag231.xml"/><Relationship Id="rId9" Type="http://schemas.openxmlformats.org/officeDocument/2006/relationships/tags" Target="../tags/tag236.xml"/><Relationship Id="rId14" Type="http://schemas.openxmlformats.org/officeDocument/2006/relationships/tags" Target="../tags/tag241.xml"/><Relationship Id="rId22" Type="http://schemas.openxmlformats.org/officeDocument/2006/relationships/tags" Target="../tags/tag249.xml"/><Relationship Id="rId27" Type="http://schemas.openxmlformats.org/officeDocument/2006/relationships/tags" Target="../tags/tag254.xml"/><Relationship Id="rId30" Type="http://schemas.openxmlformats.org/officeDocument/2006/relationships/tags" Target="../tags/tag257.xml"/><Relationship Id="rId35" Type="http://schemas.openxmlformats.org/officeDocument/2006/relationships/tags" Target="../tags/tag262.xml"/><Relationship Id="rId43" Type="http://schemas.openxmlformats.org/officeDocument/2006/relationships/tags" Target="../tags/tag270.xml"/><Relationship Id="rId48" Type="http://schemas.openxmlformats.org/officeDocument/2006/relationships/tags" Target="../tags/tag275.xml"/><Relationship Id="rId56" Type="http://schemas.openxmlformats.org/officeDocument/2006/relationships/tags" Target="../tags/tag283.xml"/><Relationship Id="rId64" Type="http://schemas.openxmlformats.org/officeDocument/2006/relationships/tags" Target="../tags/tag291.xml"/><Relationship Id="rId69" Type="http://schemas.openxmlformats.org/officeDocument/2006/relationships/tags" Target="../tags/tag296.xml"/><Relationship Id="rId77" Type="http://schemas.openxmlformats.org/officeDocument/2006/relationships/slideLayout" Target="../slideLayouts/slideLayout2.xml"/><Relationship Id="rId8" Type="http://schemas.openxmlformats.org/officeDocument/2006/relationships/tags" Target="../tags/tag235.xml"/><Relationship Id="rId51" Type="http://schemas.openxmlformats.org/officeDocument/2006/relationships/tags" Target="../tags/tag278.xml"/><Relationship Id="rId72" Type="http://schemas.openxmlformats.org/officeDocument/2006/relationships/tags" Target="../tags/tag299.xml"/><Relationship Id="rId3" Type="http://schemas.openxmlformats.org/officeDocument/2006/relationships/tags" Target="../tags/tag230.xml"/><Relationship Id="rId12" Type="http://schemas.openxmlformats.org/officeDocument/2006/relationships/tags" Target="../tags/tag239.xml"/><Relationship Id="rId17" Type="http://schemas.openxmlformats.org/officeDocument/2006/relationships/tags" Target="../tags/tag244.xml"/><Relationship Id="rId25" Type="http://schemas.openxmlformats.org/officeDocument/2006/relationships/tags" Target="../tags/tag252.xml"/><Relationship Id="rId33" Type="http://schemas.openxmlformats.org/officeDocument/2006/relationships/tags" Target="../tags/tag260.xml"/><Relationship Id="rId38" Type="http://schemas.openxmlformats.org/officeDocument/2006/relationships/tags" Target="../tags/tag265.xml"/><Relationship Id="rId46" Type="http://schemas.openxmlformats.org/officeDocument/2006/relationships/tags" Target="../tags/tag273.xml"/><Relationship Id="rId59" Type="http://schemas.openxmlformats.org/officeDocument/2006/relationships/tags" Target="../tags/tag286.xml"/><Relationship Id="rId67" Type="http://schemas.openxmlformats.org/officeDocument/2006/relationships/tags" Target="../tags/tag294.xml"/><Relationship Id="rId20" Type="http://schemas.openxmlformats.org/officeDocument/2006/relationships/tags" Target="../tags/tag247.xml"/><Relationship Id="rId41" Type="http://schemas.openxmlformats.org/officeDocument/2006/relationships/tags" Target="../tags/tag268.xml"/><Relationship Id="rId54" Type="http://schemas.openxmlformats.org/officeDocument/2006/relationships/tags" Target="../tags/tag281.xml"/><Relationship Id="rId62" Type="http://schemas.openxmlformats.org/officeDocument/2006/relationships/tags" Target="../tags/tag289.xml"/><Relationship Id="rId70" Type="http://schemas.openxmlformats.org/officeDocument/2006/relationships/tags" Target="../tags/tag297.xml"/><Relationship Id="rId75" Type="http://schemas.openxmlformats.org/officeDocument/2006/relationships/tags" Target="../tags/tag302.xml"/><Relationship Id="rId1" Type="http://schemas.openxmlformats.org/officeDocument/2006/relationships/tags" Target="../tags/tag228.xml"/><Relationship Id="rId6" Type="http://schemas.openxmlformats.org/officeDocument/2006/relationships/tags" Target="../tags/tag233.xml"/></Relationships>
</file>

<file path=ppt/slides/_rels/slide27.xml.rels><?xml version="1.0" encoding="UTF-8" standalone="yes"?>
<Relationships xmlns="http://schemas.openxmlformats.org/package/2006/relationships"><Relationship Id="rId26" Type="http://schemas.openxmlformats.org/officeDocument/2006/relationships/tags" Target="../tags/tag329.xml"/><Relationship Id="rId21" Type="http://schemas.openxmlformats.org/officeDocument/2006/relationships/tags" Target="../tags/tag324.xml"/><Relationship Id="rId42" Type="http://schemas.openxmlformats.org/officeDocument/2006/relationships/tags" Target="../tags/tag345.xml"/><Relationship Id="rId47" Type="http://schemas.openxmlformats.org/officeDocument/2006/relationships/tags" Target="../tags/tag350.xml"/><Relationship Id="rId63" Type="http://schemas.openxmlformats.org/officeDocument/2006/relationships/tags" Target="../tags/tag366.xml"/><Relationship Id="rId68" Type="http://schemas.openxmlformats.org/officeDocument/2006/relationships/tags" Target="../tags/tag371.xml"/><Relationship Id="rId84" Type="http://schemas.openxmlformats.org/officeDocument/2006/relationships/tags" Target="../tags/tag387.xml"/><Relationship Id="rId89" Type="http://schemas.openxmlformats.org/officeDocument/2006/relationships/tags" Target="../tags/tag392.xml"/><Relationship Id="rId2" Type="http://schemas.openxmlformats.org/officeDocument/2006/relationships/tags" Target="../tags/tag305.xml"/><Relationship Id="rId16" Type="http://schemas.openxmlformats.org/officeDocument/2006/relationships/tags" Target="../tags/tag319.xml"/><Relationship Id="rId29" Type="http://schemas.openxmlformats.org/officeDocument/2006/relationships/tags" Target="../tags/tag332.xml"/><Relationship Id="rId107" Type="http://schemas.openxmlformats.org/officeDocument/2006/relationships/tags" Target="../tags/tag410.xml"/><Relationship Id="rId11" Type="http://schemas.openxmlformats.org/officeDocument/2006/relationships/tags" Target="../tags/tag314.xml"/><Relationship Id="rId24" Type="http://schemas.openxmlformats.org/officeDocument/2006/relationships/tags" Target="../tags/tag327.xml"/><Relationship Id="rId32" Type="http://schemas.openxmlformats.org/officeDocument/2006/relationships/tags" Target="../tags/tag335.xml"/><Relationship Id="rId37" Type="http://schemas.openxmlformats.org/officeDocument/2006/relationships/tags" Target="../tags/tag340.xml"/><Relationship Id="rId40" Type="http://schemas.openxmlformats.org/officeDocument/2006/relationships/tags" Target="../tags/tag343.xml"/><Relationship Id="rId45" Type="http://schemas.openxmlformats.org/officeDocument/2006/relationships/tags" Target="../tags/tag348.xml"/><Relationship Id="rId53" Type="http://schemas.openxmlformats.org/officeDocument/2006/relationships/tags" Target="../tags/tag356.xml"/><Relationship Id="rId58" Type="http://schemas.openxmlformats.org/officeDocument/2006/relationships/tags" Target="../tags/tag361.xml"/><Relationship Id="rId66" Type="http://schemas.openxmlformats.org/officeDocument/2006/relationships/tags" Target="../tags/tag369.xml"/><Relationship Id="rId74" Type="http://schemas.openxmlformats.org/officeDocument/2006/relationships/tags" Target="../tags/tag377.xml"/><Relationship Id="rId79" Type="http://schemas.openxmlformats.org/officeDocument/2006/relationships/tags" Target="../tags/tag382.xml"/><Relationship Id="rId87" Type="http://schemas.openxmlformats.org/officeDocument/2006/relationships/tags" Target="../tags/tag390.xml"/><Relationship Id="rId102" Type="http://schemas.openxmlformats.org/officeDocument/2006/relationships/tags" Target="../tags/tag405.xml"/><Relationship Id="rId110" Type="http://schemas.openxmlformats.org/officeDocument/2006/relationships/tags" Target="../tags/tag413.xml"/><Relationship Id="rId5" Type="http://schemas.openxmlformats.org/officeDocument/2006/relationships/tags" Target="../tags/tag308.xml"/><Relationship Id="rId61" Type="http://schemas.openxmlformats.org/officeDocument/2006/relationships/tags" Target="../tags/tag364.xml"/><Relationship Id="rId82" Type="http://schemas.openxmlformats.org/officeDocument/2006/relationships/tags" Target="../tags/tag385.xml"/><Relationship Id="rId90" Type="http://schemas.openxmlformats.org/officeDocument/2006/relationships/tags" Target="../tags/tag393.xml"/><Relationship Id="rId95" Type="http://schemas.openxmlformats.org/officeDocument/2006/relationships/tags" Target="../tags/tag398.xml"/><Relationship Id="rId19" Type="http://schemas.openxmlformats.org/officeDocument/2006/relationships/tags" Target="../tags/tag322.xml"/><Relationship Id="rId14" Type="http://schemas.openxmlformats.org/officeDocument/2006/relationships/tags" Target="../tags/tag317.xml"/><Relationship Id="rId22" Type="http://schemas.openxmlformats.org/officeDocument/2006/relationships/tags" Target="../tags/tag325.xml"/><Relationship Id="rId27" Type="http://schemas.openxmlformats.org/officeDocument/2006/relationships/tags" Target="../tags/tag330.xml"/><Relationship Id="rId30" Type="http://schemas.openxmlformats.org/officeDocument/2006/relationships/tags" Target="../tags/tag333.xml"/><Relationship Id="rId35" Type="http://schemas.openxmlformats.org/officeDocument/2006/relationships/tags" Target="../tags/tag338.xml"/><Relationship Id="rId43" Type="http://schemas.openxmlformats.org/officeDocument/2006/relationships/tags" Target="../tags/tag346.xml"/><Relationship Id="rId48" Type="http://schemas.openxmlformats.org/officeDocument/2006/relationships/tags" Target="../tags/tag351.xml"/><Relationship Id="rId56" Type="http://schemas.openxmlformats.org/officeDocument/2006/relationships/tags" Target="../tags/tag359.xml"/><Relationship Id="rId64" Type="http://schemas.openxmlformats.org/officeDocument/2006/relationships/tags" Target="../tags/tag367.xml"/><Relationship Id="rId69" Type="http://schemas.openxmlformats.org/officeDocument/2006/relationships/tags" Target="../tags/tag372.xml"/><Relationship Id="rId77" Type="http://schemas.openxmlformats.org/officeDocument/2006/relationships/tags" Target="../tags/tag380.xml"/><Relationship Id="rId100" Type="http://schemas.openxmlformats.org/officeDocument/2006/relationships/tags" Target="../tags/tag403.xml"/><Relationship Id="rId105" Type="http://schemas.openxmlformats.org/officeDocument/2006/relationships/tags" Target="../tags/tag408.xml"/><Relationship Id="rId8" Type="http://schemas.openxmlformats.org/officeDocument/2006/relationships/tags" Target="../tags/tag311.xml"/><Relationship Id="rId51" Type="http://schemas.openxmlformats.org/officeDocument/2006/relationships/tags" Target="../tags/tag354.xml"/><Relationship Id="rId72" Type="http://schemas.openxmlformats.org/officeDocument/2006/relationships/tags" Target="../tags/tag375.xml"/><Relationship Id="rId80" Type="http://schemas.openxmlformats.org/officeDocument/2006/relationships/tags" Target="../tags/tag383.xml"/><Relationship Id="rId85" Type="http://schemas.openxmlformats.org/officeDocument/2006/relationships/tags" Target="../tags/tag388.xml"/><Relationship Id="rId93" Type="http://schemas.openxmlformats.org/officeDocument/2006/relationships/tags" Target="../tags/tag396.xml"/><Relationship Id="rId98" Type="http://schemas.openxmlformats.org/officeDocument/2006/relationships/tags" Target="../tags/tag401.xml"/><Relationship Id="rId3" Type="http://schemas.openxmlformats.org/officeDocument/2006/relationships/tags" Target="../tags/tag306.xml"/><Relationship Id="rId12" Type="http://schemas.openxmlformats.org/officeDocument/2006/relationships/tags" Target="../tags/tag315.xml"/><Relationship Id="rId17" Type="http://schemas.openxmlformats.org/officeDocument/2006/relationships/tags" Target="../tags/tag320.xml"/><Relationship Id="rId25" Type="http://schemas.openxmlformats.org/officeDocument/2006/relationships/tags" Target="../tags/tag328.xml"/><Relationship Id="rId33" Type="http://schemas.openxmlformats.org/officeDocument/2006/relationships/tags" Target="../tags/tag336.xml"/><Relationship Id="rId38" Type="http://schemas.openxmlformats.org/officeDocument/2006/relationships/tags" Target="../tags/tag341.xml"/><Relationship Id="rId46" Type="http://schemas.openxmlformats.org/officeDocument/2006/relationships/tags" Target="../tags/tag349.xml"/><Relationship Id="rId59" Type="http://schemas.openxmlformats.org/officeDocument/2006/relationships/tags" Target="../tags/tag362.xml"/><Relationship Id="rId67" Type="http://schemas.openxmlformats.org/officeDocument/2006/relationships/tags" Target="../tags/tag370.xml"/><Relationship Id="rId103" Type="http://schemas.openxmlformats.org/officeDocument/2006/relationships/tags" Target="../tags/tag406.xml"/><Relationship Id="rId108" Type="http://schemas.openxmlformats.org/officeDocument/2006/relationships/tags" Target="../tags/tag411.xml"/><Relationship Id="rId20" Type="http://schemas.openxmlformats.org/officeDocument/2006/relationships/tags" Target="../tags/tag323.xml"/><Relationship Id="rId41" Type="http://schemas.openxmlformats.org/officeDocument/2006/relationships/tags" Target="../tags/tag344.xml"/><Relationship Id="rId54" Type="http://schemas.openxmlformats.org/officeDocument/2006/relationships/tags" Target="../tags/tag357.xml"/><Relationship Id="rId62" Type="http://schemas.openxmlformats.org/officeDocument/2006/relationships/tags" Target="../tags/tag365.xml"/><Relationship Id="rId70" Type="http://schemas.openxmlformats.org/officeDocument/2006/relationships/tags" Target="../tags/tag373.xml"/><Relationship Id="rId75" Type="http://schemas.openxmlformats.org/officeDocument/2006/relationships/tags" Target="../tags/tag378.xml"/><Relationship Id="rId83" Type="http://schemas.openxmlformats.org/officeDocument/2006/relationships/tags" Target="../tags/tag386.xml"/><Relationship Id="rId88" Type="http://schemas.openxmlformats.org/officeDocument/2006/relationships/tags" Target="../tags/tag391.xml"/><Relationship Id="rId91" Type="http://schemas.openxmlformats.org/officeDocument/2006/relationships/tags" Target="../tags/tag394.xml"/><Relationship Id="rId96" Type="http://schemas.openxmlformats.org/officeDocument/2006/relationships/tags" Target="../tags/tag399.xml"/><Relationship Id="rId111" Type="http://schemas.openxmlformats.org/officeDocument/2006/relationships/slideLayout" Target="../slideLayouts/slideLayout2.xml"/><Relationship Id="rId1" Type="http://schemas.openxmlformats.org/officeDocument/2006/relationships/tags" Target="../tags/tag304.xml"/><Relationship Id="rId6" Type="http://schemas.openxmlformats.org/officeDocument/2006/relationships/tags" Target="../tags/tag309.xml"/><Relationship Id="rId15" Type="http://schemas.openxmlformats.org/officeDocument/2006/relationships/tags" Target="../tags/tag318.xml"/><Relationship Id="rId23" Type="http://schemas.openxmlformats.org/officeDocument/2006/relationships/tags" Target="../tags/tag326.xml"/><Relationship Id="rId28" Type="http://schemas.openxmlformats.org/officeDocument/2006/relationships/tags" Target="../tags/tag331.xml"/><Relationship Id="rId36" Type="http://schemas.openxmlformats.org/officeDocument/2006/relationships/tags" Target="../tags/tag339.xml"/><Relationship Id="rId49" Type="http://schemas.openxmlformats.org/officeDocument/2006/relationships/tags" Target="../tags/tag352.xml"/><Relationship Id="rId57" Type="http://schemas.openxmlformats.org/officeDocument/2006/relationships/tags" Target="../tags/tag360.xml"/><Relationship Id="rId106" Type="http://schemas.openxmlformats.org/officeDocument/2006/relationships/tags" Target="../tags/tag409.xml"/><Relationship Id="rId10" Type="http://schemas.openxmlformats.org/officeDocument/2006/relationships/tags" Target="../tags/tag313.xml"/><Relationship Id="rId31" Type="http://schemas.openxmlformats.org/officeDocument/2006/relationships/tags" Target="../tags/tag334.xml"/><Relationship Id="rId44" Type="http://schemas.openxmlformats.org/officeDocument/2006/relationships/tags" Target="../tags/tag347.xml"/><Relationship Id="rId52" Type="http://schemas.openxmlformats.org/officeDocument/2006/relationships/tags" Target="../tags/tag355.xml"/><Relationship Id="rId60" Type="http://schemas.openxmlformats.org/officeDocument/2006/relationships/tags" Target="../tags/tag363.xml"/><Relationship Id="rId65" Type="http://schemas.openxmlformats.org/officeDocument/2006/relationships/tags" Target="../tags/tag368.xml"/><Relationship Id="rId73" Type="http://schemas.openxmlformats.org/officeDocument/2006/relationships/tags" Target="../tags/tag376.xml"/><Relationship Id="rId78" Type="http://schemas.openxmlformats.org/officeDocument/2006/relationships/tags" Target="../tags/tag381.xml"/><Relationship Id="rId81" Type="http://schemas.openxmlformats.org/officeDocument/2006/relationships/tags" Target="../tags/tag384.xml"/><Relationship Id="rId86" Type="http://schemas.openxmlformats.org/officeDocument/2006/relationships/tags" Target="../tags/tag389.xml"/><Relationship Id="rId94" Type="http://schemas.openxmlformats.org/officeDocument/2006/relationships/tags" Target="../tags/tag397.xml"/><Relationship Id="rId99" Type="http://schemas.openxmlformats.org/officeDocument/2006/relationships/tags" Target="../tags/tag402.xml"/><Relationship Id="rId101" Type="http://schemas.openxmlformats.org/officeDocument/2006/relationships/tags" Target="../tags/tag404.xml"/><Relationship Id="rId4" Type="http://schemas.openxmlformats.org/officeDocument/2006/relationships/tags" Target="../tags/tag307.xml"/><Relationship Id="rId9" Type="http://schemas.openxmlformats.org/officeDocument/2006/relationships/tags" Target="../tags/tag312.xml"/><Relationship Id="rId13" Type="http://schemas.openxmlformats.org/officeDocument/2006/relationships/tags" Target="../tags/tag316.xml"/><Relationship Id="rId18" Type="http://schemas.openxmlformats.org/officeDocument/2006/relationships/tags" Target="../tags/tag321.xml"/><Relationship Id="rId39" Type="http://schemas.openxmlformats.org/officeDocument/2006/relationships/tags" Target="../tags/tag342.xml"/><Relationship Id="rId109" Type="http://schemas.openxmlformats.org/officeDocument/2006/relationships/tags" Target="../tags/tag412.xml"/><Relationship Id="rId34" Type="http://schemas.openxmlformats.org/officeDocument/2006/relationships/tags" Target="../tags/tag337.xml"/><Relationship Id="rId50" Type="http://schemas.openxmlformats.org/officeDocument/2006/relationships/tags" Target="../tags/tag353.xml"/><Relationship Id="rId55" Type="http://schemas.openxmlformats.org/officeDocument/2006/relationships/tags" Target="../tags/tag358.xml"/><Relationship Id="rId76" Type="http://schemas.openxmlformats.org/officeDocument/2006/relationships/tags" Target="../tags/tag379.xml"/><Relationship Id="rId97" Type="http://schemas.openxmlformats.org/officeDocument/2006/relationships/tags" Target="../tags/tag400.xml"/><Relationship Id="rId104" Type="http://schemas.openxmlformats.org/officeDocument/2006/relationships/tags" Target="../tags/tag407.xml"/><Relationship Id="rId7" Type="http://schemas.openxmlformats.org/officeDocument/2006/relationships/tags" Target="../tags/tag310.xml"/><Relationship Id="rId71" Type="http://schemas.openxmlformats.org/officeDocument/2006/relationships/tags" Target="../tags/tag374.xml"/><Relationship Id="rId92" Type="http://schemas.openxmlformats.org/officeDocument/2006/relationships/tags" Target="../tags/tag395.xml"/></Relationships>
</file>

<file path=ppt/slides/_rels/slide28.xml.rels><?xml version="1.0" encoding="UTF-8" standalone="yes"?>
<Relationships xmlns="http://schemas.openxmlformats.org/package/2006/relationships"><Relationship Id="rId13" Type="http://schemas.openxmlformats.org/officeDocument/2006/relationships/tags" Target="../tags/tag426.xml"/><Relationship Id="rId18" Type="http://schemas.openxmlformats.org/officeDocument/2006/relationships/tags" Target="../tags/tag431.xml"/><Relationship Id="rId26" Type="http://schemas.openxmlformats.org/officeDocument/2006/relationships/tags" Target="../tags/tag439.xml"/><Relationship Id="rId39" Type="http://schemas.openxmlformats.org/officeDocument/2006/relationships/tags" Target="../tags/tag452.xml"/><Relationship Id="rId21" Type="http://schemas.openxmlformats.org/officeDocument/2006/relationships/tags" Target="../tags/tag434.xml"/><Relationship Id="rId34" Type="http://schemas.openxmlformats.org/officeDocument/2006/relationships/tags" Target="../tags/tag447.xml"/><Relationship Id="rId42" Type="http://schemas.openxmlformats.org/officeDocument/2006/relationships/tags" Target="../tags/tag455.xml"/><Relationship Id="rId47" Type="http://schemas.openxmlformats.org/officeDocument/2006/relationships/tags" Target="../tags/tag460.xml"/><Relationship Id="rId50" Type="http://schemas.openxmlformats.org/officeDocument/2006/relationships/tags" Target="../tags/tag463.xml"/><Relationship Id="rId55" Type="http://schemas.openxmlformats.org/officeDocument/2006/relationships/tags" Target="../tags/tag468.xml"/><Relationship Id="rId63" Type="http://schemas.openxmlformats.org/officeDocument/2006/relationships/tags" Target="../tags/tag476.xml"/><Relationship Id="rId68" Type="http://schemas.openxmlformats.org/officeDocument/2006/relationships/tags" Target="../tags/tag481.xml"/><Relationship Id="rId76" Type="http://schemas.openxmlformats.org/officeDocument/2006/relationships/tags" Target="../tags/tag489.xml"/><Relationship Id="rId7" Type="http://schemas.openxmlformats.org/officeDocument/2006/relationships/tags" Target="../tags/tag420.xml"/><Relationship Id="rId71" Type="http://schemas.openxmlformats.org/officeDocument/2006/relationships/tags" Target="../tags/tag484.xml"/><Relationship Id="rId2" Type="http://schemas.openxmlformats.org/officeDocument/2006/relationships/tags" Target="../tags/tag415.xml"/><Relationship Id="rId16" Type="http://schemas.openxmlformats.org/officeDocument/2006/relationships/tags" Target="../tags/tag429.xml"/><Relationship Id="rId29" Type="http://schemas.openxmlformats.org/officeDocument/2006/relationships/tags" Target="../tags/tag442.xml"/><Relationship Id="rId11" Type="http://schemas.openxmlformats.org/officeDocument/2006/relationships/tags" Target="../tags/tag424.xml"/><Relationship Id="rId24" Type="http://schemas.openxmlformats.org/officeDocument/2006/relationships/tags" Target="../tags/tag437.xml"/><Relationship Id="rId32" Type="http://schemas.openxmlformats.org/officeDocument/2006/relationships/tags" Target="../tags/tag445.xml"/><Relationship Id="rId37" Type="http://schemas.openxmlformats.org/officeDocument/2006/relationships/tags" Target="../tags/tag450.xml"/><Relationship Id="rId40" Type="http://schemas.openxmlformats.org/officeDocument/2006/relationships/tags" Target="../tags/tag453.xml"/><Relationship Id="rId45" Type="http://schemas.openxmlformats.org/officeDocument/2006/relationships/tags" Target="../tags/tag458.xml"/><Relationship Id="rId53" Type="http://schemas.openxmlformats.org/officeDocument/2006/relationships/tags" Target="../tags/tag466.xml"/><Relationship Id="rId58" Type="http://schemas.openxmlformats.org/officeDocument/2006/relationships/tags" Target="../tags/tag471.xml"/><Relationship Id="rId66" Type="http://schemas.openxmlformats.org/officeDocument/2006/relationships/tags" Target="../tags/tag479.xml"/><Relationship Id="rId74" Type="http://schemas.openxmlformats.org/officeDocument/2006/relationships/tags" Target="../tags/tag487.xml"/><Relationship Id="rId5" Type="http://schemas.openxmlformats.org/officeDocument/2006/relationships/tags" Target="../tags/tag418.xml"/><Relationship Id="rId15" Type="http://schemas.openxmlformats.org/officeDocument/2006/relationships/tags" Target="../tags/tag428.xml"/><Relationship Id="rId23" Type="http://schemas.openxmlformats.org/officeDocument/2006/relationships/tags" Target="../tags/tag436.xml"/><Relationship Id="rId28" Type="http://schemas.openxmlformats.org/officeDocument/2006/relationships/tags" Target="../tags/tag441.xml"/><Relationship Id="rId36" Type="http://schemas.openxmlformats.org/officeDocument/2006/relationships/tags" Target="../tags/tag449.xml"/><Relationship Id="rId49" Type="http://schemas.openxmlformats.org/officeDocument/2006/relationships/tags" Target="../tags/tag462.xml"/><Relationship Id="rId57" Type="http://schemas.openxmlformats.org/officeDocument/2006/relationships/tags" Target="../tags/tag470.xml"/><Relationship Id="rId61" Type="http://schemas.openxmlformats.org/officeDocument/2006/relationships/tags" Target="../tags/tag474.xml"/><Relationship Id="rId10" Type="http://schemas.openxmlformats.org/officeDocument/2006/relationships/tags" Target="../tags/tag423.xml"/><Relationship Id="rId19" Type="http://schemas.openxmlformats.org/officeDocument/2006/relationships/tags" Target="../tags/tag432.xml"/><Relationship Id="rId31" Type="http://schemas.openxmlformats.org/officeDocument/2006/relationships/tags" Target="../tags/tag444.xml"/><Relationship Id="rId44" Type="http://schemas.openxmlformats.org/officeDocument/2006/relationships/tags" Target="../tags/tag457.xml"/><Relationship Id="rId52" Type="http://schemas.openxmlformats.org/officeDocument/2006/relationships/tags" Target="../tags/tag465.xml"/><Relationship Id="rId60" Type="http://schemas.openxmlformats.org/officeDocument/2006/relationships/tags" Target="../tags/tag473.xml"/><Relationship Id="rId65" Type="http://schemas.openxmlformats.org/officeDocument/2006/relationships/tags" Target="../tags/tag478.xml"/><Relationship Id="rId73" Type="http://schemas.openxmlformats.org/officeDocument/2006/relationships/tags" Target="../tags/tag486.xml"/><Relationship Id="rId78" Type="http://schemas.openxmlformats.org/officeDocument/2006/relationships/slideLayout" Target="../slideLayouts/slideLayout2.xml"/><Relationship Id="rId4" Type="http://schemas.openxmlformats.org/officeDocument/2006/relationships/tags" Target="../tags/tag417.xml"/><Relationship Id="rId9" Type="http://schemas.openxmlformats.org/officeDocument/2006/relationships/tags" Target="../tags/tag422.xml"/><Relationship Id="rId14" Type="http://schemas.openxmlformats.org/officeDocument/2006/relationships/tags" Target="../tags/tag427.xml"/><Relationship Id="rId22" Type="http://schemas.openxmlformats.org/officeDocument/2006/relationships/tags" Target="../tags/tag435.xml"/><Relationship Id="rId27" Type="http://schemas.openxmlformats.org/officeDocument/2006/relationships/tags" Target="../tags/tag440.xml"/><Relationship Id="rId30" Type="http://schemas.openxmlformats.org/officeDocument/2006/relationships/tags" Target="../tags/tag443.xml"/><Relationship Id="rId35" Type="http://schemas.openxmlformats.org/officeDocument/2006/relationships/tags" Target="../tags/tag448.xml"/><Relationship Id="rId43" Type="http://schemas.openxmlformats.org/officeDocument/2006/relationships/tags" Target="../tags/tag456.xml"/><Relationship Id="rId48" Type="http://schemas.openxmlformats.org/officeDocument/2006/relationships/tags" Target="../tags/tag461.xml"/><Relationship Id="rId56" Type="http://schemas.openxmlformats.org/officeDocument/2006/relationships/tags" Target="../tags/tag469.xml"/><Relationship Id="rId64" Type="http://schemas.openxmlformats.org/officeDocument/2006/relationships/tags" Target="../tags/tag477.xml"/><Relationship Id="rId69" Type="http://schemas.openxmlformats.org/officeDocument/2006/relationships/tags" Target="../tags/tag482.xml"/><Relationship Id="rId77" Type="http://schemas.openxmlformats.org/officeDocument/2006/relationships/tags" Target="../tags/tag490.xml"/><Relationship Id="rId8" Type="http://schemas.openxmlformats.org/officeDocument/2006/relationships/tags" Target="../tags/tag421.xml"/><Relationship Id="rId51" Type="http://schemas.openxmlformats.org/officeDocument/2006/relationships/tags" Target="../tags/tag464.xml"/><Relationship Id="rId72" Type="http://schemas.openxmlformats.org/officeDocument/2006/relationships/tags" Target="../tags/tag485.xml"/><Relationship Id="rId3" Type="http://schemas.openxmlformats.org/officeDocument/2006/relationships/tags" Target="../tags/tag416.xml"/><Relationship Id="rId12" Type="http://schemas.openxmlformats.org/officeDocument/2006/relationships/tags" Target="../tags/tag425.xml"/><Relationship Id="rId17" Type="http://schemas.openxmlformats.org/officeDocument/2006/relationships/tags" Target="../tags/tag430.xml"/><Relationship Id="rId25" Type="http://schemas.openxmlformats.org/officeDocument/2006/relationships/tags" Target="../tags/tag438.xml"/><Relationship Id="rId33" Type="http://schemas.openxmlformats.org/officeDocument/2006/relationships/tags" Target="../tags/tag446.xml"/><Relationship Id="rId38" Type="http://schemas.openxmlformats.org/officeDocument/2006/relationships/tags" Target="../tags/tag451.xml"/><Relationship Id="rId46" Type="http://schemas.openxmlformats.org/officeDocument/2006/relationships/tags" Target="../tags/tag459.xml"/><Relationship Id="rId59" Type="http://schemas.openxmlformats.org/officeDocument/2006/relationships/tags" Target="../tags/tag472.xml"/><Relationship Id="rId67" Type="http://schemas.openxmlformats.org/officeDocument/2006/relationships/tags" Target="../tags/tag480.xml"/><Relationship Id="rId20" Type="http://schemas.openxmlformats.org/officeDocument/2006/relationships/tags" Target="../tags/tag433.xml"/><Relationship Id="rId41" Type="http://schemas.openxmlformats.org/officeDocument/2006/relationships/tags" Target="../tags/tag454.xml"/><Relationship Id="rId54" Type="http://schemas.openxmlformats.org/officeDocument/2006/relationships/tags" Target="../tags/tag467.xml"/><Relationship Id="rId62" Type="http://schemas.openxmlformats.org/officeDocument/2006/relationships/tags" Target="../tags/tag475.xml"/><Relationship Id="rId70" Type="http://schemas.openxmlformats.org/officeDocument/2006/relationships/tags" Target="../tags/tag483.xml"/><Relationship Id="rId75" Type="http://schemas.openxmlformats.org/officeDocument/2006/relationships/tags" Target="../tags/tag488.xml"/><Relationship Id="rId1" Type="http://schemas.openxmlformats.org/officeDocument/2006/relationships/tags" Target="../tags/tag414.xml"/><Relationship Id="rId6" Type="http://schemas.openxmlformats.org/officeDocument/2006/relationships/tags" Target="../tags/tag419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hyperlink" Target="https://chess.esss.lu.se/enovia/link/ESS-0291029/21308.51166.49920.20719/valid" TargetMode="Externa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5.jpeg"/><Relationship Id="rId4" Type="http://schemas.openxmlformats.org/officeDocument/2006/relationships/image" Target="../media/image24.jpeg"/></Relationships>
</file>

<file path=ppt/slides/_rels/slide3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jpeg"/><Relationship Id="rId3" Type="http://schemas.openxmlformats.org/officeDocument/2006/relationships/image" Target="../media/image15.jpg"/><Relationship Id="rId7" Type="http://schemas.openxmlformats.org/officeDocument/2006/relationships/image" Target="../media/image30.jpeg"/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9.jpeg"/><Relationship Id="rId5" Type="http://schemas.openxmlformats.org/officeDocument/2006/relationships/image" Target="../media/image28.jpeg"/><Relationship Id="rId4" Type="http://schemas.openxmlformats.org/officeDocument/2006/relationships/image" Target="../media/image27.jpe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eg"/><Relationship Id="rId7" Type="http://schemas.openxmlformats.org/officeDocument/2006/relationships/image" Target="../media/image35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4.png"/><Relationship Id="rId5" Type="http://schemas.openxmlformats.org/officeDocument/2006/relationships/image" Target="../media/image33.jpeg"/><Relationship Id="rId4" Type="http://schemas.openxmlformats.org/officeDocument/2006/relationships/image" Target="../media/image13.jpe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jpe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9.jpeg"/><Relationship Id="rId4" Type="http://schemas.openxmlformats.org/officeDocument/2006/relationships/image" Target="../media/image38.jpe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jpeg"/><Relationship Id="rId7" Type="http://schemas.openxmlformats.org/officeDocument/2006/relationships/image" Target="../media/image45.jpeg"/><Relationship Id="rId2" Type="http://schemas.openxmlformats.org/officeDocument/2006/relationships/image" Target="../media/image40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4.jpeg"/><Relationship Id="rId5" Type="http://schemas.openxmlformats.org/officeDocument/2006/relationships/image" Target="../media/image43.jpeg"/><Relationship Id="rId4" Type="http://schemas.openxmlformats.org/officeDocument/2006/relationships/image" Target="../media/image42.jpeg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gif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918648" cy="1470025"/>
          </a:xfrm>
        </p:spPr>
        <p:txBody>
          <a:bodyPr>
            <a:normAutofit/>
          </a:bodyPr>
          <a:lstStyle/>
          <a:p>
            <a:pPr algn="ctr"/>
            <a:r>
              <a:rPr lang="en-US" sz="4000" dirty="0" smtClean="0"/>
              <a:t>Integrated Control System</a:t>
            </a:r>
            <a:br>
              <a:rPr lang="en-US" sz="4000" dirty="0" smtClean="0"/>
            </a:br>
            <a:r>
              <a:rPr lang="en-US" sz="4000" dirty="0" smtClean="0"/>
              <a:t>Status Report 2018-05</a:t>
            </a:r>
            <a:endParaRPr lang="en-GB" sz="40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4149080"/>
            <a:ext cx="6728792" cy="1489720"/>
          </a:xfrm>
        </p:spPr>
        <p:txBody>
          <a:bodyPr>
            <a:noAutofit/>
          </a:bodyPr>
          <a:lstStyle/>
          <a:p>
            <a:r>
              <a:rPr lang="en-GB" sz="2000" dirty="0">
                <a:solidFill>
                  <a:schemeClr val="bg1"/>
                </a:solidFill>
              </a:rPr>
              <a:t>ESS/CEA-ESSI Coordination Committee </a:t>
            </a:r>
            <a:r>
              <a:rPr lang="en-GB" sz="2000" dirty="0" smtClean="0">
                <a:solidFill>
                  <a:schemeClr val="bg1"/>
                </a:solidFill>
              </a:rPr>
              <a:t>meeting </a:t>
            </a:r>
            <a:r>
              <a:rPr lang="en-GB" sz="2000" dirty="0">
                <a:solidFill>
                  <a:schemeClr val="bg1"/>
                </a:solidFill>
              </a:rPr>
              <a:t>#5</a:t>
            </a:r>
          </a:p>
          <a:p>
            <a:r>
              <a:rPr lang="en-GB" sz="2000" dirty="0" smtClean="0">
                <a:solidFill>
                  <a:schemeClr val="bg1"/>
                </a:solidFill>
              </a:rPr>
              <a:t>Hector Novella</a:t>
            </a:r>
            <a:endParaRPr lang="en-GB" sz="2000" dirty="0">
              <a:solidFill>
                <a:schemeClr val="bg1"/>
              </a:solidFill>
            </a:endParaRPr>
          </a:p>
          <a:p>
            <a:r>
              <a:rPr lang="en-GB" sz="2000" dirty="0" smtClean="0">
                <a:solidFill>
                  <a:schemeClr val="bg1"/>
                </a:solidFill>
              </a:rPr>
              <a:t>ICS Deputy Project </a:t>
            </a:r>
            <a:r>
              <a:rPr lang="en-GB" sz="2000" dirty="0">
                <a:solidFill>
                  <a:schemeClr val="bg1"/>
                </a:solidFill>
              </a:rPr>
              <a:t>Manager</a:t>
            </a:r>
          </a:p>
        </p:txBody>
      </p:sp>
      <p:sp>
        <p:nvSpPr>
          <p:cNvPr id="4" name="Rectangle 3"/>
          <p:cNvSpPr/>
          <p:nvPr/>
        </p:nvSpPr>
        <p:spPr>
          <a:xfrm>
            <a:off x="2286000" y="5949280"/>
            <a:ext cx="4572000" cy="60324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GB" sz="1600" dirty="0" err="1">
                <a:solidFill>
                  <a:srgbClr val="FFFFFF"/>
                </a:solidFill>
              </a:rPr>
              <a:t>www.europeanspallationsource.se</a:t>
            </a:r>
            <a:endParaRPr lang="en-GB" sz="1600" dirty="0">
              <a:solidFill>
                <a:srgbClr val="FFFFFF"/>
              </a:solidFill>
            </a:endParaRPr>
          </a:p>
          <a:p>
            <a:pPr algn="ctr"/>
            <a:r>
              <a:rPr lang="en-GB" sz="1400" dirty="0" smtClean="0">
                <a:solidFill>
                  <a:srgbClr val="FFFFFF"/>
                </a:solidFill>
              </a:rPr>
              <a:t>2018-05-18</a:t>
            </a:r>
            <a:endParaRPr lang="en-GB" sz="14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46133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6" name="Rounded Rectangle 135"/>
          <p:cNvSpPr/>
          <p:nvPr/>
        </p:nvSpPr>
        <p:spPr>
          <a:xfrm>
            <a:off x="6205034" y="4877516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aria Romedahl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echnical coordinator</a:t>
            </a:r>
          </a:p>
        </p:txBody>
      </p:sp>
      <p:cxnSp>
        <p:nvCxnSpPr>
          <p:cNvPr id="107" name="Straight Connector 106"/>
          <p:cNvCxnSpPr>
            <a:stCxn id="113" idx="1"/>
          </p:cNvCxnSpPr>
          <p:nvPr/>
        </p:nvCxnSpPr>
        <p:spPr>
          <a:xfrm flipH="1">
            <a:off x="270261" y="4060068"/>
            <a:ext cx="13438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Straight Connector 146"/>
          <p:cNvCxnSpPr>
            <a:stCxn id="12" idx="1"/>
          </p:cNvCxnSpPr>
          <p:nvPr/>
        </p:nvCxnSpPr>
        <p:spPr>
          <a:xfrm flipH="1">
            <a:off x="265181" y="2777678"/>
            <a:ext cx="13946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Straight Connector 150"/>
          <p:cNvCxnSpPr>
            <a:stCxn id="14" idx="1"/>
          </p:cNvCxnSpPr>
          <p:nvPr/>
        </p:nvCxnSpPr>
        <p:spPr>
          <a:xfrm flipH="1">
            <a:off x="274233" y="3632606"/>
            <a:ext cx="13041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Straight Connector 141"/>
          <p:cNvCxnSpPr>
            <a:stCxn id="89" idx="1"/>
          </p:cNvCxnSpPr>
          <p:nvPr/>
        </p:nvCxnSpPr>
        <p:spPr>
          <a:xfrm flipH="1">
            <a:off x="270261" y="3205142"/>
            <a:ext cx="13438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Straight Connector 163"/>
          <p:cNvCxnSpPr>
            <a:stCxn id="136" idx="1"/>
          </p:cNvCxnSpPr>
          <p:nvPr/>
        </p:nvCxnSpPr>
        <p:spPr>
          <a:xfrm flipH="1" flipV="1">
            <a:off x="6093296" y="4999256"/>
            <a:ext cx="111738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Straight Connector 154"/>
          <p:cNvCxnSpPr>
            <a:stCxn id="166" idx="1"/>
          </p:cNvCxnSpPr>
          <p:nvPr/>
        </p:nvCxnSpPr>
        <p:spPr>
          <a:xfrm flipH="1" flipV="1">
            <a:off x="4710772" y="4998924"/>
            <a:ext cx="10465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Straight Connector 169"/>
          <p:cNvCxnSpPr/>
          <p:nvPr/>
        </p:nvCxnSpPr>
        <p:spPr>
          <a:xfrm flipH="1">
            <a:off x="6101454" y="4687347"/>
            <a:ext cx="10358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Straight Connector 151"/>
          <p:cNvCxnSpPr/>
          <p:nvPr/>
        </p:nvCxnSpPr>
        <p:spPr>
          <a:xfrm flipV="1">
            <a:off x="1805757" y="1643537"/>
            <a:ext cx="1" cy="22860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/>
          <p:cNvCxnSpPr/>
          <p:nvPr/>
        </p:nvCxnSpPr>
        <p:spPr>
          <a:xfrm flipV="1">
            <a:off x="3274103" y="1647248"/>
            <a:ext cx="3573" cy="48282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Straight Connector 120"/>
          <p:cNvCxnSpPr>
            <a:stCxn id="116" idx="1"/>
          </p:cNvCxnSpPr>
          <p:nvPr/>
        </p:nvCxnSpPr>
        <p:spPr>
          <a:xfrm flipH="1">
            <a:off x="6104700" y="4360018"/>
            <a:ext cx="10033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Straight Connector 143"/>
          <p:cNvCxnSpPr>
            <a:stCxn id="9" idx="1"/>
          </p:cNvCxnSpPr>
          <p:nvPr/>
        </p:nvCxnSpPr>
        <p:spPr>
          <a:xfrm flipH="1">
            <a:off x="265181" y="1922750"/>
            <a:ext cx="13946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Straight Connector 130"/>
          <p:cNvCxnSpPr/>
          <p:nvPr/>
        </p:nvCxnSpPr>
        <p:spPr>
          <a:xfrm flipH="1">
            <a:off x="3276362" y="6475485"/>
            <a:ext cx="18288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Straight Connector 133"/>
          <p:cNvCxnSpPr>
            <a:stCxn id="95" idx="1"/>
          </p:cNvCxnSpPr>
          <p:nvPr/>
        </p:nvCxnSpPr>
        <p:spPr>
          <a:xfrm flipH="1">
            <a:off x="1805757" y="3927092"/>
            <a:ext cx="10100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Straight Connector 117"/>
          <p:cNvCxnSpPr>
            <a:stCxn id="61" idx="1"/>
          </p:cNvCxnSpPr>
          <p:nvPr/>
        </p:nvCxnSpPr>
        <p:spPr>
          <a:xfrm flipH="1">
            <a:off x="3279364" y="2756296"/>
            <a:ext cx="9521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Straight Connector 116"/>
          <p:cNvCxnSpPr>
            <a:stCxn id="50" idx="1"/>
          </p:cNvCxnSpPr>
          <p:nvPr/>
        </p:nvCxnSpPr>
        <p:spPr>
          <a:xfrm flipH="1">
            <a:off x="3285651" y="2388892"/>
            <a:ext cx="889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Straight Connector 98"/>
          <p:cNvCxnSpPr>
            <a:stCxn id="49" idx="1"/>
          </p:cNvCxnSpPr>
          <p:nvPr/>
        </p:nvCxnSpPr>
        <p:spPr>
          <a:xfrm flipH="1">
            <a:off x="3276875" y="2021488"/>
            <a:ext cx="977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Straight Connector 123"/>
          <p:cNvCxnSpPr>
            <a:stCxn id="106" idx="1"/>
          </p:cNvCxnSpPr>
          <p:nvPr/>
        </p:nvCxnSpPr>
        <p:spPr>
          <a:xfrm flipH="1">
            <a:off x="3284940" y="4960720"/>
            <a:ext cx="8964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Straight Connector 124"/>
          <p:cNvCxnSpPr/>
          <p:nvPr/>
        </p:nvCxnSpPr>
        <p:spPr>
          <a:xfrm flipH="1">
            <a:off x="3280653" y="4593316"/>
            <a:ext cx="8766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Straight Connector 127"/>
          <p:cNvCxnSpPr>
            <a:stCxn id="52" idx="1"/>
          </p:cNvCxnSpPr>
          <p:nvPr/>
        </p:nvCxnSpPr>
        <p:spPr>
          <a:xfrm flipH="1">
            <a:off x="3284150" y="3858508"/>
            <a:ext cx="9043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Straight Connector 128"/>
          <p:cNvCxnSpPr>
            <a:stCxn id="53" idx="1"/>
          </p:cNvCxnSpPr>
          <p:nvPr/>
        </p:nvCxnSpPr>
        <p:spPr>
          <a:xfrm flipH="1">
            <a:off x="3284427" y="3123700"/>
            <a:ext cx="90153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Straight Connector 122"/>
          <p:cNvCxnSpPr>
            <a:stCxn id="54" idx="1"/>
          </p:cNvCxnSpPr>
          <p:nvPr/>
        </p:nvCxnSpPr>
        <p:spPr>
          <a:xfrm flipH="1">
            <a:off x="4703684" y="3974057"/>
            <a:ext cx="11882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 flipV="1">
            <a:off x="2285341" y="1331126"/>
            <a:ext cx="0" cy="14824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>
            <a:stCxn id="70" idx="1"/>
          </p:cNvCxnSpPr>
          <p:nvPr/>
        </p:nvCxnSpPr>
        <p:spPr>
          <a:xfrm flipH="1">
            <a:off x="7614260" y="5412412"/>
            <a:ext cx="101678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Straight Connector 110"/>
          <p:cNvCxnSpPr/>
          <p:nvPr/>
        </p:nvCxnSpPr>
        <p:spPr>
          <a:xfrm flipV="1">
            <a:off x="270261" y="1327615"/>
            <a:ext cx="0" cy="2743200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>
          <a:xfrm>
            <a:off x="7610028" y="1617203"/>
            <a:ext cx="0" cy="506282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/>
        </p:nvCxnSpPr>
        <p:spPr>
          <a:xfrm flipV="1">
            <a:off x="3770044" y="1329303"/>
            <a:ext cx="0" cy="7453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>
            <a:stCxn id="10" idx="0"/>
          </p:cNvCxnSpPr>
          <p:nvPr/>
        </p:nvCxnSpPr>
        <p:spPr>
          <a:xfrm flipH="1" flipV="1">
            <a:off x="8031393" y="1325900"/>
            <a:ext cx="0" cy="9144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>
            <a:stCxn id="8" idx="2"/>
          </p:cNvCxnSpPr>
          <p:nvPr/>
        </p:nvCxnSpPr>
        <p:spPr>
          <a:xfrm>
            <a:off x="4572000" y="1239056"/>
            <a:ext cx="0" cy="8902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Straight Connector 87"/>
          <p:cNvCxnSpPr>
            <a:stCxn id="126" idx="1"/>
          </p:cNvCxnSpPr>
          <p:nvPr/>
        </p:nvCxnSpPr>
        <p:spPr>
          <a:xfrm flipH="1">
            <a:off x="6097080" y="3628408"/>
            <a:ext cx="111738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/>
          <p:cNvCxnSpPr/>
          <p:nvPr/>
        </p:nvCxnSpPr>
        <p:spPr>
          <a:xfrm flipV="1">
            <a:off x="6092232" y="1621970"/>
            <a:ext cx="4848" cy="438912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>
            <a:stCxn id="11" idx="0"/>
          </p:cNvCxnSpPr>
          <p:nvPr/>
        </p:nvCxnSpPr>
        <p:spPr>
          <a:xfrm flipV="1">
            <a:off x="5767001" y="1335702"/>
            <a:ext cx="0" cy="8758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Straight Connector 114"/>
          <p:cNvCxnSpPr>
            <a:stCxn id="68" idx="1"/>
          </p:cNvCxnSpPr>
          <p:nvPr/>
        </p:nvCxnSpPr>
        <p:spPr>
          <a:xfrm flipH="1">
            <a:off x="6102604" y="3302056"/>
            <a:ext cx="10621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Straight Connector 101"/>
          <p:cNvCxnSpPr>
            <a:stCxn id="103" idx="1"/>
          </p:cNvCxnSpPr>
          <p:nvPr/>
        </p:nvCxnSpPr>
        <p:spPr>
          <a:xfrm flipH="1">
            <a:off x="7612144" y="4170316"/>
            <a:ext cx="1037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Straight Connector 111"/>
          <p:cNvCxnSpPr>
            <a:stCxn id="100" idx="1"/>
          </p:cNvCxnSpPr>
          <p:nvPr/>
        </p:nvCxnSpPr>
        <p:spPr>
          <a:xfrm flipH="1">
            <a:off x="4710240" y="3644488"/>
            <a:ext cx="11227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Straight Connector 109"/>
          <p:cNvCxnSpPr>
            <a:stCxn id="127" idx="1"/>
          </p:cNvCxnSpPr>
          <p:nvPr/>
        </p:nvCxnSpPr>
        <p:spPr>
          <a:xfrm flipH="1">
            <a:off x="6102604" y="2323000"/>
            <a:ext cx="10621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Straight Connector 108"/>
          <p:cNvCxnSpPr>
            <a:stCxn id="75" idx="1"/>
          </p:cNvCxnSpPr>
          <p:nvPr/>
        </p:nvCxnSpPr>
        <p:spPr>
          <a:xfrm flipH="1">
            <a:off x="6093834" y="1996648"/>
            <a:ext cx="11498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Rounded Rectangle 6"/>
          <p:cNvSpPr/>
          <p:nvPr/>
        </p:nvSpPr>
        <p:spPr>
          <a:xfrm>
            <a:off x="3419872" y="6309754"/>
            <a:ext cx="1152128" cy="324000"/>
          </a:xfrm>
          <a:prstGeom prst="roundRect">
            <a:avLst/>
          </a:prstGeom>
          <a:solidFill>
            <a:schemeClr val="accent2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9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" name="Rounded Rectangle 7"/>
          <p:cNvSpPr/>
          <p:nvPr/>
        </p:nvSpPr>
        <p:spPr>
          <a:xfrm>
            <a:off x="3995936" y="873296"/>
            <a:ext cx="1152128" cy="36576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9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enrik Carling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7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ead of Division</a:t>
            </a:r>
            <a:endParaRPr kumimoji="0" lang="sv-SE" sz="7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" name="Rounded Rectangle 8"/>
          <p:cNvSpPr/>
          <p:nvPr/>
        </p:nvSpPr>
        <p:spPr>
          <a:xfrm>
            <a:off x="404645" y="1785590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nna Gillberg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eam assistant</a:t>
            </a:r>
          </a:p>
        </p:txBody>
      </p:sp>
      <p:sp>
        <p:nvSpPr>
          <p:cNvPr id="10" name="Rounded Rectangle 9"/>
          <p:cNvSpPr/>
          <p:nvPr/>
        </p:nvSpPr>
        <p:spPr>
          <a:xfrm>
            <a:off x="7486539" y="1413131"/>
            <a:ext cx="1152128" cy="324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7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afety and protectio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nnika </a:t>
            </a:r>
            <a:r>
              <a:rPr kumimoji="0" lang="sv-SE" sz="9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ordt 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" name="Rounded Rectangle 11"/>
          <p:cNvSpPr/>
          <p:nvPr/>
        </p:nvSpPr>
        <p:spPr>
          <a:xfrm>
            <a:off x="404645" y="2640518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ector Novell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eputy project manager</a:t>
            </a:r>
          </a:p>
        </p:txBody>
      </p:sp>
      <p:sp>
        <p:nvSpPr>
          <p:cNvPr id="13" name="Rounded Rectangle 12"/>
          <p:cNvSpPr/>
          <p:nvPr/>
        </p:nvSpPr>
        <p:spPr>
          <a:xfrm>
            <a:off x="3200083" y="1423291"/>
            <a:ext cx="1152128" cy="324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7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ntrols Softwar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usanne </a:t>
            </a:r>
            <a:r>
              <a:rPr kumimoji="0" lang="sv-SE" sz="9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egnell</a:t>
            </a:r>
            <a:endParaRPr kumimoji="0" lang="sv-SE" sz="9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" name="Rounded Rectangle 13"/>
          <p:cNvSpPr/>
          <p:nvPr/>
        </p:nvSpPr>
        <p:spPr>
          <a:xfrm>
            <a:off x="404645" y="3495446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imo Korhonen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hief engineer</a:t>
            </a:r>
          </a:p>
        </p:txBody>
      </p:sp>
      <p:cxnSp>
        <p:nvCxnSpPr>
          <p:cNvPr id="17" name="Straight Connector 16"/>
          <p:cNvCxnSpPr/>
          <p:nvPr/>
        </p:nvCxnSpPr>
        <p:spPr>
          <a:xfrm flipV="1">
            <a:off x="274233" y="1325900"/>
            <a:ext cx="7772400" cy="3874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/>
          <p:cNvCxnSpPr>
            <a:stCxn id="55" idx="1"/>
          </p:cNvCxnSpPr>
          <p:nvPr/>
        </p:nvCxnSpPr>
        <p:spPr>
          <a:xfrm flipH="1">
            <a:off x="7612144" y="5722936"/>
            <a:ext cx="1037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/>
          <p:cNvCxnSpPr>
            <a:stCxn id="138" idx="1"/>
          </p:cNvCxnSpPr>
          <p:nvPr/>
        </p:nvCxnSpPr>
        <p:spPr>
          <a:xfrm flipH="1" flipV="1">
            <a:off x="7612144" y="2300962"/>
            <a:ext cx="1037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/>
          <p:cNvCxnSpPr>
            <a:stCxn id="162" idx="1"/>
          </p:cNvCxnSpPr>
          <p:nvPr/>
        </p:nvCxnSpPr>
        <p:spPr>
          <a:xfrm flipH="1">
            <a:off x="7619308" y="3549268"/>
            <a:ext cx="9663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/>
          <p:cNvCxnSpPr>
            <a:stCxn id="159" idx="1"/>
          </p:cNvCxnSpPr>
          <p:nvPr/>
        </p:nvCxnSpPr>
        <p:spPr>
          <a:xfrm flipH="1">
            <a:off x="7616378" y="3859792"/>
            <a:ext cx="9956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/>
          <p:cNvCxnSpPr>
            <a:stCxn id="59" idx="1"/>
          </p:cNvCxnSpPr>
          <p:nvPr/>
        </p:nvCxnSpPr>
        <p:spPr>
          <a:xfrm flipH="1">
            <a:off x="7612144" y="1996648"/>
            <a:ext cx="1037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/>
          <p:cNvCxnSpPr>
            <a:stCxn id="56" idx="1"/>
          </p:cNvCxnSpPr>
          <p:nvPr/>
        </p:nvCxnSpPr>
        <p:spPr>
          <a:xfrm flipH="1">
            <a:off x="7612144" y="4791364"/>
            <a:ext cx="1037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/>
          <p:cNvCxnSpPr>
            <a:stCxn id="69" idx="1"/>
          </p:cNvCxnSpPr>
          <p:nvPr/>
        </p:nvCxnSpPr>
        <p:spPr>
          <a:xfrm flipH="1" flipV="1">
            <a:off x="6097080" y="2974914"/>
            <a:ext cx="111738" cy="79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Rounded Rectangle 48"/>
          <p:cNvSpPr/>
          <p:nvPr/>
        </p:nvSpPr>
        <p:spPr>
          <a:xfrm>
            <a:off x="3374580" y="1859488"/>
            <a:ext cx="1152128" cy="32400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manuele Lafac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lerator physicist</a:t>
            </a:r>
          </a:p>
        </p:txBody>
      </p:sp>
      <p:sp>
        <p:nvSpPr>
          <p:cNvPr id="50" name="Rounded Rectangle 49"/>
          <p:cNvSpPr/>
          <p:nvPr/>
        </p:nvSpPr>
        <p:spPr>
          <a:xfrm>
            <a:off x="3374580" y="2226892"/>
            <a:ext cx="1152128" cy="32400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Juan Esteban Müller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ftware scientist</a:t>
            </a:r>
          </a:p>
        </p:txBody>
      </p:sp>
      <p:sp>
        <p:nvSpPr>
          <p:cNvPr id="52" name="Rounded Rectangle 51"/>
          <p:cNvSpPr/>
          <p:nvPr/>
        </p:nvSpPr>
        <p:spPr>
          <a:xfrm>
            <a:off x="3374580" y="3696508"/>
            <a:ext cx="1152128" cy="32400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icardo </a:t>
            </a:r>
            <a:r>
              <a:rPr kumimoji="0" lang="en-GB" sz="8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ernandes</a:t>
            </a:r>
            <a:r>
              <a:rPr kumimoji="0" lang="en-GB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/>
            </a:r>
            <a:br>
              <a:rPr kumimoji="0" lang="en-GB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en-GB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ntrol system SW architect</a:t>
            </a:r>
            <a:endParaRPr kumimoji="0" lang="en-GB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3" name="Rounded Rectangle 52"/>
          <p:cNvSpPr/>
          <p:nvPr/>
        </p:nvSpPr>
        <p:spPr>
          <a:xfrm>
            <a:off x="3374580" y="2961700"/>
            <a:ext cx="1152128" cy="32400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laudio Rosati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ftware engineer</a:t>
            </a:r>
          </a:p>
        </p:txBody>
      </p:sp>
      <p:sp>
        <p:nvSpPr>
          <p:cNvPr id="54" name="Rounded Rectangle 53"/>
          <p:cNvSpPr/>
          <p:nvPr/>
        </p:nvSpPr>
        <p:spPr>
          <a:xfrm>
            <a:off x="4822510" y="3836897"/>
            <a:ext cx="1152128" cy="274320"/>
          </a:xfrm>
          <a:prstGeom prst="roundRect">
            <a:avLst/>
          </a:prstGeom>
          <a:ln w="12700"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Javier Cereijo</a:t>
            </a:r>
            <a:b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hD Student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5" name="Rounded Rectangle 54"/>
          <p:cNvSpPr/>
          <p:nvPr/>
        </p:nvSpPr>
        <p:spPr>
          <a:xfrm>
            <a:off x="7729182" y="5584156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lberto Toral Diez</a:t>
            </a:r>
            <a:endParaRPr kumimoji="0" lang="sv-SE" sz="800" b="0" i="0" u="none" strike="noStrike" kern="120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echnician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6" name="Rounded Rectangle 55"/>
          <p:cNvSpPr/>
          <p:nvPr/>
        </p:nvSpPr>
        <p:spPr>
          <a:xfrm>
            <a:off x="7729182" y="4652989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enis Paulic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eputy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GL, PLC </a:t>
            </a: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gineer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7" name="Rounded Rectangle 56"/>
          <p:cNvSpPr/>
          <p:nvPr/>
        </p:nvSpPr>
        <p:spPr>
          <a:xfrm>
            <a:off x="7729182" y="5894545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anuel Zaera-Sanz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enior MP </a:t>
            </a: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gineer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8" name="Rounded Rectangle 57"/>
          <p:cNvSpPr/>
          <p:nvPr/>
        </p:nvSpPr>
        <p:spPr>
          <a:xfrm>
            <a:off x="7729182" y="4342600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rteza Mansouri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ead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sv-SE" sz="6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</a:t>
            </a: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tegrator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PSS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9" name="Rounded Rectangle 58"/>
          <p:cNvSpPr/>
          <p:nvPr/>
        </p:nvSpPr>
        <p:spPr>
          <a:xfrm>
            <a:off x="7729182" y="1859488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iccard Andersson</a:t>
            </a:r>
            <a:b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echnical Project Coordinator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0" name="Rounded Rectangle 59"/>
          <p:cNvSpPr/>
          <p:nvPr/>
        </p:nvSpPr>
        <p:spPr>
          <a:xfrm>
            <a:off x="7729182" y="2480266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tuart Birch</a:t>
            </a: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/>
            </a:r>
            <a:b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enior PSS engineer</a:t>
            </a:r>
            <a:endParaRPr kumimoji="0" lang="sv-SE" sz="7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1" name="Rounded Rectangle 60"/>
          <p:cNvSpPr/>
          <p:nvPr/>
        </p:nvSpPr>
        <p:spPr>
          <a:xfrm>
            <a:off x="3374580" y="2594296"/>
            <a:ext cx="1152128" cy="324000"/>
          </a:xfrm>
          <a:prstGeom prst="roundRect">
            <a:avLst/>
          </a:prstGeom>
          <a:ln w="12700"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en Folsom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hD student</a:t>
            </a:r>
          </a:p>
        </p:txBody>
      </p:sp>
      <p:sp>
        <p:nvSpPr>
          <p:cNvPr id="64" name="Rounded Rectangle 63"/>
          <p:cNvSpPr/>
          <p:nvPr/>
        </p:nvSpPr>
        <p:spPr>
          <a:xfrm>
            <a:off x="179512" y="6356026"/>
            <a:ext cx="1152128" cy="324000"/>
          </a:xfrm>
          <a:prstGeom prst="roundRect">
            <a:avLst/>
          </a:prstGeom>
          <a:ln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5</a:t>
            </a:r>
            <a:r>
              <a:rPr kumimoji="0" lang="sv-SE" sz="1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Temporary employees</a:t>
            </a:r>
            <a:endParaRPr kumimoji="0" lang="sv-SE" sz="1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5" name="Rounded Rectangle 64"/>
          <p:cNvSpPr/>
          <p:nvPr/>
        </p:nvSpPr>
        <p:spPr>
          <a:xfrm>
            <a:off x="179512" y="5959946"/>
            <a:ext cx="1152128" cy="324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47 Employees</a:t>
            </a:r>
            <a:endParaRPr kumimoji="0" lang="sv-SE" sz="1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6" name="Rounded Rectangle 65"/>
          <p:cNvSpPr/>
          <p:nvPr/>
        </p:nvSpPr>
        <p:spPr>
          <a:xfrm>
            <a:off x="1403648" y="5962432"/>
            <a:ext cx="1152128" cy="324000"/>
          </a:xfrm>
          <a:prstGeom prst="roundRect">
            <a:avLst/>
          </a:prstGeom>
          <a:solidFill>
            <a:schemeClr val="accent2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8 Consultants</a:t>
            </a:r>
            <a:endParaRPr kumimoji="0" lang="sv-SE" sz="1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7" name="Rounded Rectangle 66"/>
          <p:cNvSpPr/>
          <p:nvPr/>
        </p:nvSpPr>
        <p:spPr>
          <a:xfrm>
            <a:off x="1403648" y="6356026"/>
            <a:ext cx="1152128" cy="324000"/>
          </a:xfrm>
          <a:prstGeom prst="roundRect">
            <a:avLst/>
          </a:prstGeom>
          <a:solidFill>
            <a:schemeClr val="accent2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4 Consultants</a:t>
            </a:r>
            <a:br>
              <a:rPr kumimoji="0" lang="sv-SE" sz="1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1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ff-site</a:t>
            </a:r>
            <a:endParaRPr kumimoji="0" lang="sv-SE" sz="1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8" name="Rounded Rectangle 67"/>
          <p:cNvSpPr/>
          <p:nvPr/>
        </p:nvSpPr>
        <p:spPr>
          <a:xfrm>
            <a:off x="6208818" y="3164896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Joao Paulo Martin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9" name="Rounded Rectangle 68"/>
          <p:cNvSpPr/>
          <p:nvPr/>
        </p:nvSpPr>
        <p:spPr>
          <a:xfrm>
            <a:off x="6208818" y="2838544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enedetto Galles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0" name="Rounded Rectangle 69"/>
          <p:cNvSpPr/>
          <p:nvPr/>
        </p:nvSpPr>
        <p:spPr>
          <a:xfrm>
            <a:off x="7729182" y="5273767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Yong Kian Sin</a:t>
            </a:r>
            <a:b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EC61508 </a:t>
            </a: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ntrols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engineer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5" name="Rounded Rectangle 74"/>
          <p:cNvSpPr/>
          <p:nvPr/>
        </p:nvSpPr>
        <p:spPr>
          <a:xfrm>
            <a:off x="6208818" y="1859488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rançois Bellorini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77" name="Straight Connector 76"/>
          <p:cNvCxnSpPr>
            <a:stCxn id="57" idx="1"/>
          </p:cNvCxnSpPr>
          <p:nvPr/>
        </p:nvCxnSpPr>
        <p:spPr>
          <a:xfrm flipH="1" flipV="1">
            <a:off x="7616378" y="6033328"/>
            <a:ext cx="99560" cy="13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Rounded Rectangle 78"/>
          <p:cNvSpPr/>
          <p:nvPr/>
        </p:nvSpPr>
        <p:spPr>
          <a:xfrm>
            <a:off x="179512" y="5561626"/>
            <a:ext cx="1152128" cy="324000"/>
          </a:xfrm>
          <a:prstGeom prst="roundRect">
            <a:avLst/>
          </a:prstGeom>
          <a:solidFill>
            <a:srgbClr val="008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4</a:t>
            </a: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Positions opened or under consideration</a:t>
            </a:r>
            <a:endParaRPr kumimoji="0" lang="sv-SE" sz="3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0" name="Rounded Rectangle 89"/>
          <p:cNvSpPr/>
          <p:nvPr/>
        </p:nvSpPr>
        <p:spPr>
          <a:xfrm>
            <a:off x="4822510" y="2189056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Jeong Han Lee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1" name="Rounded Rectangle 90"/>
          <p:cNvSpPr/>
          <p:nvPr/>
        </p:nvSpPr>
        <p:spPr>
          <a:xfrm>
            <a:off x="3371578" y="6263784"/>
            <a:ext cx="1152128" cy="324000"/>
          </a:xfrm>
          <a:prstGeom prst="roundRect">
            <a:avLst/>
          </a:prstGeom>
          <a:solidFill>
            <a:schemeClr val="accent2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9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nsultants</a:t>
            </a:r>
            <a:endParaRPr kumimoji="0" lang="sv-SE" sz="9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0" name="Rounded Rectangle 99"/>
          <p:cNvSpPr/>
          <p:nvPr/>
        </p:nvSpPr>
        <p:spPr>
          <a:xfrm>
            <a:off x="4822510" y="3507328"/>
            <a:ext cx="1152128" cy="274320"/>
          </a:xfrm>
          <a:prstGeom prst="roundRect">
            <a:avLst/>
          </a:prstGeom>
          <a:ln w="12700"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Julen Etxeberri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Junior controls engineer</a:t>
            </a:r>
          </a:p>
        </p:txBody>
      </p:sp>
      <p:sp>
        <p:nvSpPr>
          <p:cNvPr id="103" name="Rounded Rectangle 102"/>
          <p:cNvSpPr/>
          <p:nvPr/>
        </p:nvSpPr>
        <p:spPr>
          <a:xfrm>
            <a:off x="7729182" y="4032211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zandra </a:t>
            </a: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Kövecses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ead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MP</a:t>
            </a:r>
            <a:endParaRPr kumimoji="0" lang="sv-SE" sz="7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dirty="0" smtClean="0"/>
              <a:t>ICS </a:t>
            </a:r>
            <a:r>
              <a:rPr lang="en-US" dirty="0" smtClean="0"/>
              <a:t>Organization</a:t>
            </a:r>
            <a:br>
              <a:rPr lang="en-US" dirty="0" smtClean="0"/>
            </a:br>
            <a:r>
              <a:rPr lang="en-US" sz="2000" dirty="0" smtClean="0"/>
              <a:t>2018-05</a:t>
            </a:r>
            <a:endParaRPr lang="en-US" dirty="0"/>
          </a:p>
        </p:txBody>
      </p:sp>
      <p:sp>
        <p:nvSpPr>
          <p:cNvPr id="116" name="Rounded Rectangle 115"/>
          <p:cNvSpPr/>
          <p:nvPr/>
        </p:nvSpPr>
        <p:spPr>
          <a:xfrm>
            <a:off x="6205034" y="4222858"/>
            <a:ext cx="1152128" cy="274320"/>
          </a:xfrm>
          <a:prstGeom prst="roundRect">
            <a:avLst/>
          </a:prstGeom>
          <a:solidFill>
            <a:schemeClr val="accent2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Krisztián Löki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endParaRPr kumimoji="0" lang="sv-SE" sz="1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9" name="Rounded Rectangle 88"/>
          <p:cNvSpPr/>
          <p:nvPr/>
        </p:nvSpPr>
        <p:spPr>
          <a:xfrm>
            <a:off x="404645" y="3067982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hilo Friedrich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ystems Engineer</a:t>
            </a:r>
          </a:p>
        </p:txBody>
      </p:sp>
      <p:sp>
        <p:nvSpPr>
          <p:cNvPr id="106" name="Rounded Rectangle 105"/>
          <p:cNvSpPr/>
          <p:nvPr/>
        </p:nvSpPr>
        <p:spPr>
          <a:xfrm>
            <a:off x="3374580" y="4798720"/>
            <a:ext cx="1152128" cy="32400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Karin Rathsman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lerator </a:t>
            </a: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cientist</a:t>
            </a:r>
          </a:p>
        </p:txBody>
      </p:sp>
      <p:sp>
        <p:nvSpPr>
          <p:cNvPr id="95" name="Rounded Rectangle 94"/>
          <p:cNvSpPr/>
          <p:nvPr/>
        </p:nvSpPr>
        <p:spPr>
          <a:xfrm>
            <a:off x="1906759" y="3789932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redrik Luthander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ftware engineer</a:t>
            </a:r>
          </a:p>
        </p:txBody>
      </p:sp>
      <p:sp>
        <p:nvSpPr>
          <p:cNvPr id="113" name="Rounded Rectangle 112"/>
          <p:cNvSpPr/>
          <p:nvPr/>
        </p:nvSpPr>
        <p:spPr>
          <a:xfrm>
            <a:off x="404645" y="3922908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Wojtek Fabianowski </a:t>
            </a:r>
            <a:endParaRPr kumimoji="0" lang="sv-SE" sz="800" b="0" i="0" u="none" strike="noStrike" kern="120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-kind </a:t>
            </a: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anager</a:t>
            </a:r>
          </a:p>
        </p:txBody>
      </p:sp>
      <p:sp>
        <p:nvSpPr>
          <p:cNvPr id="108" name="Rounded Rectangle 107"/>
          <p:cNvSpPr/>
          <p:nvPr/>
        </p:nvSpPr>
        <p:spPr>
          <a:xfrm>
            <a:off x="3374580" y="4431316"/>
            <a:ext cx="1152128" cy="32400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Jan-Åke Persso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enior software engineer</a:t>
            </a:r>
          </a:p>
        </p:txBody>
      </p:sp>
      <p:sp>
        <p:nvSpPr>
          <p:cNvPr id="127" name="Rounded Rectangle 126"/>
          <p:cNvSpPr/>
          <p:nvPr/>
        </p:nvSpPr>
        <p:spPr>
          <a:xfrm>
            <a:off x="6208818" y="2185840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omasz Bry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35" name="Rounded Rectangle 134"/>
          <p:cNvSpPr/>
          <p:nvPr/>
        </p:nvSpPr>
        <p:spPr>
          <a:xfrm>
            <a:off x="1701435" y="1433161"/>
            <a:ext cx="1152128" cy="3240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7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ntrols infrastructur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emy </a:t>
            </a:r>
            <a:r>
              <a:rPr kumimoji="0" lang="sv-SE" sz="9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udingay</a:t>
            </a:r>
            <a:endParaRPr kumimoji="0" lang="sv-SE" sz="9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48" name="Straight Connector 147"/>
          <p:cNvCxnSpPr>
            <a:stCxn id="154" idx="1"/>
          </p:cNvCxnSpPr>
          <p:nvPr/>
        </p:nvCxnSpPr>
        <p:spPr>
          <a:xfrm flipH="1">
            <a:off x="1808517" y="2961871"/>
            <a:ext cx="9824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Straight Connector 148"/>
          <p:cNvCxnSpPr>
            <a:stCxn id="163" idx="1"/>
          </p:cNvCxnSpPr>
          <p:nvPr/>
        </p:nvCxnSpPr>
        <p:spPr>
          <a:xfrm flipH="1">
            <a:off x="1808517" y="1996648"/>
            <a:ext cx="9824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Straight Connector 149"/>
          <p:cNvCxnSpPr>
            <a:stCxn id="158" idx="1"/>
          </p:cNvCxnSpPr>
          <p:nvPr/>
        </p:nvCxnSpPr>
        <p:spPr>
          <a:xfrm flipH="1">
            <a:off x="1805757" y="2640130"/>
            <a:ext cx="10100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" name="Rounded Rectangle 153"/>
          <p:cNvSpPr/>
          <p:nvPr/>
        </p:nvSpPr>
        <p:spPr>
          <a:xfrm>
            <a:off x="1906759" y="2824711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usann Skarin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ys Admin</a:t>
            </a:r>
          </a:p>
        </p:txBody>
      </p:sp>
      <p:sp>
        <p:nvSpPr>
          <p:cNvPr id="158" name="Rounded Rectangle 157"/>
          <p:cNvSpPr/>
          <p:nvPr/>
        </p:nvSpPr>
        <p:spPr>
          <a:xfrm>
            <a:off x="1906759" y="2502970"/>
            <a:ext cx="1152128" cy="274320"/>
          </a:xfrm>
          <a:prstGeom prst="roundRect">
            <a:avLst/>
          </a:prstGeom>
          <a:ln w="1905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lessio Curri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CS administrator</a:t>
            </a:r>
          </a:p>
        </p:txBody>
      </p:sp>
      <p:sp>
        <p:nvSpPr>
          <p:cNvPr id="162" name="Rounded Rectangle 161"/>
          <p:cNvSpPr/>
          <p:nvPr/>
        </p:nvSpPr>
        <p:spPr>
          <a:xfrm>
            <a:off x="7729182" y="3411433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Viktor Fred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ead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g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lectrical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stall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63" name="Rounded Rectangle 162"/>
          <p:cNvSpPr/>
          <p:nvPr/>
        </p:nvSpPr>
        <p:spPr>
          <a:xfrm>
            <a:off x="1906759" y="1859488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enjamin Bertrand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ftware engineer</a:t>
            </a:r>
          </a:p>
        </p:txBody>
      </p:sp>
      <p:sp>
        <p:nvSpPr>
          <p:cNvPr id="132" name="Rounded Rectangle 131"/>
          <p:cNvSpPr/>
          <p:nvPr/>
        </p:nvSpPr>
        <p:spPr>
          <a:xfrm>
            <a:off x="4822510" y="1859488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ngel Moner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PGA Engineer</a:t>
            </a:r>
          </a:p>
        </p:txBody>
      </p:sp>
      <p:cxnSp>
        <p:nvCxnSpPr>
          <p:cNvPr id="140" name="Straight Connector 139"/>
          <p:cNvCxnSpPr>
            <a:stCxn id="153" idx="1"/>
          </p:cNvCxnSpPr>
          <p:nvPr/>
        </p:nvCxnSpPr>
        <p:spPr>
          <a:xfrm flipH="1">
            <a:off x="265181" y="2350214"/>
            <a:ext cx="139464" cy="304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Rounded Rectangle 152"/>
          <p:cNvSpPr/>
          <p:nvPr/>
        </p:nvSpPr>
        <p:spPr>
          <a:xfrm>
            <a:off x="404645" y="2213054"/>
            <a:ext cx="1152128" cy="274320"/>
          </a:xfrm>
          <a:prstGeom prst="roundRect">
            <a:avLst/>
          </a:prstGeom>
          <a:ln w="1905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nni Frönell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MO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6" name="Rounded Rectangle 125"/>
          <p:cNvSpPr/>
          <p:nvPr/>
        </p:nvSpPr>
        <p:spPr>
          <a:xfrm>
            <a:off x="6208818" y="3491248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John Sparger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57" name="Straight Connector 156"/>
          <p:cNvCxnSpPr>
            <a:stCxn id="58" idx="1"/>
          </p:cNvCxnSpPr>
          <p:nvPr/>
        </p:nvCxnSpPr>
        <p:spPr>
          <a:xfrm flipH="1">
            <a:off x="7612144" y="4480840"/>
            <a:ext cx="1037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9" name="Rounded Rectangle 158"/>
          <p:cNvSpPr/>
          <p:nvPr/>
        </p:nvSpPr>
        <p:spPr>
          <a:xfrm>
            <a:off x="7729182" y="3721822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tephane Gabourin</a:t>
            </a:r>
            <a:b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ead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gineer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fast interlocks</a:t>
            </a:r>
            <a:endParaRPr kumimoji="0" lang="sv-SE" sz="7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66" name="Rounded Rectangle 165"/>
          <p:cNvSpPr/>
          <p:nvPr/>
        </p:nvSpPr>
        <p:spPr>
          <a:xfrm>
            <a:off x="4815422" y="4877336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iklós </a:t>
            </a: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oro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74" name="Rounded Rectangle 173"/>
          <p:cNvSpPr/>
          <p:nvPr/>
        </p:nvSpPr>
        <p:spPr>
          <a:xfrm>
            <a:off x="6205034" y="5204845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our Akel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stallation cordinator </a:t>
            </a:r>
          </a:p>
        </p:txBody>
      </p:sp>
      <p:sp>
        <p:nvSpPr>
          <p:cNvPr id="138" name="Rounded Rectangle 137"/>
          <p:cNvSpPr/>
          <p:nvPr/>
        </p:nvSpPr>
        <p:spPr>
          <a:xfrm>
            <a:off x="7729182" y="2169877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ric Bargalló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ead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nalyst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39" name="Straight Connector 138"/>
          <p:cNvCxnSpPr>
            <a:stCxn id="60" idx="1"/>
          </p:cNvCxnSpPr>
          <p:nvPr/>
        </p:nvCxnSpPr>
        <p:spPr>
          <a:xfrm flipH="1" flipV="1">
            <a:off x="7612144" y="2611866"/>
            <a:ext cx="1037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Straight Connector 121"/>
          <p:cNvCxnSpPr/>
          <p:nvPr/>
        </p:nvCxnSpPr>
        <p:spPr>
          <a:xfrm flipV="1">
            <a:off x="4710240" y="1589966"/>
            <a:ext cx="0" cy="475402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Straight Connector 195"/>
          <p:cNvCxnSpPr>
            <a:stCxn id="132" idx="1"/>
          </p:cNvCxnSpPr>
          <p:nvPr/>
        </p:nvCxnSpPr>
        <p:spPr>
          <a:xfrm flipH="1">
            <a:off x="4710240" y="1996648"/>
            <a:ext cx="11227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Straight Connector 197"/>
          <p:cNvCxnSpPr>
            <a:stCxn id="174" idx="1"/>
          </p:cNvCxnSpPr>
          <p:nvPr/>
        </p:nvCxnSpPr>
        <p:spPr>
          <a:xfrm flipH="1" flipV="1">
            <a:off x="6092232" y="5338256"/>
            <a:ext cx="112802" cy="37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Straight Connector 202"/>
          <p:cNvCxnSpPr>
            <a:stCxn id="143" idx="1"/>
          </p:cNvCxnSpPr>
          <p:nvPr/>
        </p:nvCxnSpPr>
        <p:spPr>
          <a:xfrm flipH="1">
            <a:off x="3276362" y="5328124"/>
            <a:ext cx="98218" cy="261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Straight Connector 210"/>
          <p:cNvCxnSpPr>
            <a:stCxn id="90" idx="1"/>
          </p:cNvCxnSpPr>
          <p:nvPr/>
        </p:nvCxnSpPr>
        <p:spPr>
          <a:xfrm flipH="1">
            <a:off x="4710240" y="2326216"/>
            <a:ext cx="11227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Straight Connector 213"/>
          <p:cNvCxnSpPr>
            <a:stCxn id="98" idx="1"/>
          </p:cNvCxnSpPr>
          <p:nvPr/>
        </p:nvCxnSpPr>
        <p:spPr>
          <a:xfrm flipH="1">
            <a:off x="4710240" y="2655784"/>
            <a:ext cx="11227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Straight Connector 219"/>
          <p:cNvCxnSpPr>
            <a:stCxn id="168" idx="1"/>
          </p:cNvCxnSpPr>
          <p:nvPr/>
        </p:nvCxnSpPr>
        <p:spPr>
          <a:xfrm flipH="1" flipV="1">
            <a:off x="4710240" y="4687348"/>
            <a:ext cx="105182" cy="338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Straight Connector 222"/>
          <p:cNvCxnSpPr>
            <a:stCxn id="133" idx="1"/>
          </p:cNvCxnSpPr>
          <p:nvPr/>
        </p:nvCxnSpPr>
        <p:spPr>
          <a:xfrm flipH="1">
            <a:off x="4717860" y="4366976"/>
            <a:ext cx="9756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Rounded Rectangle 97"/>
          <p:cNvSpPr/>
          <p:nvPr/>
        </p:nvSpPr>
        <p:spPr>
          <a:xfrm>
            <a:off x="4822510" y="2518624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imone Farina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mbedded systems 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gineer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68" name="Rounded Rectangle 167"/>
          <p:cNvSpPr/>
          <p:nvPr/>
        </p:nvSpPr>
        <p:spPr>
          <a:xfrm>
            <a:off x="4815422" y="4553576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ehdi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hammednezhad</a:t>
            </a:r>
          </a:p>
        </p:txBody>
      </p:sp>
      <p:sp>
        <p:nvSpPr>
          <p:cNvPr id="133" name="Rounded Rectangle 132"/>
          <p:cNvSpPr/>
          <p:nvPr/>
        </p:nvSpPr>
        <p:spPr>
          <a:xfrm>
            <a:off x="4815422" y="4229816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liver Talevski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mbedded engineer</a:t>
            </a:r>
          </a:p>
        </p:txBody>
      </p:sp>
      <p:sp>
        <p:nvSpPr>
          <p:cNvPr id="137" name="Rounded Rectangle 136"/>
          <p:cNvSpPr/>
          <p:nvPr/>
        </p:nvSpPr>
        <p:spPr>
          <a:xfrm>
            <a:off x="7729182" y="4963378"/>
            <a:ext cx="1143000" cy="274320"/>
          </a:xfrm>
          <a:prstGeom prst="roundRect">
            <a:avLst/>
          </a:prstGeom>
          <a:ln w="9525"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avid </a:t>
            </a:r>
            <a:r>
              <a:rPr kumimoji="0" lang="sv-SE" sz="8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ánchez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  Automation Engineer</a:t>
            </a:r>
            <a:endParaRPr kumimoji="0" lang="sv-SE" sz="1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3" name="Rounded Rectangle 142"/>
          <p:cNvSpPr/>
          <p:nvPr/>
        </p:nvSpPr>
        <p:spPr>
          <a:xfrm>
            <a:off x="3374580" y="5166124"/>
            <a:ext cx="1152128" cy="32400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redrik </a:t>
            </a: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öderberg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ftware </a:t>
            </a: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gineer</a:t>
            </a:r>
          </a:p>
        </p:txBody>
      </p:sp>
      <p:sp>
        <p:nvSpPr>
          <p:cNvPr id="145" name="Rounded Rectangle 144"/>
          <p:cNvSpPr/>
          <p:nvPr/>
        </p:nvSpPr>
        <p:spPr>
          <a:xfrm>
            <a:off x="7729182" y="3101044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attias Eriksso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echnician</a:t>
            </a:r>
            <a:endParaRPr kumimoji="0" lang="sv-SE" sz="1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72" name="Straight Connector 171"/>
          <p:cNvCxnSpPr>
            <a:stCxn id="145" idx="1"/>
          </p:cNvCxnSpPr>
          <p:nvPr/>
        </p:nvCxnSpPr>
        <p:spPr>
          <a:xfrm flipH="1" flipV="1">
            <a:off x="7619374" y="3230620"/>
            <a:ext cx="9656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" name="Straight Connector 174"/>
          <p:cNvCxnSpPr>
            <a:stCxn id="137" idx="1"/>
          </p:cNvCxnSpPr>
          <p:nvPr/>
        </p:nvCxnSpPr>
        <p:spPr>
          <a:xfrm flipH="1">
            <a:off x="7612144" y="5101888"/>
            <a:ext cx="1037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Rounded Rectangle 180"/>
          <p:cNvSpPr/>
          <p:nvPr/>
        </p:nvSpPr>
        <p:spPr>
          <a:xfrm>
            <a:off x="6208818" y="2512192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aye Chicken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ntrols Technician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82" name="Rounded Rectangle 181"/>
          <p:cNvSpPr/>
          <p:nvPr/>
        </p:nvSpPr>
        <p:spPr>
          <a:xfrm>
            <a:off x="1906759" y="3468193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eter Holgersson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lectrical Engineer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83" name="Straight Connector 182"/>
          <p:cNvCxnSpPr>
            <a:stCxn id="182" idx="1"/>
          </p:cNvCxnSpPr>
          <p:nvPr/>
        </p:nvCxnSpPr>
        <p:spPr>
          <a:xfrm flipH="1">
            <a:off x="1805757" y="3605353"/>
            <a:ext cx="10100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Straight Connector 189"/>
          <p:cNvCxnSpPr>
            <a:stCxn id="181" idx="1"/>
          </p:cNvCxnSpPr>
          <p:nvPr/>
        </p:nvCxnSpPr>
        <p:spPr>
          <a:xfrm flipH="1">
            <a:off x="6097080" y="2649352"/>
            <a:ext cx="111738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6" name="Rounded Rectangle 155"/>
          <p:cNvSpPr/>
          <p:nvPr/>
        </p:nvSpPr>
        <p:spPr>
          <a:xfrm>
            <a:off x="6208818" y="3817600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eter van Velze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ntrols Technician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65" name="Straight Connector 164"/>
          <p:cNvCxnSpPr>
            <a:stCxn id="156" idx="1"/>
          </p:cNvCxnSpPr>
          <p:nvPr/>
        </p:nvCxnSpPr>
        <p:spPr>
          <a:xfrm flipH="1">
            <a:off x="6092232" y="3954760"/>
            <a:ext cx="11658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" name="Rounded Rectangle 177"/>
          <p:cNvSpPr/>
          <p:nvPr/>
        </p:nvSpPr>
        <p:spPr>
          <a:xfrm>
            <a:off x="1906759" y="3146452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nders </a:t>
            </a:r>
            <a:r>
              <a:rPr kumimoji="0" lang="en-GB" sz="8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arrisson</a:t>
            </a:r>
            <a:endParaRPr kumimoji="0" lang="en-GB" sz="800" b="0" i="0" u="none" strike="noStrike" kern="120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W configuration manager</a:t>
            </a:r>
            <a:endParaRPr kumimoji="0" lang="en-GB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79" name="Straight Connector 178"/>
          <p:cNvCxnSpPr>
            <a:stCxn id="178" idx="1"/>
          </p:cNvCxnSpPr>
          <p:nvPr/>
        </p:nvCxnSpPr>
        <p:spPr>
          <a:xfrm flipH="1">
            <a:off x="1805757" y="3283612"/>
            <a:ext cx="10100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Straight Connector 183"/>
          <p:cNvCxnSpPr>
            <a:stCxn id="11" idx="1"/>
          </p:cNvCxnSpPr>
          <p:nvPr/>
        </p:nvCxnSpPr>
        <p:spPr>
          <a:xfrm flipH="1">
            <a:off x="4710240" y="1585291"/>
            <a:ext cx="480697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Rounded Rectangle 10"/>
          <p:cNvSpPr/>
          <p:nvPr/>
        </p:nvSpPr>
        <p:spPr>
          <a:xfrm>
            <a:off x="5190937" y="1423291"/>
            <a:ext cx="1152128" cy="324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7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ardware &amp; Integratio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Karl Vestin</a:t>
            </a:r>
          </a:p>
        </p:txBody>
      </p:sp>
      <p:cxnSp>
        <p:nvCxnSpPr>
          <p:cNvPr id="160" name="Straight Connector 159"/>
          <p:cNvCxnSpPr>
            <a:stCxn id="161" idx="1"/>
          </p:cNvCxnSpPr>
          <p:nvPr/>
        </p:nvCxnSpPr>
        <p:spPr>
          <a:xfrm flipH="1">
            <a:off x="1808517" y="2318389"/>
            <a:ext cx="9824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" name="Rounded Rectangle 160"/>
          <p:cNvSpPr/>
          <p:nvPr/>
        </p:nvSpPr>
        <p:spPr>
          <a:xfrm>
            <a:off x="1906759" y="2181229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Johan </a:t>
            </a:r>
            <a:r>
              <a:rPr kumimoji="0" lang="en-GB" sz="8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hristensson</a:t>
            </a:r>
            <a:endParaRPr kumimoji="0" lang="en-GB" sz="800" b="0" i="0" u="none" strike="noStrike" kern="120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frastructure technology </a:t>
            </a:r>
            <a:r>
              <a:rPr kumimoji="0" lang="en-GB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g</a:t>
            </a:r>
            <a:endParaRPr kumimoji="0" lang="en-GB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88" name="Rounded Rectangle 187"/>
          <p:cNvSpPr/>
          <p:nvPr/>
        </p:nvSpPr>
        <p:spPr>
          <a:xfrm>
            <a:off x="4815422" y="6198288"/>
            <a:ext cx="1152128" cy="274320"/>
          </a:xfrm>
          <a:prstGeom prst="roundRect">
            <a:avLst/>
          </a:prstGeom>
          <a:solidFill>
            <a:srgbClr val="008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pen positions </a:t>
            </a: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(4)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89" name="Straight Connector 188"/>
          <p:cNvCxnSpPr>
            <a:stCxn id="188" idx="1"/>
          </p:cNvCxnSpPr>
          <p:nvPr/>
        </p:nvCxnSpPr>
        <p:spPr>
          <a:xfrm flipH="1">
            <a:off x="4703684" y="6335448"/>
            <a:ext cx="111738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Straight Connector 191"/>
          <p:cNvCxnSpPr>
            <a:stCxn id="193" idx="1"/>
          </p:cNvCxnSpPr>
          <p:nvPr/>
        </p:nvCxnSpPr>
        <p:spPr>
          <a:xfrm flipH="1">
            <a:off x="4710240" y="2985352"/>
            <a:ext cx="11227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3" name="Rounded Rectangle 192"/>
          <p:cNvSpPr/>
          <p:nvPr/>
        </p:nvSpPr>
        <p:spPr>
          <a:xfrm>
            <a:off x="4822510" y="2848192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homas Fay</a:t>
            </a: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/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71" name="Straight Connector 170"/>
          <p:cNvCxnSpPr>
            <a:stCxn id="173" idx="1"/>
          </p:cNvCxnSpPr>
          <p:nvPr/>
        </p:nvCxnSpPr>
        <p:spPr>
          <a:xfrm flipH="1">
            <a:off x="4717860" y="3314920"/>
            <a:ext cx="10465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" name="Rounded Rectangle 172"/>
          <p:cNvSpPr/>
          <p:nvPr/>
        </p:nvSpPr>
        <p:spPr>
          <a:xfrm>
            <a:off x="4822510" y="3177760"/>
            <a:ext cx="1152128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aeed Haghtalab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69" name="Straight Connector 168"/>
          <p:cNvCxnSpPr>
            <a:stCxn id="180" idx="1"/>
          </p:cNvCxnSpPr>
          <p:nvPr/>
        </p:nvCxnSpPr>
        <p:spPr>
          <a:xfrm flipH="1">
            <a:off x="3276362" y="4225912"/>
            <a:ext cx="98218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" name="Rounded Rectangle 179"/>
          <p:cNvSpPr/>
          <p:nvPr/>
        </p:nvSpPr>
        <p:spPr>
          <a:xfrm>
            <a:off x="3374580" y="4063912"/>
            <a:ext cx="1152128" cy="32400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anafsheh Hajinasab</a:t>
            </a:r>
            <a:r>
              <a:rPr kumimoji="0" lang="sv-SE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</a:t>
            </a:r>
            <a:endParaRPr kumimoji="0" lang="sv-SE" sz="800" b="0" i="0" u="none" strike="noStrike" kern="120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ftware </a:t>
            </a: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gineer</a:t>
            </a:r>
          </a:p>
        </p:txBody>
      </p:sp>
      <p:cxnSp>
        <p:nvCxnSpPr>
          <p:cNvPr id="191" name="Straight Connector 190"/>
          <p:cNvCxnSpPr>
            <a:stCxn id="194" idx="1"/>
          </p:cNvCxnSpPr>
          <p:nvPr/>
        </p:nvCxnSpPr>
        <p:spPr>
          <a:xfrm flipH="1">
            <a:off x="3276362" y="5695526"/>
            <a:ext cx="98218" cy="142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Rounded Rectangle 193"/>
          <p:cNvSpPr/>
          <p:nvPr/>
        </p:nvSpPr>
        <p:spPr>
          <a:xfrm>
            <a:off x="3374580" y="5533526"/>
            <a:ext cx="1152128" cy="32400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Georg Weis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ftware </a:t>
            </a: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gineer</a:t>
            </a:r>
          </a:p>
        </p:txBody>
      </p:sp>
      <p:cxnSp>
        <p:nvCxnSpPr>
          <p:cNvPr id="195" name="Straight Connector 194"/>
          <p:cNvCxnSpPr>
            <a:stCxn id="199" idx="1"/>
          </p:cNvCxnSpPr>
          <p:nvPr/>
        </p:nvCxnSpPr>
        <p:spPr>
          <a:xfrm flipH="1">
            <a:off x="3284156" y="3491104"/>
            <a:ext cx="9042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Rounded Rectangle 198"/>
          <p:cNvSpPr/>
          <p:nvPr/>
        </p:nvSpPr>
        <p:spPr>
          <a:xfrm>
            <a:off x="3374580" y="3329104"/>
            <a:ext cx="1152128" cy="324000"/>
          </a:xfrm>
          <a:prstGeom prst="roundRect">
            <a:avLst/>
          </a:prstGeom>
          <a:ln w="12700"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irk Nord</a:t>
            </a: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/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ftware </a:t>
            </a: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gineer</a:t>
            </a:r>
          </a:p>
        </p:txBody>
      </p:sp>
      <p:sp>
        <p:nvSpPr>
          <p:cNvPr id="176" name="Rounded Rectangle 175"/>
          <p:cNvSpPr/>
          <p:nvPr/>
        </p:nvSpPr>
        <p:spPr>
          <a:xfrm>
            <a:off x="7729182" y="2790655"/>
            <a:ext cx="1143000" cy="274320"/>
          </a:xfrm>
          <a:prstGeom prst="roundRect">
            <a:avLst/>
          </a:prstGeom>
          <a:ln w="952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do. Carrasco Martí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echnician</a:t>
            </a:r>
            <a:endParaRPr kumimoji="0" lang="sv-SE" sz="1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86" name="Straight Connector 185"/>
          <p:cNvCxnSpPr>
            <a:stCxn id="176" idx="1"/>
          </p:cNvCxnSpPr>
          <p:nvPr/>
        </p:nvCxnSpPr>
        <p:spPr>
          <a:xfrm flipH="1">
            <a:off x="7612144" y="2928220"/>
            <a:ext cx="1037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Straight Connector 201"/>
          <p:cNvCxnSpPr/>
          <p:nvPr/>
        </p:nvCxnSpPr>
        <p:spPr>
          <a:xfrm flipH="1">
            <a:off x="7612144" y="6343986"/>
            <a:ext cx="9923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" name="TextBox 203"/>
          <p:cNvSpPr txBox="1"/>
          <p:nvPr/>
        </p:nvSpPr>
        <p:spPr>
          <a:xfrm>
            <a:off x="1423783" y="5592206"/>
            <a:ext cx="1131993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9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  <a:hlinkClick r:id="rId3"/>
              </a:rPr>
              <a:t>ESS-0081625</a:t>
            </a:r>
            <a:endParaRPr kumimoji="0" lang="sv-SE" sz="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06" name="Rounded Rectangle 205"/>
          <p:cNvSpPr/>
          <p:nvPr/>
        </p:nvSpPr>
        <p:spPr>
          <a:xfrm>
            <a:off x="4815422" y="5201096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Johannes Kazantzidi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utomation Engineer</a:t>
            </a:r>
          </a:p>
        </p:txBody>
      </p:sp>
      <p:cxnSp>
        <p:nvCxnSpPr>
          <p:cNvPr id="208" name="Straight Connector 207"/>
          <p:cNvCxnSpPr>
            <a:stCxn id="209" idx="1"/>
          </p:cNvCxnSpPr>
          <p:nvPr/>
        </p:nvCxnSpPr>
        <p:spPr>
          <a:xfrm flipH="1">
            <a:off x="6099852" y="5996662"/>
            <a:ext cx="10518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9" name="Rounded Rectangle 208"/>
          <p:cNvSpPr/>
          <p:nvPr/>
        </p:nvSpPr>
        <p:spPr>
          <a:xfrm>
            <a:off x="6205034" y="5859502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ichael Beck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WP Leader – Target, CF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212" name="Straight Connector 211"/>
          <p:cNvCxnSpPr>
            <a:stCxn id="213" idx="1"/>
          </p:cNvCxnSpPr>
          <p:nvPr/>
        </p:nvCxnSpPr>
        <p:spPr>
          <a:xfrm flipH="1" flipV="1">
            <a:off x="6092232" y="5662017"/>
            <a:ext cx="11280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3" name="Rounded Rectangle 212"/>
          <p:cNvSpPr/>
          <p:nvPr/>
        </p:nvSpPr>
        <p:spPr>
          <a:xfrm>
            <a:off x="6205034" y="5532174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hilippe Rabis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WP Leader -AccSys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67" name="Rounded Rectangle 166"/>
          <p:cNvSpPr/>
          <p:nvPr/>
        </p:nvSpPr>
        <p:spPr>
          <a:xfrm>
            <a:off x="4815422" y="5524857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arino Vojneski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utomation Engineer</a:t>
            </a: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</a:p>
        </p:txBody>
      </p:sp>
      <p:cxnSp>
        <p:nvCxnSpPr>
          <p:cNvPr id="200" name="Straight Connector 199"/>
          <p:cNvCxnSpPr>
            <a:stCxn id="206" idx="1"/>
          </p:cNvCxnSpPr>
          <p:nvPr/>
        </p:nvCxnSpPr>
        <p:spPr>
          <a:xfrm flipH="1">
            <a:off x="4703684" y="5338256"/>
            <a:ext cx="111738" cy="37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Straight Connector 204"/>
          <p:cNvCxnSpPr>
            <a:stCxn id="167" idx="1"/>
          </p:cNvCxnSpPr>
          <p:nvPr/>
        </p:nvCxnSpPr>
        <p:spPr>
          <a:xfrm flipH="1">
            <a:off x="4717860" y="5662017"/>
            <a:ext cx="9756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Straight Connector 176"/>
          <p:cNvCxnSpPr>
            <a:stCxn id="215" idx="1"/>
          </p:cNvCxnSpPr>
          <p:nvPr/>
        </p:nvCxnSpPr>
        <p:spPr>
          <a:xfrm flipH="1">
            <a:off x="3273238" y="6056457"/>
            <a:ext cx="10100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" name="Rounded Rectangle 214"/>
          <p:cNvSpPr/>
          <p:nvPr/>
        </p:nvSpPr>
        <p:spPr>
          <a:xfrm>
            <a:off x="3374240" y="5919297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ars Johansson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ftware engineer</a:t>
            </a:r>
          </a:p>
        </p:txBody>
      </p:sp>
      <p:sp>
        <p:nvSpPr>
          <p:cNvPr id="216" name="Rounded Rectangle 215"/>
          <p:cNvSpPr/>
          <p:nvPr/>
        </p:nvSpPr>
        <p:spPr>
          <a:xfrm>
            <a:off x="6213385" y="4541402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Wayne Lewis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PICS </a:t>
            </a: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endParaRPr kumimoji="0" lang="sv-SE" sz="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17" name="Rounded Rectangle 216"/>
          <p:cNvSpPr/>
          <p:nvPr/>
        </p:nvSpPr>
        <p:spPr>
          <a:xfrm>
            <a:off x="4823773" y="5852621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icklas Holmberg 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tegrator</a:t>
            </a: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218" name="Straight Connector 217"/>
          <p:cNvCxnSpPr>
            <a:stCxn id="217" idx="1"/>
          </p:cNvCxnSpPr>
          <p:nvPr/>
        </p:nvCxnSpPr>
        <p:spPr>
          <a:xfrm flipH="1">
            <a:off x="4710241" y="5989781"/>
            <a:ext cx="11353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9" name="Rounded Rectangle 218"/>
          <p:cNvSpPr/>
          <p:nvPr/>
        </p:nvSpPr>
        <p:spPr>
          <a:xfrm>
            <a:off x="7724618" y="6204934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aulina Skog 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ocument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Specialist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221" name="Straight Connector 220"/>
          <p:cNvCxnSpPr>
            <a:stCxn id="222" idx="1"/>
          </p:cNvCxnSpPr>
          <p:nvPr/>
        </p:nvCxnSpPr>
        <p:spPr>
          <a:xfrm flipH="1">
            <a:off x="7610028" y="6652477"/>
            <a:ext cx="1250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Rounded Rectangle 221"/>
          <p:cNvSpPr/>
          <p:nvPr/>
        </p:nvSpPr>
        <p:spPr>
          <a:xfrm>
            <a:off x="7724618" y="6515317"/>
            <a:ext cx="1152128" cy="274320"/>
          </a:xfrm>
          <a:prstGeom prst="roundRect">
            <a:avLst/>
          </a:prstGeom>
          <a:solidFill>
            <a:schemeClr val="accent2"/>
          </a:solidFill>
          <a:ln w="952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eike</a:t>
            </a:r>
            <a:r>
              <a:rPr kumimoji="0" lang="sv-SE" sz="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Rönn 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6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ocument</a:t>
            </a:r>
            <a:r>
              <a:rPr kumimoji="0" lang="sv-SE" sz="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sv-SE" sz="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pecialist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320868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Hardware and integration scop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496" y="1600200"/>
            <a:ext cx="8229600" cy="4925144"/>
          </a:xfrm>
        </p:spPr>
        <p:txBody>
          <a:bodyPr>
            <a:normAutofit fontScale="70000" lnSpcReduction="20000"/>
          </a:bodyPr>
          <a:lstStyle/>
          <a:p>
            <a:pPr marL="914400" lvl="2" indent="0">
              <a:buNone/>
            </a:pPr>
            <a:endParaRPr lang="en-US" sz="1600" dirty="0" smtClean="0">
              <a:solidFill>
                <a:schemeClr val="tx1"/>
              </a:solidFill>
            </a:endParaRPr>
          </a:p>
          <a:p>
            <a:pPr marL="571500" indent="-457200"/>
            <a:r>
              <a:rPr lang="en-GB" sz="2300" dirty="0"/>
              <a:t>The scope of the hardware and integration group covers 5 big control systems, which are composed  of a big number of subsystems:</a:t>
            </a:r>
          </a:p>
          <a:p>
            <a:pPr marL="1371600" lvl="2" indent="-457200"/>
            <a:r>
              <a:rPr lang="en-GB" sz="1400" dirty="0"/>
              <a:t>Hardware and Embedded software </a:t>
            </a:r>
            <a:r>
              <a:rPr lang="en-GB" sz="1400" dirty="0" smtClean="0"/>
              <a:t>Systems</a:t>
            </a:r>
          </a:p>
          <a:p>
            <a:pPr marL="1371600" lvl="2" indent="-457200"/>
            <a:r>
              <a:rPr lang="en-GB" sz="1400" dirty="0" smtClean="0"/>
              <a:t>Timing System</a:t>
            </a:r>
          </a:p>
          <a:p>
            <a:pPr marL="1371600" lvl="2" indent="-457200"/>
            <a:r>
              <a:rPr lang="en-GB" sz="1400" dirty="0" smtClean="0"/>
              <a:t>Accelerator Control Systems </a:t>
            </a:r>
          </a:p>
          <a:p>
            <a:pPr marL="1371600" lvl="2" indent="-457200"/>
            <a:r>
              <a:rPr lang="en-GB" sz="1400" dirty="0" smtClean="0"/>
              <a:t>Target </a:t>
            </a:r>
            <a:r>
              <a:rPr lang="en-GB" sz="1400" dirty="0"/>
              <a:t>Control Systems </a:t>
            </a:r>
          </a:p>
          <a:p>
            <a:pPr marL="1371600" lvl="2" indent="-457200"/>
            <a:r>
              <a:rPr lang="en-GB" sz="1400" dirty="0"/>
              <a:t>Instrument Control Systems </a:t>
            </a:r>
          </a:p>
          <a:p>
            <a:pPr marL="1371600" lvl="2" indent="-457200"/>
            <a:r>
              <a:rPr lang="en-GB" sz="1400" dirty="0"/>
              <a:t>Site infrastructure Control Systems </a:t>
            </a:r>
            <a:endParaRPr lang="en-GB" sz="1400" dirty="0" smtClean="0"/>
          </a:p>
          <a:p>
            <a:pPr marL="571500" indent="-457200"/>
            <a:endParaRPr lang="en-US" sz="2300" dirty="0" smtClean="0">
              <a:solidFill>
                <a:schemeClr val="tx1"/>
              </a:solidFill>
            </a:endParaRPr>
          </a:p>
          <a:p>
            <a:pPr marL="571500" indent="-457200"/>
            <a:r>
              <a:rPr lang="en-US" sz="2300" dirty="0" smtClean="0">
                <a:solidFill>
                  <a:schemeClr val="tx1"/>
                </a:solidFill>
              </a:rPr>
              <a:t>The </a:t>
            </a:r>
            <a:r>
              <a:rPr lang="en-US" sz="2300" dirty="0">
                <a:solidFill>
                  <a:schemeClr val="tx1"/>
                </a:solidFill>
              </a:rPr>
              <a:t>Hardware &amp; Integration Group shall provide control system integration </a:t>
            </a:r>
            <a:r>
              <a:rPr lang="en-US" sz="2300" dirty="0" smtClean="0">
                <a:solidFill>
                  <a:schemeClr val="tx1"/>
                </a:solidFill>
              </a:rPr>
              <a:t>to all relevant   </a:t>
            </a:r>
            <a:r>
              <a:rPr lang="en-US" sz="2300" dirty="0">
                <a:solidFill>
                  <a:schemeClr val="tx1"/>
                </a:solidFill>
              </a:rPr>
              <a:t>ESS stakeholders (Accelerator, Target, Site Infrastructure, Neutron </a:t>
            </a:r>
            <a:r>
              <a:rPr lang="en-US" sz="2300" dirty="0" smtClean="0">
                <a:solidFill>
                  <a:schemeClr val="tx1"/>
                </a:solidFill>
              </a:rPr>
              <a:t>Instruments). </a:t>
            </a:r>
          </a:p>
          <a:p>
            <a:pPr marL="571500" indent="-457200"/>
            <a:endParaRPr lang="en-US" sz="2300" dirty="0" smtClean="0">
              <a:solidFill>
                <a:schemeClr val="tx1"/>
              </a:solidFill>
            </a:endParaRPr>
          </a:p>
          <a:p>
            <a:pPr marL="571500" indent="-457200"/>
            <a:r>
              <a:rPr lang="en-US" sz="2300" dirty="0" smtClean="0">
                <a:solidFill>
                  <a:schemeClr val="tx1"/>
                </a:solidFill>
              </a:rPr>
              <a:t>Integration   </a:t>
            </a:r>
            <a:r>
              <a:rPr lang="en-US" sz="2300" dirty="0">
                <a:solidFill>
                  <a:schemeClr val="tx1"/>
                </a:solidFill>
              </a:rPr>
              <a:t>Support   is defined  as:  the  effort  provided  by  ICS  that  is  required  for deploying   the   control   system   components,   which   provide monitoring and control functionality to the stakeholder systems</a:t>
            </a:r>
            <a:r>
              <a:rPr lang="en-US" sz="2300" dirty="0" smtClean="0">
                <a:solidFill>
                  <a:schemeClr val="tx1"/>
                </a:solidFill>
              </a:rPr>
              <a:t>.</a:t>
            </a:r>
          </a:p>
          <a:p>
            <a:pPr marL="571500" indent="-457200"/>
            <a:endParaRPr lang="en-US" sz="2300" dirty="0" smtClean="0">
              <a:solidFill>
                <a:schemeClr val="tx1"/>
              </a:solidFill>
            </a:endParaRPr>
          </a:p>
          <a:p>
            <a:pPr marL="571500" indent="-457200"/>
            <a:r>
              <a:rPr lang="en-US" sz="2300" dirty="0" smtClean="0">
                <a:solidFill>
                  <a:schemeClr val="tx1"/>
                </a:solidFill>
              </a:rPr>
              <a:t>The integration support includes among others:</a:t>
            </a:r>
          </a:p>
          <a:p>
            <a:pPr marL="1371600" lvl="2" indent="-457200"/>
            <a:r>
              <a:rPr lang="en-US" sz="1500" dirty="0" smtClean="0">
                <a:solidFill>
                  <a:schemeClr val="tx1"/>
                </a:solidFill>
              </a:rPr>
              <a:t>Design of the different control systems and integration in the overall ICS</a:t>
            </a:r>
          </a:p>
          <a:p>
            <a:pPr marL="1371600" lvl="2" indent="-457200"/>
            <a:r>
              <a:rPr lang="en-US" sz="1500" dirty="0" smtClean="0">
                <a:solidFill>
                  <a:schemeClr val="tx1"/>
                </a:solidFill>
              </a:rPr>
              <a:t>Development, upkeep and maintenance of (~500+) IOCs software in the plant</a:t>
            </a:r>
          </a:p>
          <a:p>
            <a:pPr marL="1371600" lvl="2" indent="-457200"/>
            <a:r>
              <a:rPr lang="en-US" sz="1500" dirty="0" smtClean="0">
                <a:solidFill>
                  <a:schemeClr val="tx1"/>
                </a:solidFill>
              </a:rPr>
              <a:t>Development and standardization of hardware technologies</a:t>
            </a:r>
            <a:r>
              <a:rPr lang="sv-SE" sz="1500" dirty="0" smtClean="0">
                <a:solidFill>
                  <a:schemeClr val="tx1"/>
                </a:solidFill>
              </a:rPr>
              <a:t>: </a:t>
            </a:r>
            <a:r>
              <a:rPr lang="en-US" sz="1500" dirty="0" err="1" smtClean="0">
                <a:solidFill>
                  <a:schemeClr val="tx1"/>
                </a:solidFill>
              </a:rPr>
              <a:t>mTCA</a:t>
            </a:r>
            <a:r>
              <a:rPr lang="en-US" sz="1500" dirty="0" smtClean="0">
                <a:solidFill>
                  <a:schemeClr val="tx1"/>
                </a:solidFill>
              </a:rPr>
              <a:t> infrastructure, DAQ systems, PLCs, etc. </a:t>
            </a:r>
          </a:p>
          <a:p>
            <a:pPr marL="1371600" lvl="2" indent="-457200"/>
            <a:r>
              <a:rPr lang="en-US" sz="1500" dirty="0" smtClean="0">
                <a:solidFill>
                  <a:schemeClr val="tx1"/>
                </a:solidFill>
              </a:rPr>
              <a:t>Troubleshooting and support to operators (on-call) service</a:t>
            </a:r>
          </a:p>
          <a:p>
            <a:pPr marL="1371600" lvl="2" indent="-457200"/>
            <a:r>
              <a:rPr lang="en-US" sz="1500" dirty="0" smtClean="0">
                <a:solidFill>
                  <a:schemeClr val="tx1"/>
                </a:solidFill>
              </a:rPr>
              <a:t>Providing ESS with necessary infrastructure for management of EPICS modules, FPGA firmware, PLC Code, etc.</a:t>
            </a:r>
          </a:p>
          <a:p>
            <a:pPr marL="1371600" lvl="2" indent="-457200"/>
            <a:r>
              <a:rPr lang="en-US" sz="1500" dirty="0" smtClean="0">
                <a:solidFill>
                  <a:schemeClr val="tx1"/>
                </a:solidFill>
              </a:rPr>
              <a:t>Support other Divisions with EPICS, PLC programming and FPGA development know-how.</a:t>
            </a:r>
            <a:endParaRPr lang="en-GB" dirty="0" smtClean="0">
              <a:solidFill>
                <a:schemeClr val="tx1"/>
              </a:solidFill>
            </a:endParaRPr>
          </a:p>
          <a:p>
            <a:pPr lvl="2"/>
            <a:endParaRPr lang="en-GB" sz="1600" dirty="0" smtClean="0">
              <a:solidFill>
                <a:schemeClr val="tx1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11</a:t>
            </a:fld>
            <a:endParaRPr lang="en-GB"/>
          </a:p>
        </p:txBody>
      </p:sp>
      <p:pic>
        <p:nvPicPr>
          <p:cNvPr id="5" name="Picture 5" descr="https://confluence.esss.lu.se/download/attachments/262408054/phs_3_s.jpg?version=1&amp;modificationDate=1521736311426&amp;api=v2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02057" y="2060848"/>
            <a:ext cx="1934439" cy="12241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4468154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Control system infrastructure scop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55000" lnSpcReduction="20000"/>
          </a:bodyPr>
          <a:lstStyle/>
          <a:p>
            <a:pPr marL="0" indent="0">
              <a:buNone/>
            </a:pPr>
            <a:r>
              <a:rPr lang="en-GB" dirty="0" smtClean="0">
                <a:solidFill>
                  <a:schemeClr val="tx1"/>
                </a:solidFill>
              </a:rPr>
              <a:t>The group’s responsibilities are to Design, Implement and Operate the IT Infrastructure needed to reliably run the Experimental Physics Industrial Control System (EPICS) eco-system. The main activities can be grouped into two parts:</a:t>
            </a:r>
          </a:p>
          <a:p>
            <a:pPr marL="0" indent="0">
              <a:buNone/>
            </a:pPr>
            <a:endParaRPr lang="en-GB" dirty="0" smtClean="0">
              <a:solidFill>
                <a:schemeClr val="tx1"/>
              </a:solidFill>
            </a:endParaRPr>
          </a:p>
          <a:p>
            <a:pPr marL="0" indent="0">
              <a:buNone/>
            </a:pPr>
            <a:r>
              <a:rPr lang="en-GB" b="1" i="1" dirty="0" smtClean="0">
                <a:solidFill>
                  <a:schemeClr val="tx1"/>
                </a:solidFill>
              </a:rPr>
              <a:t>Main Control Room, Data Centre and Networks </a:t>
            </a:r>
            <a:r>
              <a:rPr lang="en-GB" dirty="0" smtClean="0">
                <a:solidFill>
                  <a:schemeClr val="tx1"/>
                </a:solidFill>
              </a:rPr>
              <a:t>- The activities include responsibility over the design, installation, configuration and maintenance where applicable:</a:t>
            </a:r>
          </a:p>
          <a:p>
            <a:r>
              <a:rPr lang="en-GB" dirty="0" smtClean="0">
                <a:solidFill>
                  <a:schemeClr val="tx1"/>
                </a:solidFill>
              </a:rPr>
              <a:t>Human factors analysis and ergonomic design of the ESS Main Control Room. </a:t>
            </a:r>
          </a:p>
          <a:p>
            <a:r>
              <a:rPr lang="en-GB" dirty="0" smtClean="0">
                <a:solidFill>
                  <a:schemeClr val="tx1"/>
                </a:solidFill>
              </a:rPr>
              <a:t>File and storage services for data produced by the machine for ‘</a:t>
            </a:r>
            <a:r>
              <a:rPr lang="en-GB" i="1" dirty="0" smtClean="0">
                <a:solidFill>
                  <a:schemeClr val="tx1"/>
                </a:solidFill>
              </a:rPr>
              <a:t>on-line</a:t>
            </a:r>
            <a:r>
              <a:rPr lang="en-GB" dirty="0" smtClean="0">
                <a:solidFill>
                  <a:schemeClr val="tx1"/>
                </a:solidFill>
              </a:rPr>
              <a:t>’ and </a:t>
            </a:r>
            <a:r>
              <a:rPr lang="en-GB" i="1" dirty="0" smtClean="0">
                <a:solidFill>
                  <a:schemeClr val="tx1"/>
                </a:solidFill>
              </a:rPr>
              <a:t>‘off-line’</a:t>
            </a:r>
            <a:r>
              <a:rPr lang="en-GB" dirty="0" smtClean="0">
                <a:solidFill>
                  <a:schemeClr val="tx1"/>
                </a:solidFill>
              </a:rPr>
              <a:t> analysis.</a:t>
            </a:r>
          </a:p>
          <a:p>
            <a:r>
              <a:rPr lang="en-GB" dirty="0" smtClean="0">
                <a:solidFill>
                  <a:schemeClr val="tx1"/>
                </a:solidFill>
              </a:rPr>
              <a:t>A secure Technical Network that interconnects the </a:t>
            </a:r>
            <a:r>
              <a:rPr lang="en-GB" dirty="0">
                <a:solidFill>
                  <a:schemeClr val="tx1"/>
                </a:solidFill>
              </a:rPr>
              <a:t>private machine </a:t>
            </a:r>
            <a:r>
              <a:rPr lang="en-GB" dirty="0" smtClean="0">
                <a:solidFill>
                  <a:schemeClr val="tx1"/>
                </a:solidFill>
              </a:rPr>
              <a:t>networks for Accelerator, Cryogenics, Neutron Instruments, Target and Utilities (electrical substations and HVAC) to operation </a:t>
            </a:r>
            <a:r>
              <a:rPr lang="en-GB" dirty="0">
                <a:solidFill>
                  <a:schemeClr val="tx1"/>
                </a:solidFill>
              </a:rPr>
              <a:t>consoles </a:t>
            </a:r>
            <a:r>
              <a:rPr lang="en-GB" dirty="0" smtClean="0">
                <a:solidFill>
                  <a:schemeClr val="tx1"/>
                </a:solidFill>
              </a:rPr>
              <a:t>located in Control </a:t>
            </a:r>
            <a:r>
              <a:rPr lang="en-GB" dirty="0">
                <a:solidFill>
                  <a:schemeClr val="tx1"/>
                </a:solidFill>
              </a:rPr>
              <a:t>rooms</a:t>
            </a:r>
            <a:r>
              <a:rPr lang="en-GB" dirty="0" smtClean="0">
                <a:solidFill>
                  <a:schemeClr val="tx1"/>
                </a:solidFill>
              </a:rPr>
              <a:t>. </a:t>
            </a:r>
          </a:p>
          <a:p>
            <a:r>
              <a:rPr lang="en-GB" dirty="0" smtClean="0">
                <a:solidFill>
                  <a:schemeClr val="tx1"/>
                </a:solidFill>
              </a:rPr>
              <a:t>Control System Software authorisation tools and services.  </a:t>
            </a:r>
          </a:p>
          <a:p>
            <a:pPr marL="0" indent="0">
              <a:buNone/>
            </a:pPr>
            <a:endParaRPr lang="en-GB" dirty="0" smtClean="0">
              <a:solidFill>
                <a:schemeClr val="tx1"/>
              </a:solidFill>
            </a:endParaRPr>
          </a:p>
          <a:p>
            <a:pPr marL="0" indent="0">
              <a:buNone/>
            </a:pPr>
            <a:r>
              <a:rPr lang="en-GB" b="1" i="1" dirty="0" smtClean="0">
                <a:solidFill>
                  <a:schemeClr val="tx1"/>
                </a:solidFill>
              </a:rPr>
              <a:t>Software Infrastructure </a:t>
            </a:r>
            <a:r>
              <a:rPr lang="mr-IN" dirty="0" smtClean="0">
                <a:solidFill>
                  <a:schemeClr val="tx1"/>
                </a:solidFill>
              </a:rPr>
              <a:t>–</a:t>
            </a:r>
            <a:r>
              <a:rPr lang="en-GB" dirty="0" smtClean="0">
                <a:solidFill>
                  <a:schemeClr val="tx1"/>
                </a:solidFill>
              </a:rPr>
              <a:t> The activities include responsibility to design, install, configure and maintain the supporting applications for control specific software development.</a:t>
            </a:r>
          </a:p>
          <a:p>
            <a:r>
              <a:rPr lang="en-GB" dirty="0">
                <a:solidFill>
                  <a:schemeClr val="tx1"/>
                </a:solidFill>
              </a:rPr>
              <a:t>Integration services for software development life-cycle for EPICS software</a:t>
            </a:r>
            <a:r>
              <a:rPr lang="en-GB" dirty="0" smtClean="0">
                <a:solidFill>
                  <a:schemeClr val="tx1"/>
                </a:solidFill>
              </a:rPr>
              <a:t>.</a:t>
            </a:r>
          </a:p>
          <a:p>
            <a:r>
              <a:rPr lang="en-GB" dirty="0" smtClean="0">
                <a:solidFill>
                  <a:schemeClr val="tx1"/>
                </a:solidFill>
              </a:rPr>
              <a:t>Software Development environment.</a:t>
            </a:r>
          </a:p>
          <a:p>
            <a:r>
              <a:rPr lang="en-GB" dirty="0" smtClean="0">
                <a:solidFill>
                  <a:schemeClr val="tx1"/>
                </a:solidFill>
              </a:rPr>
              <a:t>Configuration management and software deployment.</a:t>
            </a:r>
          </a:p>
          <a:p>
            <a:r>
              <a:rPr lang="en-GB" dirty="0" smtClean="0">
                <a:solidFill>
                  <a:schemeClr val="tx1"/>
                </a:solidFill>
              </a:rPr>
              <a:t>Monitoring tools and services of Software applications used to configure the control system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12</a:t>
            </a:fld>
            <a:endParaRPr lang="en-GB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04248" y="5676896"/>
            <a:ext cx="2339752" cy="1181103"/>
          </a:xfrm>
          <a:prstGeom prst="rect">
            <a:avLst/>
          </a:prstGeom>
        </p:spPr>
      </p:pic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1384987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rol system software scope </a:t>
            </a:r>
            <a:br>
              <a:rPr lang="en-US" dirty="0" smtClean="0"/>
            </a:br>
            <a:endParaRPr lang="en-US" sz="20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62500" lnSpcReduction="20000"/>
          </a:bodyPr>
          <a:lstStyle/>
          <a:p>
            <a:pPr marL="0" indent="0">
              <a:buNone/>
            </a:pPr>
            <a:r>
              <a:rPr lang="sv-SE" dirty="0" smtClean="0">
                <a:solidFill>
                  <a:schemeClr val="tx1"/>
                </a:solidFill>
              </a:rPr>
              <a:t>Providing control system software applications, providing the following services:</a:t>
            </a:r>
          </a:p>
          <a:p>
            <a:r>
              <a:rPr lang="sv-SE" dirty="0" smtClean="0">
                <a:solidFill>
                  <a:schemeClr val="tx1"/>
                </a:solidFill>
              </a:rPr>
              <a:t>EPICS Control System Studio:</a:t>
            </a:r>
          </a:p>
          <a:p>
            <a:pPr lvl="1"/>
            <a:r>
              <a:rPr lang="sv-SE" dirty="0" smtClean="0">
                <a:solidFill>
                  <a:schemeClr val="tx1"/>
                </a:solidFill>
              </a:rPr>
              <a:t>Operator screens</a:t>
            </a:r>
          </a:p>
          <a:p>
            <a:pPr lvl="1"/>
            <a:r>
              <a:rPr lang="sv-SE" dirty="0" smtClean="0">
                <a:solidFill>
                  <a:schemeClr val="tx1"/>
                </a:solidFill>
              </a:rPr>
              <a:t>Data browser</a:t>
            </a:r>
          </a:p>
          <a:p>
            <a:pPr lvl="1"/>
            <a:r>
              <a:rPr lang="sv-SE" dirty="0" smtClean="0">
                <a:solidFill>
                  <a:schemeClr val="tx1"/>
                </a:solidFill>
              </a:rPr>
              <a:t>Probe</a:t>
            </a:r>
          </a:p>
          <a:p>
            <a:pPr lvl="1"/>
            <a:r>
              <a:rPr lang="sv-SE" dirty="0" smtClean="0">
                <a:solidFill>
                  <a:schemeClr val="tx1"/>
                </a:solidFill>
              </a:rPr>
              <a:t>Archiver (Archiver Appliance)</a:t>
            </a:r>
          </a:p>
          <a:p>
            <a:pPr lvl="1"/>
            <a:r>
              <a:rPr lang="sv-SE" dirty="0" smtClean="0">
                <a:solidFill>
                  <a:schemeClr val="tx1"/>
                </a:solidFill>
              </a:rPr>
              <a:t>Alarms system (BEAST)</a:t>
            </a:r>
          </a:p>
          <a:p>
            <a:pPr lvl="1"/>
            <a:r>
              <a:rPr lang="sv-SE" dirty="0" smtClean="0">
                <a:solidFill>
                  <a:schemeClr val="tx1"/>
                </a:solidFill>
              </a:rPr>
              <a:t>Channel Finder functionality </a:t>
            </a:r>
          </a:p>
          <a:p>
            <a:pPr lvl="1"/>
            <a:r>
              <a:rPr lang="sv-SE" dirty="0" smtClean="0">
                <a:solidFill>
                  <a:schemeClr val="tx1"/>
                </a:solidFill>
              </a:rPr>
              <a:t>Save, Compare &amp; Restore functionality (MASAR)</a:t>
            </a:r>
          </a:p>
          <a:p>
            <a:r>
              <a:rPr lang="sv-SE" dirty="0" smtClean="0">
                <a:solidFill>
                  <a:schemeClr val="tx1"/>
                </a:solidFill>
              </a:rPr>
              <a:t>Post Mortem service/application</a:t>
            </a:r>
          </a:p>
          <a:p>
            <a:r>
              <a:rPr lang="sv-SE" dirty="0" smtClean="0">
                <a:solidFill>
                  <a:schemeClr val="tx1"/>
                </a:solidFill>
              </a:rPr>
              <a:t>Calibration service/application</a:t>
            </a:r>
          </a:p>
          <a:p>
            <a:r>
              <a:rPr lang="sv-SE" dirty="0" smtClean="0">
                <a:solidFill>
                  <a:schemeClr val="tx1"/>
                </a:solidFill>
              </a:rPr>
              <a:t>Diagnostics service/application</a:t>
            </a:r>
          </a:p>
          <a:p>
            <a:r>
              <a:rPr lang="sv-SE" dirty="0" smtClean="0">
                <a:solidFill>
                  <a:schemeClr val="tx1"/>
                </a:solidFill>
              </a:rPr>
              <a:t>Generic information screens</a:t>
            </a:r>
          </a:p>
          <a:p>
            <a:pPr marL="0" indent="0">
              <a:buNone/>
            </a:pPr>
            <a:endParaRPr lang="sv-SE" dirty="0" smtClean="0">
              <a:solidFill>
                <a:schemeClr val="tx1"/>
              </a:solidFill>
            </a:endParaRPr>
          </a:p>
          <a:p>
            <a:r>
              <a:rPr lang="sv-SE" dirty="0" smtClean="0">
                <a:solidFill>
                  <a:schemeClr val="tx1"/>
                </a:solidFill>
              </a:rPr>
              <a:t>Controls Configuration (ESS Named devices, cables)</a:t>
            </a:r>
          </a:p>
          <a:p>
            <a:endParaRPr lang="sv-SE" dirty="0">
              <a:solidFill>
                <a:schemeClr val="tx1"/>
              </a:solidFill>
            </a:endParaRPr>
          </a:p>
          <a:p>
            <a:r>
              <a:rPr lang="sv-SE" dirty="0" smtClean="0">
                <a:solidFill>
                  <a:schemeClr val="tx1"/>
                </a:solidFill>
              </a:rPr>
              <a:t>Open XAL* framework with Physics online mod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3</a:t>
            </a:fld>
            <a:endParaRPr lang="sv-SE" dirty="0"/>
          </a:p>
        </p:txBody>
      </p:sp>
      <p:pic>
        <p:nvPicPr>
          <p:cNvPr id="5" name="06E014FD-8423-4490-A104-A5CC8B5135CA" descr="5B5CF5BD-A625-4882-9BB2-321D0EE6D41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08105" y="1988840"/>
            <a:ext cx="3635895" cy="31099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0405348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3528" y="116632"/>
            <a:ext cx="7139136" cy="1143000"/>
          </a:xfrm>
        </p:spPr>
        <p:txBody>
          <a:bodyPr/>
          <a:lstStyle/>
          <a:p>
            <a:r>
              <a:rPr lang="en-US" dirty="0" smtClean="0"/>
              <a:t>Machine protection scop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2008" y="1628800"/>
            <a:ext cx="9036496" cy="4896544"/>
          </a:xfrm>
        </p:spPr>
        <p:txBody>
          <a:bodyPr>
            <a:noAutofit/>
          </a:bodyPr>
          <a:lstStyle/>
          <a:p>
            <a:pPr marL="0" indent="0">
              <a:spcBef>
                <a:spcPts val="0"/>
              </a:spcBef>
              <a:buNone/>
            </a:pPr>
            <a:r>
              <a:rPr lang="en-US" sz="1400" dirty="0" smtClean="0">
                <a:solidFill>
                  <a:schemeClr val="tx1"/>
                </a:solidFill>
              </a:rPr>
              <a:t>Machine </a:t>
            </a:r>
            <a:r>
              <a:rPr lang="en-US" sz="1400" dirty="0">
                <a:solidFill>
                  <a:schemeClr val="tx1"/>
                </a:solidFill>
              </a:rPr>
              <a:t>Protection </a:t>
            </a:r>
            <a:r>
              <a:rPr lang="en-US" sz="1400" dirty="0" smtClean="0">
                <a:solidFill>
                  <a:schemeClr val="tx1"/>
                </a:solidFill>
              </a:rPr>
              <a:t>helps </a:t>
            </a:r>
            <a:r>
              <a:rPr lang="en-US" sz="1400" b="1" dirty="0">
                <a:solidFill>
                  <a:schemeClr val="tx1"/>
                </a:solidFill>
              </a:rPr>
              <a:t>in achieving the operational availability </a:t>
            </a:r>
            <a:r>
              <a:rPr lang="en-US" sz="1400" dirty="0">
                <a:solidFill>
                  <a:schemeClr val="tx1"/>
                </a:solidFill>
              </a:rPr>
              <a:t>requirements for </a:t>
            </a:r>
            <a:r>
              <a:rPr lang="en-US" sz="1400" dirty="0" smtClean="0">
                <a:solidFill>
                  <a:schemeClr val="tx1"/>
                </a:solidFill>
              </a:rPr>
              <a:t>ESS.</a:t>
            </a:r>
            <a:r>
              <a:rPr lang="en-US" sz="1400" dirty="0">
                <a:solidFill>
                  <a:schemeClr val="tx1"/>
                </a:solidFill>
              </a:rPr>
              <a:t> </a:t>
            </a:r>
            <a:r>
              <a:rPr lang="en-US" sz="1400" dirty="0" smtClean="0">
                <a:solidFill>
                  <a:schemeClr val="tx1"/>
                </a:solidFill>
              </a:rPr>
              <a:t>High </a:t>
            </a:r>
            <a:r>
              <a:rPr lang="en-US" sz="1400" dirty="0">
                <a:solidFill>
                  <a:schemeClr val="tx1"/>
                </a:solidFill>
              </a:rPr>
              <a:t>availability is achieved </a:t>
            </a:r>
            <a:r>
              <a:rPr lang="en-US" sz="1400" b="1" dirty="0">
                <a:solidFill>
                  <a:schemeClr val="tx1"/>
                </a:solidFill>
              </a:rPr>
              <a:t>through high system </a:t>
            </a:r>
            <a:r>
              <a:rPr lang="en-US" sz="1400" b="1" dirty="0" smtClean="0">
                <a:solidFill>
                  <a:schemeClr val="tx1"/>
                </a:solidFill>
              </a:rPr>
              <a:t>reliability</a:t>
            </a:r>
            <a:r>
              <a:rPr lang="en-US" sz="1400" dirty="0" smtClean="0">
                <a:solidFill>
                  <a:schemeClr val="tx1"/>
                </a:solidFill>
              </a:rPr>
              <a:t>, through </a:t>
            </a:r>
            <a:r>
              <a:rPr lang="en-US" sz="1400" b="1" dirty="0">
                <a:solidFill>
                  <a:schemeClr val="tx1"/>
                </a:solidFill>
              </a:rPr>
              <a:t>short </a:t>
            </a:r>
            <a:r>
              <a:rPr lang="en-US" sz="1400" b="1" dirty="0" smtClean="0">
                <a:solidFill>
                  <a:schemeClr val="tx1"/>
                </a:solidFill>
              </a:rPr>
              <a:t>preventive </a:t>
            </a:r>
            <a:r>
              <a:rPr lang="en-US" sz="1400" b="1" dirty="0">
                <a:solidFill>
                  <a:schemeClr val="tx1"/>
                </a:solidFill>
              </a:rPr>
              <a:t>and corrective maintenance </a:t>
            </a:r>
            <a:r>
              <a:rPr lang="en-US" sz="1400" b="1" dirty="0" smtClean="0">
                <a:solidFill>
                  <a:schemeClr val="tx1"/>
                </a:solidFill>
              </a:rPr>
              <a:t>times </a:t>
            </a:r>
            <a:r>
              <a:rPr lang="en-US" sz="1400" dirty="0" smtClean="0">
                <a:solidFill>
                  <a:schemeClr val="tx1"/>
                </a:solidFill>
              </a:rPr>
              <a:t>and </a:t>
            </a:r>
            <a:r>
              <a:rPr lang="en-US" sz="1400" b="1" dirty="0" smtClean="0">
                <a:solidFill>
                  <a:schemeClr val="tx1"/>
                </a:solidFill>
              </a:rPr>
              <a:t>short recovery times </a:t>
            </a:r>
            <a:r>
              <a:rPr lang="en-US" sz="1400" dirty="0" smtClean="0">
                <a:solidFill>
                  <a:schemeClr val="tx1"/>
                </a:solidFill>
              </a:rPr>
              <a:t>after stopping</a:t>
            </a:r>
            <a:r>
              <a:rPr lang="en-US" sz="1400" dirty="0">
                <a:solidFill>
                  <a:schemeClr val="tx1"/>
                </a:solidFill>
              </a:rPr>
              <a:t> </a:t>
            </a:r>
            <a:r>
              <a:rPr lang="en-US" sz="1400" dirty="0" smtClean="0">
                <a:solidFill>
                  <a:schemeClr val="tx1"/>
                </a:solidFill>
              </a:rPr>
              <a:t>beam operation.</a:t>
            </a:r>
          </a:p>
          <a:p>
            <a:pPr marL="0" indent="0">
              <a:spcBef>
                <a:spcPts val="0"/>
              </a:spcBef>
              <a:buNone/>
            </a:pPr>
            <a:endParaRPr lang="en-US" sz="1400" dirty="0">
              <a:solidFill>
                <a:schemeClr val="tx1"/>
              </a:solidFill>
            </a:endParaRPr>
          </a:p>
          <a:p>
            <a:pPr marL="0" indent="0">
              <a:spcBef>
                <a:spcPts val="0"/>
              </a:spcBef>
              <a:buNone/>
            </a:pPr>
            <a:r>
              <a:rPr lang="en-US" sz="1400" dirty="0" smtClean="0">
                <a:solidFill>
                  <a:schemeClr val="tx1"/>
                </a:solidFill>
              </a:rPr>
              <a:t>The </a:t>
            </a:r>
            <a:r>
              <a:rPr lang="en-US" sz="1400" dirty="0">
                <a:solidFill>
                  <a:schemeClr val="tx1"/>
                </a:solidFill>
              </a:rPr>
              <a:t>right strategy to </a:t>
            </a:r>
            <a:r>
              <a:rPr lang="en-US" sz="1400" b="1" dirty="0">
                <a:solidFill>
                  <a:schemeClr val="tx1"/>
                </a:solidFill>
              </a:rPr>
              <a:t>avoid damage </a:t>
            </a:r>
            <a:r>
              <a:rPr lang="en-US" sz="1400" dirty="0">
                <a:solidFill>
                  <a:schemeClr val="tx1"/>
                </a:solidFill>
              </a:rPr>
              <a:t>leading to long corrective maintenance </a:t>
            </a:r>
            <a:r>
              <a:rPr lang="en-US" sz="1400" dirty="0" smtClean="0">
                <a:solidFill>
                  <a:schemeClr val="tx1"/>
                </a:solidFill>
              </a:rPr>
              <a:t>times, </a:t>
            </a:r>
            <a:r>
              <a:rPr lang="en-US" sz="1400" dirty="0">
                <a:solidFill>
                  <a:schemeClr val="tx1"/>
                </a:solidFill>
              </a:rPr>
              <a:t>will involve a mix </a:t>
            </a:r>
            <a:r>
              <a:rPr lang="en-US" sz="1400" dirty="0" smtClean="0">
                <a:solidFill>
                  <a:schemeClr val="tx1"/>
                </a:solidFill>
              </a:rPr>
              <a:t>of:</a:t>
            </a:r>
            <a:endParaRPr lang="en-US" sz="1400" dirty="0">
              <a:solidFill>
                <a:schemeClr val="tx1"/>
              </a:solidFill>
            </a:endParaRPr>
          </a:p>
          <a:p>
            <a:pPr>
              <a:spcBef>
                <a:spcPts val="0"/>
              </a:spcBef>
            </a:pPr>
            <a:r>
              <a:rPr lang="en-US" sz="1400" dirty="0" smtClean="0">
                <a:solidFill>
                  <a:schemeClr val="tx1"/>
                </a:solidFill>
              </a:rPr>
              <a:t>dedicated </a:t>
            </a:r>
            <a:r>
              <a:rPr lang="en-US" sz="1400" dirty="0">
                <a:solidFill>
                  <a:schemeClr val="tx1"/>
                </a:solidFill>
              </a:rPr>
              <a:t>technical systems stopping operation (not only of beam) to prevent and mitigate damage</a:t>
            </a:r>
            <a:r>
              <a:rPr lang="en-US" sz="1400" dirty="0" smtClean="0">
                <a:solidFill>
                  <a:schemeClr val="tx1"/>
                </a:solidFill>
              </a:rPr>
              <a:t>,</a:t>
            </a:r>
          </a:p>
          <a:p>
            <a:pPr>
              <a:spcBef>
                <a:spcPts val="0"/>
              </a:spcBef>
            </a:pPr>
            <a:r>
              <a:rPr lang="en-US" sz="1400" dirty="0" smtClean="0">
                <a:solidFill>
                  <a:schemeClr val="tx1"/>
                </a:solidFill>
              </a:rPr>
              <a:t>dedicated </a:t>
            </a:r>
            <a:r>
              <a:rPr lang="en-US" sz="1400" dirty="0">
                <a:solidFill>
                  <a:schemeClr val="tx1"/>
                </a:solidFill>
              </a:rPr>
              <a:t>operational and maintenance procedures to fix things before real damage can occur</a:t>
            </a:r>
            <a:r>
              <a:rPr lang="en-US" sz="1400" dirty="0" smtClean="0">
                <a:solidFill>
                  <a:schemeClr val="tx1"/>
                </a:solidFill>
              </a:rPr>
              <a:t>.</a:t>
            </a:r>
          </a:p>
          <a:p>
            <a:pPr marL="0" indent="0">
              <a:spcBef>
                <a:spcPts val="0"/>
              </a:spcBef>
              <a:buNone/>
            </a:pPr>
            <a:endParaRPr lang="en-US" sz="1400" dirty="0" smtClean="0">
              <a:solidFill>
                <a:schemeClr val="tx1"/>
              </a:solidFill>
            </a:endParaRPr>
          </a:p>
          <a:p>
            <a:pPr marL="0" indent="0">
              <a:spcBef>
                <a:spcPts val="0"/>
              </a:spcBef>
              <a:buNone/>
            </a:pPr>
            <a:r>
              <a:rPr lang="en-US" sz="1400" dirty="0" smtClean="0">
                <a:solidFill>
                  <a:schemeClr val="tx1"/>
                </a:solidFill>
              </a:rPr>
              <a:t>Machine </a:t>
            </a:r>
            <a:r>
              <a:rPr lang="en-US" sz="1400" dirty="0">
                <a:solidFill>
                  <a:schemeClr val="tx1"/>
                </a:solidFill>
              </a:rPr>
              <a:t>Protection needs to reliably do the following</a:t>
            </a:r>
            <a:r>
              <a:rPr lang="en-US" sz="1400" dirty="0" smtClean="0">
                <a:solidFill>
                  <a:schemeClr val="tx1"/>
                </a:solidFill>
              </a:rPr>
              <a:t>:</a:t>
            </a:r>
            <a:endParaRPr lang="en-US" sz="1400" dirty="0">
              <a:solidFill>
                <a:schemeClr val="tx1"/>
              </a:solidFill>
            </a:endParaRPr>
          </a:p>
          <a:p>
            <a:pPr>
              <a:spcBef>
                <a:spcPts val="0"/>
              </a:spcBef>
            </a:pPr>
            <a:r>
              <a:rPr lang="en-US" sz="1400" b="1" dirty="0">
                <a:solidFill>
                  <a:schemeClr val="tx1"/>
                </a:solidFill>
              </a:rPr>
              <a:t>protect</a:t>
            </a:r>
            <a:r>
              <a:rPr lang="en-US" sz="1400" dirty="0">
                <a:solidFill>
                  <a:schemeClr val="tx1"/>
                </a:solidFill>
              </a:rPr>
              <a:t> the “machine” </a:t>
            </a:r>
            <a:r>
              <a:rPr lang="en-US" sz="1400" b="1" dirty="0">
                <a:solidFill>
                  <a:schemeClr val="tx1"/>
                </a:solidFill>
              </a:rPr>
              <a:t>from damage</a:t>
            </a:r>
            <a:r>
              <a:rPr lang="en-US" sz="1400" dirty="0">
                <a:solidFill>
                  <a:schemeClr val="tx1"/>
                </a:solidFill>
              </a:rPr>
              <a:t>, be it beam-induced or resulting from any other source</a:t>
            </a:r>
            <a:r>
              <a:rPr lang="en-US" sz="1400" dirty="0" smtClean="0">
                <a:solidFill>
                  <a:schemeClr val="tx1"/>
                </a:solidFill>
              </a:rPr>
              <a:t>,</a:t>
            </a:r>
          </a:p>
          <a:p>
            <a:pPr>
              <a:spcBef>
                <a:spcPts val="0"/>
              </a:spcBef>
            </a:pPr>
            <a:r>
              <a:rPr lang="en-US" sz="1400" b="1" dirty="0" smtClean="0">
                <a:solidFill>
                  <a:schemeClr val="tx1"/>
                </a:solidFill>
              </a:rPr>
              <a:t>protect</a:t>
            </a:r>
            <a:r>
              <a:rPr lang="en-US" sz="1400" dirty="0" smtClean="0">
                <a:solidFill>
                  <a:schemeClr val="tx1"/>
                </a:solidFill>
              </a:rPr>
              <a:t> </a:t>
            </a:r>
            <a:r>
              <a:rPr lang="en-US" sz="1400" dirty="0">
                <a:solidFill>
                  <a:schemeClr val="tx1"/>
                </a:solidFill>
              </a:rPr>
              <a:t>the “machine” </a:t>
            </a:r>
            <a:r>
              <a:rPr lang="en-US" sz="1400" b="1" dirty="0">
                <a:solidFill>
                  <a:schemeClr val="tx1"/>
                </a:solidFill>
              </a:rPr>
              <a:t>from unnecessary beam-induced activation</a:t>
            </a:r>
            <a:r>
              <a:rPr lang="en-US" sz="1400" dirty="0" smtClean="0">
                <a:solidFill>
                  <a:schemeClr val="tx1"/>
                </a:solidFill>
              </a:rPr>
              <a:t>.</a:t>
            </a:r>
            <a:endParaRPr lang="en-US" sz="1400" dirty="0">
              <a:solidFill>
                <a:schemeClr val="tx1"/>
              </a:solidFill>
            </a:endParaRPr>
          </a:p>
          <a:p>
            <a:pPr marL="0" indent="0">
              <a:spcBef>
                <a:spcPts val="0"/>
              </a:spcBef>
              <a:buNone/>
            </a:pPr>
            <a:endParaRPr lang="en-US" sz="1400" dirty="0" smtClean="0">
              <a:solidFill>
                <a:schemeClr val="tx1"/>
              </a:solidFill>
            </a:endParaRPr>
          </a:p>
          <a:p>
            <a:pPr marL="0" indent="0">
              <a:spcBef>
                <a:spcPts val="0"/>
              </a:spcBef>
              <a:buNone/>
            </a:pPr>
            <a:r>
              <a:rPr lang="en-US" sz="1400" dirty="0" smtClean="0">
                <a:solidFill>
                  <a:schemeClr val="tx1"/>
                </a:solidFill>
              </a:rPr>
              <a:t>Machine </a:t>
            </a:r>
            <a:r>
              <a:rPr lang="en-US" sz="1400" dirty="0">
                <a:solidFill>
                  <a:schemeClr val="tx1"/>
                </a:solidFill>
              </a:rPr>
              <a:t>protection will be implemented in a way to</a:t>
            </a:r>
            <a:r>
              <a:rPr lang="en-US" sz="1400" dirty="0" smtClean="0">
                <a:solidFill>
                  <a:schemeClr val="tx1"/>
                </a:solidFill>
              </a:rPr>
              <a:t>:</a:t>
            </a:r>
            <a:endParaRPr lang="en-US" sz="1400" dirty="0">
              <a:solidFill>
                <a:schemeClr val="tx1"/>
              </a:solidFill>
            </a:endParaRPr>
          </a:p>
          <a:p>
            <a:pPr marL="285750" indent="-285750">
              <a:spcBef>
                <a:spcPts val="0"/>
              </a:spcBef>
            </a:pPr>
            <a:r>
              <a:rPr lang="en-US" sz="1400" b="1" dirty="0">
                <a:solidFill>
                  <a:schemeClr val="tx1"/>
                </a:solidFill>
              </a:rPr>
              <a:t>minimize</a:t>
            </a:r>
            <a:r>
              <a:rPr lang="en-US" sz="1400" dirty="0">
                <a:solidFill>
                  <a:schemeClr val="tx1"/>
                </a:solidFill>
              </a:rPr>
              <a:t> unnecessary down-time due to </a:t>
            </a:r>
            <a:r>
              <a:rPr lang="en-US" sz="1400" b="1" dirty="0">
                <a:solidFill>
                  <a:schemeClr val="tx1"/>
                </a:solidFill>
              </a:rPr>
              <a:t>spurious</a:t>
            </a:r>
            <a:r>
              <a:rPr lang="en-US" sz="1400" dirty="0">
                <a:solidFill>
                  <a:schemeClr val="tx1"/>
                </a:solidFill>
              </a:rPr>
              <a:t> </a:t>
            </a:r>
            <a:r>
              <a:rPr lang="en-US" sz="1400" b="1" dirty="0">
                <a:solidFill>
                  <a:schemeClr val="tx1"/>
                </a:solidFill>
              </a:rPr>
              <a:t>trips</a:t>
            </a:r>
            <a:r>
              <a:rPr lang="en-US" sz="1400" dirty="0">
                <a:solidFill>
                  <a:schemeClr val="tx1"/>
                </a:solidFill>
              </a:rPr>
              <a:t>,</a:t>
            </a:r>
          </a:p>
          <a:p>
            <a:pPr marL="285750" indent="-285750">
              <a:spcBef>
                <a:spcPts val="0"/>
              </a:spcBef>
            </a:pPr>
            <a:r>
              <a:rPr lang="en-US" sz="1400" dirty="0">
                <a:solidFill>
                  <a:schemeClr val="tx1"/>
                </a:solidFill>
              </a:rPr>
              <a:t>provide optimal </a:t>
            </a:r>
            <a:r>
              <a:rPr lang="en-US" sz="1400" b="1" dirty="0">
                <a:solidFill>
                  <a:schemeClr val="tx1"/>
                </a:solidFill>
              </a:rPr>
              <a:t>support</a:t>
            </a:r>
            <a:r>
              <a:rPr lang="en-US" sz="1400" dirty="0">
                <a:solidFill>
                  <a:schemeClr val="tx1"/>
                </a:solidFill>
              </a:rPr>
              <a:t> for </a:t>
            </a:r>
            <a:r>
              <a:rPr lang="en-US" sz="1400" b="1" dirty="0">
                <a:solidFill>
                  <a:schemeClr val="tx1"/>
                </a:solidFill>
              </a:rPr>
              <a:t>failure localization</a:t>
            </a:r>
            <a:r>
              <a:rPr lang="en-US" sz="1400" dirty="0">
                <a:solidFill>
                  <a:schemeClr val="tx1"/>
                </a:solidFill>
              </a:rPr>
              <a:t>,</a:t>
            </a:r>
          </a:p>
          <a:p>
            <a:pPr marL="285750" indent="-285750">
              <a:spcBef>
                <a:spcPts val="0"/>
              </a:spcBef>
            </a:pPr>
            <a:r>
              <a:rPr lang="en-US" sz="1400" b="1" dirty="0">
                <a:solidFill>
                  <a:schemeClr val="tx1"/>
                </a:solidFill>
              </a:rPr>
              <a:t>support</a:t>
            </a:r>
            <a:r>
              <a:rPr lang="en-US" sz="1400" dirty="0">
                <a:solidFill>
                  <a:schemeClr val="tx1"/>
                </a:solidFill>
              </a:rPr>
              <a:t> all </a:t>
            </a:r>
            <a:r>
              <a:rPr lang="en-US" sz="1400" b="1" dirty="0">
                <a:solidFill>
                  <a:schemeClr val="tx1"/>
                </a:solidFill>
              </a:rPr>
              <a:t>operational modes </a:t>
            </a:r>
            <a:r>
              <a:rPr lang="en-US" sz="1400" dirty="0">
                <a:solidFill>
                  <a:schemeClr val="tx1"/>
                </a:solidFill>
              </a:rPr>
              <a:t>of the facility,</a:t>
            </a:r>
          </a:p>
          <a:p>
            <a:pPr marL="285750" indent="-285750">
              <a:spcBef>
                <a:spcPts val="0"/>
              </a:spcBef>
            </a:pPr>
            <a:r>
              <a:rPr lang="en-US" sz="1400" b="1" dirty="0">
                <a:solidFill>
                  <a:schemeClr val="tx1"/>
                </a:solidFill>
              </a:rPr>
              <a:t>support</a:t>
            </a:r>
            <a:r>
              <a:rPr lang="en-US" sz="1400" dirty="0">
                <a:solidFill>
                  <a:schemeClr val="tx1"/>
                </a:solidFill>
              </a:rPr>
              <a:t> operation in </a:t>
            </a:r>
            <a:r>
              <a:rPr lang="en-US" sz="1400" b="1" dirty="0">
                <a:solidFill>
                  <a:schemeClr val="tx1"/>
                </a:solidFill>
              </a:rPr>
              <a:t>degraded mode</a:t>
            </a:r>
            <a:r>
              <a:rPr lang="en-US" sz="1400" dirty="0">
                <a:solidFill>
                  <a:schemeClr val="tx1"/>
                </a:solidFill>
              </a:rPr>
              <a:t>.</a:t>
            </a:r>
          </a:p>
          <a:p>
            <a:pPr marL="400050" lvl="1" indent="0">
              <a:spcBef>
                <a:spcPts val="0"/>
              </a:spcBef>
              <a:buNone/>
            </a:pPr>
            <a:endParaRPr lang="en-US" sz="1400" dirty="0">
              <a:solidFill>
                <a:schemeClr val="tx1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4</a:t>
            </a:fld>
            <a:endParaRPr lang="sv-SE" dirty="0"/>
          </a:p>
        </p:txBody>
      </p:sp>
      <p:pic>
        <p:nvPicPr>
          <p:cNvPr id="5" name="Picture 4" descr="IMG_1039.JPG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08104" y="4077072"/>
            <a:ext cx="3419872" cy="2564904"/>
          </a:xfrm>
          <a:prstGeom prst="rect">
            <a:avLst/>
          </a:prstGeom>
        </p:spPr>
      </p:pic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4414987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512" y="116632"/>
            <a:ext cx="7139136" cy="1143000"/>
          </a:xfrm>
        </p:spPr>
        <p:txBody>
          <a:bodyPr/>
          <a:lstStyle/>
          <a:p>
            <a:r>
              <a:rPr lang="en-US" dirty="0" smtClean="0"/>
              <a:t>Scope of Personnel Safety System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2008" y="1628800"/>
            <a:ext cx="9036496" cy="4896544"/>
          </a:xfrm>
        </p:spPr>
        <p:txBody>
          <a:bodyPr>
            <a:noAutofit/>
          </a:bodyPr>
          <a:lstStyle/>
          <a:p>
            <a:pPr marL="0" indent="0">
              <a:spcBef>
                <a:spcPts val="0"/>
              </a:spcBef>
              <a:buNone/>
            </a:pPr>
            <a:r>
              <a:rPr lang="en-US" sz="1400" dirty="0" smtClean="0">
                <a:solidFill>
                  <a:schemeClr val="tx1"/>
                </a:solidFill>
              </a:rPr>
              <a:t>The ESS Personnel Safety Systems are loosely divided into </a:t>
            </a:r>
            <a:r>
              <a:rPr lang="en-US" sz="1400" b="1" dirty="0" smtClean="0">
                <a:solidFill>
                  <a:schemeClr val="tx1"/>
                </a:solidFill>
              </a:rPr>
              <a:t>three major systems</a:t>
            </a:r>
            <a:r>
              <a:rPr lang="en-US" sz="1400" dirty="0" smtClean="0">
                <a:solidFill>
                  <a:schemeClr val="tx1"/>
                </a:solidFill>
              </a:rPr>
              <a:t>:</a:t>
            </a:r>
          </a:p>
          <a:p>
            <a:pPr>
              <a:spcBef>
                <a:spcPts val="0"/>
              </a:spcBef>
            </a:pPr>
            <a:r>
              <a:rPr lang="en-US" sz="1400" dirty="0" smtClean="0">
                <a:solidFill>
                  <a:schemeClr val="tx1"/>
                </a:solidFill>
              </a:rPr>
              <a:t>The </a:t>
            </a:r>
            <a:r>
              <a:rPr lang="en-US" sz="1400" b="1" dirty="0">
                <a:solidFill>
                  <a:schemeClr val="tx1"/>
                </a:solidFill>
              </a:rPr>
              <a:t>A</a:t>
            </a:r>
            <a:r>
              <a:rPr lang="en-US" sz="1400" b="1" dirty="0" smtClean="0">
                <a:solidFill>
                  <a:schemeClr val="tx1"/>
                </a:solidFill>
              </a:rPr>
              <a:t>ccelerator PSS</a:t>
            </a:r>
            <a:r>
              <a:rPr lang="en-US" sz="1400" dirty="0" smtClean="0">
                <a:solidFill>
                  <a:schemeClr val="tx1"/>
                </a:solidFill>
              </a:rPr>
              <a:t>,</a:t>
            </a:r>
          </a:p>
          <a:p>
            <a:pPr>
              <a:spcBef>
                <a:spcPts val="0"/>
              </a:spcBef>
            </a:pPr>
            <a:r>
              <a:rPr lang="en-US" sz="1400" dirty="0" smtClean="0">
                <a:solidFill>
                  <a:schemeClr val="tx1"/>
                </a:solidFill>
              </a:rPr>
              <a:t>The </a:t>
            </a:r>
            <a:r>
              <a:rPr lang="en-US" sz="1400" b="1" dirty="0" smtClean="0">
                <a:solidFill>
                  <a:schemeClr val="tx1"/>
                </a:solidFill>
              </a:rPr>
              <a:t>Target PSS</a:t>
            </a:r>
            <a:r>
              <a:rPr lang="en-US" sz="1400" dirty="0" smtClean="0">
                <a:solidFill>
                  <a:schemeClr val="tx1"/>
                </a:solidFill>
              </a:rPr>
              <a:t>,</a:t>
            </a:r>
          </a:p>
          <a:p>
            <a:pPr>
              <a:spcBef>
                <a:spcPts val="0"/>
              </a:spcBef>
            </a:pPr>
            <a:r>
              <a:rPr lang="en-US" sz="1400" dirty="0" smtClean="0">
                <a:solidFill>
                  <a:schemeClr val="tx1"/>
                </a:solidFill>
              </a:rPr>
              <a:t>The </a:t>
            </a:r>
            <a:r>
              <a:rPr lang="en-US" sz="1400" b="1" dirty="0" smtClean="0">
                <a:solidFill>
                  <a:schemeClr val="tx1"/>
                </a:solidFill>
              </a:rPr>
              <a:t>Neutron Instruments PSS </a:t>
            </a:r>
            <a:r>
              <a:rPr lang="en-US" sz="1400" dirty="0" smtClean="0">
                <a:solidFill>
                  <a:schemeClr val="tx1"/>
                </a:solidFill>
              </a:rPr>
              <a:t>(one system for each of the 22 Neutron Instruments).</a:t>
            </a:r>
          </a:p>
          <a:p>
            <a:pPr marL="0" indent="0">
              <a:spcBef>
                <a:spcPts val="0"/>
              </a:spcBef>
              <a:buNone/>
            </a:pPr>
            <a:endParaRPr lang="en-US" sz="1400" dirty="0" smtClean="0">
              <a:solidFill>
                <a:schemeClr val="tx1"/>
              </a:solidFill>
            </a:endParaRPr>
          </a:p>
          <a:p>
            <a:pPr marL="0" indent="0">
              <a:spcBef>
                <a:spcPts val="0"/>
              </a:spcBef>
              <a:buNone/>
            </a:pPr>
            <a:r>
              <a:rPr lang="en-AU" sz="1400" dirty="0">
                <a:solidFill>
                  <a:srgbClr val="000000"/>
                </a:solidFill>
              </a:rPr>
              <a:t>The </a:t>
            </a:r>
            <a:r>
              <a:rPr lang="en-AU" sz="1400" b="1" dirty="0">
                <a:solidFill>
                  <a:srgbClr val="000000"/>
                </a:solidFill>
              </a:rPr>
              <a:t>primary role </a:t>
            </a:r>
            <a:r>
              <a:rPr lang="en-AU" sz="1400" dirty="0">
                <a:solidFill>
                  <a:srgbClr val="000000"/>
                </a:solidFill>
              </a:rPr>
              <a:t>of the ESS PSS is to </a:t>
            </a:r>
            <a:r>
              <a:rPr lang="en-AU" sz="1400" b="1" dirty="0">
                <a:solidFill>
                  <a:srgbClr val="000000"/>
                </a:solidFill>
              </a:rPr>
              <a:t>prevent personnel from being harmed by exposure to ionizing radiation</a:t>
            </a:r>
            <a:r>
              <a:rPr lang="en-AU" sz="1400" dirty="0">
                <a:solidFill>
                  <a:srgbClr val="000000"/>
                </a:solidFill>
              </a:rPr>
              <a:t> generated by the proton </a:t>
            </a:r>
            <a:r>
              <a:rPr lang="en-AU" sz="1400" dirty="0" smtClean="0">
                <a:solidFill>
                  <a:srgbClr val="000000"/>
                </a:solidFill>
              </a:rPr>
              <a:t>and neutron beams, </a:t>
            </a:r>
            <a:r>
              <a:rPr lang="en-AU" sz="1400" dirty="0">
                <a:solidFill>
                  <a:srgbClr val="000000"/>
                </a:solidFill>
              </a:rPr>
              <a:t>under all operating </a:t>
            </a:r>
            <a:r>
              <a:rPr lang="en-AU" sz="1400" dirty="0" smtClean="0">
                <a:solidFill>
                  <a:srgbClr val="000000"/>
                </a:solidFill>
              </a:rPr>
              <a:t>modes</a:t>
            </a:r>
            <a:r>
              <a:rPr lang="en-AU" sz="1400" dirty="0">
                <a:solidFill>
                  <a:srgbClr val="000000"/>
                </a:solidFill>
              </a:rPr>
              <a:t>. </a:t>
            </a:r>
          </a:p>
          <a:p>
            <a:pPr marL="0" indent="0">
              <a:spcBef>
                <a:spcPts val="0"/>
              </a:spcBef>
              <a:buNone/>
            </a:pPr>
            <a:endParaRPr lang="en-AU" sz="1400" dirty="0" smtClean="0">
              <a:solidFill>
                <a:srgbClr val="000000"/>
              </a:solidFill>
            </a:endParaRPr>
          </a:p>
          <a:p>
            <a:pPr marL="0" indent="0">
              <a:spcBef>
                <a:spcPts val="0"/>
              </a:spcBef>
              <a:buNone/>
            </a:pPr>
            <a:r>
              <a:rPr lang="en-AU" sz="1400" dirty="0" smtClean="0">
                <a:solidFill>
                  <a:srgbClr val="000000"/>
                </a:solidFill>
              </a:rPr>
              <a:t>The </a:t>
            </a:r>
            <a:r>
              <a:rPr lang="en-AU" sz="1400" dirty="0">
                <a:solidFill>
                  <a:srgbClr val="000000"/>
                </a:solidFill>
              </a:rPr>
              <a:t>ESS PSS will also be used to control </a:t>
            </a:r>
            <a:r>
              <a:rPr lang="en-AU" sz="1400" dirty="0" smtClean="0">
                <a:solidFill>
                  <a:srgbClr val="000000"/>
                </a:solidFill>
              </a:rPr>
              <a:t>and mitigate </a:t>
            </a:r>
            <a:r>
              <a:rPr lang="en-US" sz="1400" dirty="0" smtClean="0">
                <a:solidFill>
                  <a:srgbClr val="000000"/>
                </a:solidFill>
              </a:rPr>
              <a:t>against </a:t>
            </a:r>
            <a:r>
              <a:rPr lang="en-US" sz="1400" dirty="0">
                <a:solidFill>
                  <a:srgbClr val="000000"/>
                </a:solidFill>
              </a:rPr>
              <a:t>the following hazards inside </a:t>
            </a:r>
            <a:r>
              <a:rPr lang="en-US" sz="1400" dirty="0" smtClean="0">
                <a:solidFill>
                  <a:srgbClr val="000000"/>
                </a:solidFill>
              </a:rPr>
              <a:t>pre-defined controlled areas:</a:t>
            </a:r>
            <a:endParaRPr lang="en-US" sz="1400" dirty="0">
              <a:solidFill>
                <a:srgbClr val="000000"/>
              </a:solidFill>
            </a:endParaRPr>
          </a:p>
          <a:p>
            <a:pPr lvl="0">
              <a:spcBef>
                <a:spcPts val="0"/>
              </a:spcBef>
            </a:pPr>
            <a:r>
              <a:rPr lang="en-US" sz="1400" b="1" dirty="0" smtClean="0">
                <a:solidFill>
                  <a:srgbClr val="000000"/>
                </a:solidFill>
              </a:rPr>
              <a:t>Oxygen </a:t>
            </a:r>
            <a:r>
              <a:rPr lang="en-US" sz="1400" b="1" dirty="0">
                <a:solidFill>
                  <a:srgbClr val="000000"/>
                </a:solidFill>
              </a:rPr>
              <a:t>depletion </a:t>
            </a:r>
            <a:r>
              <a:rPr lang="en-US" sz="1400" dirty="0">
                <a:solidFill>
                  <a:srgbClr val="000000"/>
                </a:solidFill>
              </a:rPr>
              <a:t>(primarily from helium leak from the super conducting </a:t>
            </a:r>
            <a:r>
              <a:rPr lang="en-US" sz="1400" dirty="0" smtClean="0">
                <a:solidFill>
                  <a:srgbClr val="000000"/>
                </a:solidFill>
              </a:rPr>
              <a:t>sections)</a:t>
            </a:r>
            <a:endParaRPr lang="en-US" sz="1400" dirty="0">
              <a:solidFill>
                <a:srgbClr val="000000"/>
              </a:solidFill>
            </a:endParaRPr>
          </a:p>
          <a:p>
            <a:pPr lvl="0">
              <a:spcBef>
                <a:spcPts val="0"/>
              </a:spcBef>
            </a:pPr>
            <a:r>
              <a:rPr lang="en-US" sz="1400" b="1" dirty="0">
                <a:solidFill>
                  <a:srgbClr val="000000"/>
                </a:solidFill>
              </a:rPr>
              <a:t>High voltage </a:t>
            </a:r>
            <a:r>
              <a:rPr lang="en-US" sz="1400" dirty="0">
                <a:solidFill>
                  <a:srgbClr val="000000"/>
                </a:solidFill>
              </a:rPr>
              <a:t>from assorted </a:t>
            </a:r>
            <a:r>
              <a:rPr lang="en-US" sz="1400" dirty="0" smtClean="0">
                <a:solidFill>
                  <a:srgbClr val="000000"/>
                </a:solidFill>
              </a:rPr>
              <a:t>equipment</a:t>
            </a:r>
            <a:endParaRPr lang="en-US" sz="1400" dirty="0">
              <a:solidFill>
                <a:srgbClr val="000000"/>
              </a:solidFill>
            </a:endParaRPr>
          </a:p>
          <a:p>
            <a:pPr lvl="0">
              <a:spcBef>
                <a:spcPts val="0"/>
              </a:spcBef>
            </a:pPr>
            <a:r>
              <a:rPr lang="en-US" sz="1400" b="1" dirty="0">
                <a:solidFill>
                  <a:srgbClr val="000000"/>
                </a:solidFill>
              </a:rPr>
              <a:t>Radio </a:t>
            </a:r>
            <a:r>
              <a:rPr lang="en-US" sz="1400" b="1" dirty="0" smtClean="0">
                <a:solidFill>
                  <a:srgbClr val="000000"/>
                </a:solidFill>
              </a:rPr>
              <a:t>frequency</a:t>
            </a:r>
            <a:endParaRPr lang="en-US" sz="1400" b="1" dirty="0">
              <a:solidFill>
                <a:srgbClr val="000000"/>
              </a:solidFill>
            </a:endParaRPr>
          </a:p>
          <a:p>
            <a:pPr lvl="0">
              <a:spcBef>
                <a:spcPts val="0"/>
              </a:spcBef>
            </a:pPr>
            <a:r>
              <a:rPr lang="en-US" sz="1400" b="1" dirty="0" smtClean="0">
                <a:solidFill>
                  <a:srgbClr val="000000"/>
                </a:solidFill>
              </a:rPr>
              <a:t>X-Rays</a:t>
            </a:r>
          </a:p>
          <a:p>
            <a:pPr lvl="0">
              <a:spcBef>
                <a:spcPts val="0"/>
              </a:spcBef>
            </a:pPr>
            <a:endParaRPr lang="en-US" sz="1400" dirty="0">
              <a:solidFill>
                <a:srgbClr val="000000"/>
              </a:solidFill>
            </a:endParaRPr>
          </a:p>
          <a:p>
            <a:pPr marL="0" indent="0">
              <a:spcBef>
                <a:spcPts val="0"/>
              </a:spcBef>
              <a:buNone/>
            </a:pPr>
            <a:r>
              <a:rPr lang="en-AU" sz="1400" b="1" dirty="0" smtClean="0">
                <a:solidFill>
                  <a:srgbClr val="000000"/>
                </a:solidFill>
              </a:rPr>
              <a:t>Mitigation</a:t>
            </a:r>
            <a:r>
              <a:rPr lang="en-AU" sz="1400" dirty="0" smtClean="0">
                <a:solidFill>
                  <a:srgbClr val="000000"/>
                </a:solidFill>
              </a:rPr>
              <a:t> will </a:t>
            </a:r>
            <a:r>
              <a:rPr lang="en-AU" sz="1400" dirty="0">
                <a:solidFill>
                  <a:srgbClr val="000000"/>
                </a:solidFill>
              </a:rPr>
              <a:t>be achieved </a:t>
            </a:r>
            <a:r>
              <a:rPr lang="en-AU" sz="1400" b="1" dirty="0">
                <a:solidFill>
                  <a:srgbClr val="000000"/>
                </a:solidFill>
              </a:rPr>
              <a:t>by controlling access </a:t>
            </a:r>
            <a:r>
              <a:rPr lang="en-AU" sz="1400" dirty="0">
                <a:solidFill>
                  <a:srgbClr val="000000"/>
                </a:solidFill>
              </a:rPr>
              <a:t>to the different areas when a potential hazard is present </a:t>
            </a:r>
            <a:r>
              <a:rPr lang="en-AU" sz="1400" b="1" dirty="0">
                <a:solidFill>
                  <a:srgbClr val="000000"/>
                </a:solidFill>
              </a:rPr>
              <a:t>and switching off </a:t>
            </a:r>
            <a:r>
              <a:rPr lang="en-AU" sz="1400" b="1" dirty="0" smtClean="0">
                <a:solidFill>
                  <a:srgbClr val="000000"/>
                </a:solidFill>
              </a:rPr>
              <a:t>the equipment </a:t>
            </a:r>
            <a:r>
              <a:rPr lang="en-AU" sz="1400" dirty="0" smtClean="0">
                <a:solidFill>
                  <a:srgbClr val="000000"/>
                </a:solidFill>
              </a:rPr>
              <a:t>generating the hazards.</a:t>
            </a:r>
            <a:endParaRPr lang="en-US" sz="1400" dirty="0">
              <a:solidFill>
                <a:schemeClr val="tx1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5</a:t>
            </a:fld>
            <a:endParaRPr lang="sv-SE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40152" y="4869160"/>
            <a:ext cx="3135327" cy="1885358"/>
          </a:xfrm>
          <a:prstGeom prst="rect">
            <a:avLst/>
          </a:prstGeom>
        </p:spPr>
      </p:pic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2838347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CBD5F6-3982-6C45-8D42-A12FFC5FD3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1A9772D-802A-AE47-8F8F-7B8EDA5B87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goals and scope </a:t>
            </a:r>
          </a:p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organization</a:t>
            </a:r>
            <a:endParaRPr lang="en-GB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r>
              <a:rPr lang="en-GB" dirty="0" smtClean="0"/>
              <a:t>ICS in-kind contributions</a:t>
            </a:r>
            <a:endParaRPr lang="en-GB" dirty="0"/>
          </a:p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project status</a:t>
            </a:r>
          </a:p>
          <a:p>
            <a:r>
              <a:rPr lang="en-GB" dirty="0">
                <a:solidFill>
                  <a:schemeClr val="tx1">
                    <a:lumMod val="50000"/>
                    <a:lumOff val="50000"/>
                  </a:schemeClr>
                </a:solidFill>
              </a:rPr>
              <a:t>ICS project </a:t>
            </a:r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status illustrated</a:t>
            </a:r>
            <a:endParaRPr lang="en-GB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5B7F937-95B1-EF40-A7C1-9E45988017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6</a:t>
            </a:fld>
            <a:endParaRPr lang="en-GB" noProof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1373659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11"/>
          <p:cNvGrpSpPr/>
          <p:nvPr/>
        </p:nvGrpSpPr>
        <p:grpSpPr>
          <a:xfrm>
            <a:off x="35496" y="6213212"/>
            <a:ext cx="4939603" cy="600164"/>
            <a:chOff x="64445" y="6213212"/>
            <a:chExt cx="4939603" cy="600164"/>
          </a:xfrm>
        </p:grpSpPr>
        <p:sp>
          <p:nvSpPr>
            <p:cNvPr id="370" name="Donut 369"/>
            <p:cNvSpPr/>
            <p:nvPr/>
          </p:nvSpPr>
          <p:spPr>
            <a:xfrm>
              <a:off x="64445" y="6247373"/>
              <a:ext cx="187075" cy="187075"/>
            </a:xfrm>
            <a:prstGeom prst="donut">
              <a:avLst/>
            </a:prstGeom>
            <a:solidFill>
              <a:srgbClr val="92D050"/>
            </a:solidFill>
            <a:ln>
              <a:noFill/>
            </a:ln>
            <a:effectLst>
              <a:glow rad="101600">
                <a:schemeClr val="accent3">
                  <a:satMod val="175000"/>
                  <a:alpha val="40000"/>
                </a:schemeClr>
              </a:glow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>
                <a:solidFill>
                  <a:schemeClr val="tx1"/>
                </a:solidFill>
              </a:endParaRPr>
            </a:p>
          </p:txBody>
        </p:sp>
        <p:sp>
          <p:nvSpPr>
            <p:cNvPr id="371" name="Donut 370"/>
            <p:cNvSpPr/>
            <p:nvPr/>
          </p:nvSpPr>
          <p:spPr>
            <a:xfrm>
              <a:off x="64974" y="6597352"/>
              <a:ext cx="187075" cy="187075"/>
            </a:xfrm>
            <a:prstGeom prst="donut">
              <a:avLst/>
            </a:prstGeom>
            <a:solidFill>
              <a:srgbClr val="FFFF00"/>
            </a:solidFill>
            <a:ln>
              <a:noFill/>
            </a:ln>
            <a:effectLst>
              <a:glow rad="101600">
                <a:schemeClr val="accent6">
                  <a:satMod val="175000"/>
                  <a:alpha val="40000"/>
                </a:schemeClr>
              </a:glow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>
                <a:solidFill>
                  <a:schemeClr val="tx1"/>
                </a:solidFill>
              </a:endParaRP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251520" y="6213212"/>
              <a:ext cx="2469235" cy="6001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sv-SE" sz="1100" dirty="0"/>
                <a:t>Agreement signed</a:t>
              </a:r>
            </a:p>
            <a:p>
              <a:endParaRPr lang="sv-SE" sz="1100" dirty="0"/>
            </a:p>
            <a:p>
              <a:r>
                <a:rPr lang="sv-SE" sz="1100" dirty="0"/>
                <a:t>Agreement waiting for signature</a:t>
              </a:r>
            </a:p>
          </p:txBody>
        </p:sp>
        <p:sp>
          <p:nvSpPr>
            <p:cNvPr id="372" name="Donut 371"/>
            <p:cNvSpPr/>
            <p:nvPr/>
          </p:nvSpPr>
          <p:spPr>
            <a:xfrm>
              <a:off x="2355595" y="6247373"/>
              <a:ext cx="187075" cy="187075"/>
            </a:xfrm>
            <a:prstGeom prst="donut">
              <a:avLst/>
            </a:prstGeom>
            <a:solidFill>
              <a:srgbClr val="FF0000"/>
            </a:solidFill>
            <a:ln>
              <a:noFill/>
            </a:ln>
            <a:effectLst>
              <a:glow rad="63500">
                <a:schemeClr val="accent2">
                  <a:satMod val="175000"/>
                  <a:alpha val="40000"/>
                </a:schemeClr>
              </a:glow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>
                <a:solidFill>
                  <a:schemeClr val="tx1"/>
                </a:solidFill>
              </a:endParaRPr>
            </a:p>
          </p:txBody>
        </p:sp>
        <p:sp>
          <p:nvSpPr>
            <p:cNvPr id="374" name="Donut 373"/>
            <p:cNvSpPr/>
            <p:nvPr/>
          </p:nvSpPr>
          <p:spPr>
            <a:xfrm>
              <a:off x="2355595" y="6599757"/>
              <a:ext cx="187075" cy="187075"/>
            </a:xfrm>
            <a:prstGeom prst="donut">
              <a:avLst/>
            </a:prstGeom>
            <a:solidFill>
              <a:schemeClr val="tx1"/>
            </a:solidFill>
            <a:ln>
              <a:noFill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>
                <a:solidFill>
                  <a:schemeClr val="tx1"/>
                </a:solidFill>
              </a:endParaRPr>
            </a:p>
          </p:txBody>
        </p:sp>
        <p:sp>
          <p:nvSpPr>
            <p:cNvPr id="375" name="TextBox 374"/>
            <p:cNvSpPr txBox="1"/>
            <p:nvPr/>
          </p:nvSpPr>
          <p:spPr>
            <a:xfrm>
              <a:off x="2534813" y="6213212"/>
              <a:ext cx="2469235" cy="6001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sv-SE" sz="1100" dirty="0"/>
                <a:t>Early discussions</a:t>
              </a:r>
            </a:p>
            <a:p>
              <a:endParaRPr lang="sv-SE" sz="1100" dirty="0"/>
            </a:p>
            <a:p>
              <a:r>
                <a:rPr lang="sv-SE" sz="1100" dirty="0"/>
                <a:t>Collaboration/other agreement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>
                <a:latin typeface="Helvetica Neue Light" charset="0"/>
                <a:ea typeface="Helvetica Neue Light" charset="0"/>
                <a:cs typeface="Helvetica Neue Light" charset="0"/>
              </a:rPr>
              <a:t>ICS In-kind partners</a:t>
            </a:r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/>
          </p:nvPr>
        </p:nvGraphicFramePr>
        <p:xfrm>
          <a:off x="5754022" y="1541063"/>
          <a:ext cx="2932778" cy="491227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3277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307017">
                <a:tc>
                  <a:txBody>
                    <a:bodyPr/>
                    <a:lstStyle/>
                    <a:p>
                      <a:r>
                        <a:rPr lang="en-US" sz="1200" b="0" i="0" dirty="0">
                          <a:latin typeface="Helvetica Neue Light" charset="0"/>
                          <a:ea typeface="Helvetica Neue Light" charset="0"/>
                          <a:cs typeface="Helvetica Neue Light" charset="0"/>
                        </a:rPr>
                        <a:t>Partner</a:t>
                      </a:r>
                      <a:r>
                        <a:rPr lang="en-US" sz="1200" b="0" i="0" baseline="0" dirty="0">
                          <a:latin typeface="Helvetica Neue Light" charset="0"/>
                          <a:ea typeface="Helvetica Neue Light" charset="0"/>
                          <a:cs typeface="Helvetica Neue Light" charset="0"/>
                        </a:rPr>
                        <a:t> Institutes</a:t>
                      </a:r>
                      <a:endParaRPr lang="en-US" sz="1200" b="0" i="0" dirty="0">
                        <a:latin typeface="Helvetica Neue Light" charset="0"/>
                        <a:ea typeface="Helvetica Neue Light" charset="0"/>
                        <a:cs typeface="Helvetica Neue Light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tomki, Hungary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CEA, France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CNRS/IPNO, France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Elettra, Italy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ESS Bilbao, Spain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FE, Norway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NFN Catania, Italy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NFN Legnaro, Italy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PSI, Switzerland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TFC, UK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Tallinn Technical University, Estonia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ÚJV Řež, </a:t>
                      </a:r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Czech Republic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University of Łódź , Poland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Uppsala University, Sweden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307017"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ZHAW, Switzerland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</a:tbl>
          </a:graphicData>
        </a:graphic>
      </p:graphicFrame>
      <p:grpSp>
        <p:nvGrpSpPr>
          <p:cNvPr id="8" name="Group 7"/>
          <p:cNvGrpSpPr>
            <a:grpSpLocks noChangeAspect="1"/>
          </p:cNvGrpSpPr>
          <p:nvPr/>
        </p:nvGrpSpPr>
        <p:grpSpPr>
          <a:xfrm>
            <a:off x="251520" y="1700808"/>
            <a:ext cx="4824536" cy="4655542"/>
            <a:chOff x="4125849" y="944055"/>
            <a:chExt cx="5144641" cy="5910604"/>
          </a:xfrm>
        </p:grpSpPr>
        <p:grpSp>
          <p:nvGrpSpPr>
            <p:cNvPr id="11" name="Group 10"/>
            <p:cNvGrpSpPr/>
            <p:nvPr/>
          </p:nvGrpSpPr>
          <p:grpSpPr>
            <a:xfrm>
              <a:off x="4125849" y="944055"/>
              <a:ext cx="5144641" cy="5910604"/>
              <a:chOff x="3733800" y="-381000"/>
              <a:chExt cx="6248400" cy="7353467"/>
            </a:xfrm>
          </p:grpSpPr>
          <p:sp>
            <p:nvSpPr>
              <p:cNvPr id="13" name="Freeform 192"/>
              <p:cNvSpPr>
                <a:spLocks noEditPoints="1"/>
              </p:cNvSpPr>
              <p:nvPr/>
            </p:nvSpPr>
            <p:spPr bwMode="auto">
              <a:xfrm>
                <a:off x="5101890" y="1499364"/>
                <a:ext cx="1309796" cy="2310264"/>
              </a:xfrm>
              <a:custGeom>
                <a:avLst/>
                <a:gdLst/>
                <a:ahLst/>
                <a:cxnLst>
                  <a:cxn ang="0">
                    <a:pos x="2586" y="256"/>
                  </a:cxn>
                  <a:cxn ang="0">
                    <a:pos x="2701" y="80"/>
                  </a:cxn>
                  <a:cxn ang="0">
                    <a:pos x="2867" y="0"/>
                  </a:cxn>
                  <a:cxn ang="0">
                    <a:pos x="1681" y="2022"/>
                  </a:cxn>
                  <a:cxn ang="0">
                    <a:pos x="1745" y="1918"/>
                  </a:cxn>
                  <a:cxn ang="0">
                    <a:pos x="2063" y="1513"/>
                  </a:cxn>
                  <a:cxn ang="0">
                    <a:pos x="1588" y="1280"/>
                  </a:cxn>
                  <a:cxn ang="0">
                    <a:pos x="1628" y="1102"/>
                  </a:cxn>
                  <a:cxn ang="0">
                    <a:pos x="1882" y="833"/>
                  </a:cxn>
                  <a:cxn ang="0">
                    <a:pos x="1539" y="714"/>
                  </a:cxn>
                  <a:cxn ang="0">
                    <a:pos x="1388" y="1031"/>
                  </a:cxn>
                  <a:cxn ang="0">
                    <a:pos x="1237" y="1151"/>
                  </a:cxn>
                  <a:cxn ang="0">
                    <a:pos x="1176" y="1347"/>
                  </a:cxn>
                  <a:cxn ang="0">
                    <a:pos x="1062" y="1541"/>
                  </a:cxn>
                  <a:cxn ang="0">
                    <a:pos x="1046" y="1772"/>
                  </a:cxn>
                  <a:cxn ang="0">
                    <a:pos x="1142" y="2071"/>
                  </a:cxn>
                  <a:cxn ang="0">
                    <a:pos x="917" y="2251"/>
                  </a:cxn>
                  <a:cxn ang="0">
                    <a:pos x="1110" y="2372"/>
                  </a:cxn>
                  <a:cxn ang="0">
                    <a:pos x="1312" y="2522"/>
                  </a:cxn>
                  <a:cxn ang="0">
                    <a:pos x="1417" y="2821"/>
                  </a:cxn>
                  <a:cxn ang="0">
                    <a:pos x="1225" y="3053"/>
                  </a:cxn>
                  <a:cxn ang="0">
                    <a:pos x="984" y="3144"/>
                  </a:cxn>
                  <a:cxn ang="0">
                    <a:pos x="695" y="3238"/>
                  </a:cxn>
                  <a:cxn ang="0">
                    <a:pos x="751" y="3529"/>
                  </a:cxn>
                  <a:cxn ang="0">
                    <a:pos x="347" y="3672"/>
                  </a:cxn>
                  <a:cxn ang="0">
                    <a:pos x="524" y="3766"/>
                  </a:cxn>
                  <a:cxn ang="0">
                    <a:pos x="846" y="4016"/>
                  </a:cxn>
                  <a:cxn ang="0">
                    <a:pos x="908" y="4087"/>
                  </a:cxn>
                  <a:cxn ang="0">
                    <a:pos x="361" y="4179"/>
                  </a:cxn>
                  <a:cxn ang="0">
                    <a:pos x="105" y="4416"/>
                  </a:cxn>
                  <a:cxn ang="0">
                    <a:pos x="449" y="4387"/>
                  </a:cxn>
                  <a:cxn ang="0">
                    <a:pos x="837" y="4367"/>
                  </a:cxn>
                  <a:cxn ang="0">
                    <a:pos x="1175" y="4448"/>
                  </a:cxn>
                  <a:cxn ang="0">
                    <a:pos x="1464" y="4496"/>
                  </a:cxn>
                  <a:cxn ang="0">
                    <a:pos x="2058" y="4536"/>
                  </a:cxn>
                  <a:cxn ang="0">
                    <a:pos x="2041" y="4280"/>
                  </a:cxn>
                  <a:cxn ang="0">
                    <a:pos x="2373" y="3854"/>
                  </a:cxn>
                  <a:cxn ang="0">
                    <a:pos x="1964" y="3630"/>
                  </a:cxn>
                  <a:cxn ang="0">
                    <a:pos x="2080" y="3266"/>
                  </a:cxn>
                  <a:cxn ang="0">
                    <a:pos x="1852" y="2648"/>
                  </a:cxn>
                  <a:cxn ang="0">
                    <a:pos x="2058" y="725"/>
                  </a:cxn>
                  <a:cxn ang="0">
                    <a:pos x="2012" y="751"/>
                  </a:cxn>
                  <a:cxn ang="0">
                    <a:pos x="600" y="2575"/>
                  </a:cxn>
                  <a:cxn ang="0">
                    <a:pos x="741" y="2484"/>
                  </a:cxn>
                  <a:cxn ang="0">
                    <a:pos x="650" y="2045"/>
                  </a:cxn>
                  <a:cxn ang="0">
                    <a:pos x="287" y="2075"/>
                  </a:cxn>
                  <a:cxn ang="0">
                    <a:pos x="234" y="2425"/>
                  </a:cxn>
                  <a:cxn ang="0">
                    <a:pos x="1014" y="2598"/>
                  </a:cxn>
                  <a:cxn ang="0">
                    <a:pos x="957" y="803"/>
                  </a:cxn>
                  <a:cxn ang="0">
                    <a:pos x="1254" y="653"/>
                  </a:cxn>
                  <a:cxn ang="0">
                    <a:pos x="1008" y="881"/>
                  </a:cxn>
                  <a:cxn ang="0">
                    <a:pos x="848" y="978"/>
                  </a:cxn>
                  <a:cxn ang="0">
                    <a:pos x="749" y="1161"/>
                  </a:cxn>
                  <a:cxn ang="0">
                    <a:pos x="1041" y="1061"/>
                  </a:cxn>
                  <a:cxn ang="0">
                    <a:pos x="1075" y="1313"/>
                  </a:cxn>
                  <a:cxn ang="0">
                    <a:pos x="888" y="1496"/>
                  </a:cxn>
                  <a:cxn ang="0">
                    <a:pos x="751" y="1812"/>
                  </a:cxn>
                  <a:cxn ang="0">
                    <a:pos x="730" y="1885"/>
                  </a:cxn>
                  <a:cxn ang="0">
                    <a:pos x="991" y="1911"/>
                  </a:cxn>
                  <a:cxn ang="0">
                    <a:pos x="904" y="1942"/>
                  </a:cxn>
                  <a:cxn ang="0">
                    <a:pos x="1009" y="2045"/>
                  </a:cxn>
                  <a:cxn ang="0">
                    <a:pos x="1054" y="1890"/>
                  </a:cxn>
                  <a:cxn ang="0">
                    <a:pos x="848" y="5075"/>
                  </a:cxn>
                </a:cxnLst>
                <a:rect l="0" t="0" r="r" b="b"/>
                <a:pathLst>
                  <a:path w="2874" h="5114">
                    <a:moveTo>
                      <a:pt x="2705" y="168"/>
                    </a:moveTo>
                    <a:lnTo>
                      <a:pt x="2707" y="184"/>
                    </a:lnTo>
                    <a:lnTo>
                      <a:pt x="2712" y="198"/>
                    </a:lnTo>
                    <a:lnTo>
                      <a:pt x="2712" y="204"/>
                    </a:lnTo>
                    <a:lnTo>
                      <a:pt x="2711" y="211"/>
                    </a:lnTo>
                    <a:lnTo>
                      <a:pt x="2709" y="214"/>
                    </a:lnTo>
                    <a:lnTo>
                      <a:pt x="2706" y="217"/>
                    </a:lnTo>
                    <a:lnTo>
                      <a:pt x="2702" y="220"/>
                    </a:lnTo>
                    <a:lnTo>
                      <a:pt x="2697" y="224"/>
                    </a:lnTo>
                    <a:lnTo>
                      <a:pt x="2694" y="227"/>
                    </a:lnTo>
                    <a:lnTo>
                      <a:pt x="2692" y="229"/>
                    </a:lnTo>
                    <a:lnTo>
                      <a:pt x="2690" y="232"/>
                    </a:lnTo>
                    <a:lnTo>
                      <a:pt x="2690" y="234"/>
                    </a:lnTo>
                    <a:lnTo>
                      <a:pt x="2690" y="242"/>
                    </a:lnTo>
                    <a:lnTo>
                      <a:pt x="2692" y="249"/>
                    </a:lnTo>
                    <a:lnTo>
                      <a:pt x="2694" y="256"/>
                    </a:lnTo>
                    <a:lnTo>
                      <a:pt x="2694" y="264"/>
                    </a:lnTo>
                    <a:lnTo>
                      <a:pt x="2694" y="268"/>
                    </a:lnTo>
                    <a:lnTo>
                      <a:pt x="2693" y="272"/>
                    </a:lnTo>
                    <a:lnTo>
                      <a:pt x="2692" y="276"/>
                    </a:lnTo>
                    <a:lnTo>
                      <a:pt x="2688" y="280"/>
                    </a:lnTo>
                    <a:lnTo>
                      <a:pt x="2671" y="295"/>
                    </a:lnTo>
                    <a:lnTo>
                      <a:pt x="2654" y="311"/>
                    </a:lnTo>
                    <a:lnTo>
                      <a:pt x="2645" y="325"/>
                    </a:lnTo>
                    <a:lnTo>
                      <a:pt x="2637" y="342"/>
                    </a:lnTo>
                    <a:lnTo>
                      <a:pt x="2631" y="361"/>
                    </a:lnTo>
                    <a:lnTo>
                      <a:pt x="2626" y="377"/>
                    </a:lnTo>
                    <a:lnTo>
                      <a:pt x="2622" y="388"/>
                    </a:lnTo>
                    <a:lnTo>
                      <a:pt x="2614" y="412"/>
                    </a:lnTo>
                    <a:lnTo>
                      <a:pt x="2610" y="422"/>
                    </a:lnTo>
                    <a:lnTo>
                      <a:pt x="2605" y="429"/>
                    </a:lnTo>
                    <a:lnTo>
                      <a:pt x="2604" y="430"/>
                    </a:lnTo>
                    <a:lnTo>
                      <a:pt x="2601" y="429"/>
                    </a:lnTo>
                    <a:lnTo>
                      <a:pt x="2600" y="426"/>
                    </a:lnTo>
                    <a:lnTo>
                      <a:pt x="2598" y="422"/>
                    </a:lnTo>
                    <a:lnTo>
                      <a:pt x="2597" y="413"/>
                    </a:lnTo>
                    <a:lnTo>
                      <a:pt x="2598" y="404"/>
                    </a:lnTo>
                    <a:lnTo>
                      <a:pt x="2601" y="395"/>
                    </a:lnTo>
                    <a:lnTo>
                      <a:pt x="2604" y="386"/>
                    </a:lnTo>
                    <a:lnTo>
                      <a:pt x="2611" y="361"/>
                    </a:lnTo>
                    <a:lnTo>
                      <a:pt x="2621" y="337"/>
                    </a:lnTo>
                    <a:lnTo>
                      <a:pt x="2630" y="312"/>
                    </a:lnTo>
                    <a:lnTo>
                      <a:pt x="2636" y="287"/>
                    </a:lnTo>
                    <a:lnTo>
                      <a:pt x="2636" y="282"/>
                    </a:lnTo>
                    <a:lnTo>
                      <a:pt x="2636" y="277"/>
                    </a:lnTo>
                    <a:lnTo>
                      <a:pt x="2635" y="273"/>
                    </a:lnTo>
                    <a:lnTo>
                      <a:pt x="2633" y="271"/>
                    </a:lnTo>
                    <a:lnTo>
                      <a:pt x="2628" y="265"/>
                    </a:lnTo>
                    <a:lnTo>
                      <a:pt x="2622" y="263"/>
                    </a:lnTo>
                    <a:lnTo>
                      <a:pt x="2606" y="260"/>
                    </a:lnTo>
                    <a:lnTo>
                      <a:pt x="2589" y="258"/>
                    </a:lnTo>
                    <a:lnTo>
                      <a:pt x="2586" y="256"/>
                    </a:lnTo>
                    <a:lnTo>
                      <a:pt x="2583" y="255"/>
                    </a:lnTo>
                    <a:lnTo>
                      <a:pt x="2579" y="252"/>
                    </a:lnTo>
                    <a:lnTo>
                      <a:pt x="2576" y="250"/>
                    </a:lnTo>
                    <a:lnTo>
                      <a:pt x="2573" y="242"/>
                    </a:lnTo>
                    <a:lnTo>
                      <a:pt x="2570" y="236"/>
                    </a:lnTo>
                    <a:lnTo>
                      <a:pt x="2569" y="228"/>
                    </a:lnTo>
                    <a:lnTo>
                      <a:pt x="2571" y="221"/>
                    </a:lnTo>
                    <a:lnTo>
                      <a:pt x="2574" y="219"/>
                    </a:lnTo>
                    <a:lnTo>
                      <a:pt x="2576" y="217"/>
                    </a:lnTo>
                    <a:lnTo>
                      <a:pt x="2580" y="216"/>
                    </a:lnTo>
                    <a:lnTo>
                      <a:pt x="2584" y="215"/>
                    </a:lnTo>
                    <a:lnTo>
                      <a:pt x="2601" y="217"/>
                    </a:lnTo>
                    <a:lnTo>
                      <a:pt x="2619" y="220"/>
                    </a:lnTo>
                    <a:lnTo>
                      <a:pt x="2628" y="221"/>
                    </a:lnTo>
                    <a:lnTo>
                      <a:pt x="2637" y="221"/>
                    </a:lnTo>
                    <a:lnTo>
                      <a:pt x="2645" y="220"/>
                    </a:lnTo>
                    <a:lnTo>
                      <a:pt x="2653" y="217"/>
                    </a:lnTo>
                    <a:lnTo>
                      <a:pt x="2657" y="212"/>
                    </a:lnTo>
                    <a:lnTo>
                      <a:pt x="2661" y="208"/>
                    </a:lnTo>
                    <a:lnTo>
                      <a:pt x="2662" y="203"/>
                    </a:lnTo>
                    <a:lnTo>
                      <a:pt x="2662" y="199"/>
                    </a:lnTo>
                    <a:lnTo>
                      <a:pt x="2662" y="194"/>
                    </a:lnTo>
                    <a:lnTo>
                      <a:pt x="2661" y="189"/>
                    </a:lnTo>
                    <a:lnTo>
                      <a:pt x="2659" y="185"/>
                    </a:lnTo>
                    <a:lnTo>
                      <a:pt x="2655" y="180"/>
                    </a:lnTo>
                    <a:lnTo>
                      <a:pt x="2641" y="162"/>
                    </a:lnTo>
                    <a:lnTo>
                      <a:pt x="2627" y="146"/>
                    </a:lnTo>
                    <a:lnTo>
                      <a:pt x="2622" y="136"/>
                    </a:lnTo>
                    <a:lnTo>
                      <a:pt x="2613" y="123"/>
                    </a:lnTo>
                    <a:lnTo>
                      <a:pt x="2611" y="118"/>
                    </a:lnTo>
                    <a:lnTo>
                      <a:pt x="2611" y="111"/>
                    </a:lnTo>
                    <a:lnTo>
                      <a:pt x="2613" y="110"/>
                    </a:lnTo>
                    <a:lnTo>
                      <a:pt x="2615" y="107"/>
                    </a:lnTo>
                    <a:lnTo>
                      <a:pt x="2619" y="106"/>
                    </a:lnTo>
                    <a:lnTo>
                      <a:pt x="2623" y="105"/>
                    </a:lnTo>
                    <a:lnTo>
                      <a:pt x="2628" y="105"/>
                    </a:lnTo>
                    <a:lnTo>
                      <a:pt x="2635" y="103"/>
                    </a:lnTo>
                    <a:lnTo>
                      <a:pt x="2640" y="102"/>
                    </a:lnTo>
                    <a:lnTo>
                      <a:pt x="2645" y="100"/>
                    </a:lnTo>
                    <a:lnTo>
                      <a:pt x="2650" y="90"/>
                    </a:lnTo>
                    <a:lnTo>
                      <a:pt x="2657" y="81"/>
                    </a:lnTo>
                    <a:lnTo>
                      <a:pt x="2662" y="76"/>
                    </a:lnTo>
                    <a:lnTo>
                      <a:pt x="2668" y="70"/>
                    </a:lnTo>
                    <a:lnTo>
                      <a:pt x="2676" y="63"/>
                    </a:lnTo>
                    <a:lnTo>
                      <a:pt x="2684" y="61"/>
                    </a:lnTo>
                    <a:lnTo>
                      <a:pt x="2687" y="59"/>
                    </a:lnTo>
                    <a:lnTo>
                      <a:pt x="2689" y="59"/>
                    </a:lnTo>
                    <a:lnTo>
                      <a:pt x="2692" y="61"/>
                    </a:lnTo>
                    <a:lnTo>
                      <a:pt x="2694" y="62"/>
                    </a:lnTo>
                    <a:lnTo>
                      <a:pt x="2698" y="67"/>
                    </a:lnTo>
                    <a:lnTo>
                      <a:pt x="2701" y="72"/>
                    </a:lnTo>
                    <a:lnTo>
                      <a:pt x="2701" y="80"/>
                    </a:lnTo>
                    <a:lnTo>
                      <a:pt x="2700" y="88"/>
                    </a:lnTo>
                    <a:lnTo>
                      <a:pt x="2697" y="97"/>
                    </a:lnTo>
                    <a:lnTo>
                      <a:pt x="2694" y="105"/>
                    </a:lnTo>
                    <a:lnTo>
                      <a:pt x="2693" y="115"/>
                    </a:lnTo>
                    <a:lnTo>
                      <a:pt x="2693" y="124"/>
                    </a:lnTo>
                    <a:lnTo>
                      <a:pt x="2693" y="135"/>
                    </a:lnTo>
                    <a:lnTo>
                      <a:pt x="2694" y="145"/>
                    </a:lnTo>
                    <a:lnTo>
                      <a:pt x="2705" y="168"/>
                    </a:lnTo>
                    <a:close/>
                    <a:moveTo>
                      <a:pt x="2742" y="120"/>
                    </a:moveTo>
                    <a:lnTo>
                      <a:pt x="2744" y="107"/>
                    </a:lnTo>
                    <a:lnTo>
                      <a:pt x="2746" y="93"/>
                    </a:lnTo>
                    <a:lnTo>
                      <a:pt x="2747" y="81"/>
                    </a:lnTo>
                    <a:lnTo>
                      <a:pt x="2753" y="68"/>
                    </a:lnTo>
                    <a:lnTo>
                      <a:pt x="2757" y="62"/>
                    </a:lnTo>
                    <a:lnTo>
                      <a:pt x="2760" y="57"/>
                    </a:lnTo>
                    <a:lnTo>
                      <a:pt x="2766" y="53"/>
                    </a:lnTo>
                    <a:lnTo>
                      <a:pt x="2771" y="50"/>
                    </a:lnTo>
                    <a:lnTo>
                      <a:pt x="2776" y="49"/>
                    </a:lnTo>
                    <a:lnTo>
                      <a:pt x="2780" y="49"/>
                    </a:lnTo>
                    <a:lnTo>
                      <a:pt x="2782" y="50"/>
                    </a:lnTo>
                    <a:lnTo>
                      <a:pt x="2785" y="52"/>
                    </a:lnTo>
                    <a:lnTo>
                      <a:pt x="2785" y="54"/>
                    </a:lnTo>
                    <a:lnTo>
                      <a:pt x="2785" y="57"/>
                    </a:lnTo>
                    <a:lnTo>
                      <a:pt x="2785" y="61"/>
                    </a:lnTo>
                    <a:lnTo>
                      <a:pt x="2784" y="66"/>
                    </a:lnTo>
                    <a:lnTo>
                      <a:pt x="2779" y="79"/>
                    </a:lnTo>
                    <a:lnTo>
                      <a:pt x="2775" y="93"/>
                    </a:lnTo>
                    <a:lnTo>
                      <a:pt x="2772" y="107"/>
                    </a:lnTo>
                    <a:lnTo>
                      <a:pt x="2769" y="120"/>
                    </a:lnTo>
                    <a:lnTo>
                      <a:pt x="2768" y="125"/>
                    </a:lnTo>
                    <a:lnTo>
                      <a:pt x="2767" y="131"/>
                    </a:lnTo>
                    <a:lnTo>
                      <a:pt x="2766" y="135"/>
                    </a:lnTo>
                    <a:lnTo>
                      <a:pt x="2762" y="138"/>
                    </a:lnTo>
                    <a:lnTo>
                      <a:pt x="2759" y="141"/>
                    </a:lnTo>
                    <a:lnTo>
                      <a:pt x="2755" y="142"/>
                    </a:lnTo>
                    <a:lnTo>
                      <a:pt x="2753" y="142"/>
                    </a:lnTo>
                    <a:lnTo>
                      <a:pt x="2750" y="141"/>
                    </a:lnTo>
                    <a:lnTo>
                      <a:pt x="2747" y="140"/>
                    </a:lnTo>
                    <a:lnTo>
                      <a:pt x="2745" y="138"/>
                    </a:lnTo>
                    <a:lnTo>
                      <a:pt x="2744" y="135"/>
                    </a:lnTo>
                    <a:lnTo>
                      <a:pt x="2744" y="131"/>
                    </a:lnTo>
                    <a:lnTo>
                      <a:pt x="2742" y="120"/>
                    </a:lnTo>
                    <a:close/>
                    <a:moveTo>
                      <a:pt x="2833" y="41"/>
                    </a:moveTo>
                    <a:lnTo>
                      <a:pt x="2834" y="35"/>
                    </a:lnTo>
                    <a:lnTo>
                      <a:pt x="2837" y="30"/>
                    </a:lnTo>
                    <a:lnTo>
                      <a:pt x="2841" y="26"/>
                    </a:lnTo>
                    <a:lnTo>
                      <a:pt x="2845" y="21"/>
                    </a:lnTo>
                    <a:lnTo>
                      <a:pt x="2849" y="14"/>
                    </a:lnTo>
                    <a:lnTo>
                      <a:pt x="2855" y="6"/>
                    </a:lnTo>
                    <a:lnTo>
                      <a:pt x="2859" y="4"/>
                    </a:lnTo>
                    <a:lnTo>
                      <a:pt x="2863" y="1"/>
                    </a:lnTo>
                    <a:lnTo>
                      <a:pt x="2867" y="0"/>
                    </a:lnTo>
                    <a:lnTo>
                      <a:pt x="2871" y="1"/>
                    </a:lnTo>
                    <a:lnTo>
                      <a:pt x="2873" y="5"/>
                    </a:lnTo>
                    <a:lnTo>
                      <a:pt x="2874" y="11"/>
                    </a:lnTo>
                    <a:lnTo>
                      <a:pt x="2873" y="19"/>
                    </a:lnTo>
                    <a:lnTo>
                      <a:pt x="2873" y="23"/>
                    </a:lnTo>
                    <a:lnTo>
                      <a:pt x="2867" y="33"/>
                    </a:lnTo>
                    <a:lnTo>
                      <a:pt x="2861" y="43"/>
                    </a:lnTo>
                    <a:lnTo>
                      <a:pt x="2858" y="48"/>
                    </a:lnTo>
                    <a:lnTo>
                      <a:pt x="2854" y="53"/>
                    </a:lnTo>
                    <a:lnTo>
                      <a:pt x="2851" y="57"/>
                    </a:lnTo>
                    <a:lnTo>
                      <a:pt x="2849" y="61"/>
                    </a:lnTo>
                    <a:lnTo>
                      <a:pt x="2846" y="63"/>
                    </a:lnTo>
                    <a:lnTo>
                      <a:pt x="2842" y="66"/>
                    </a:lnTo>
                    <a:lnTo>
                      <a:pt x="2839" y="66"/>
                    </a:lnTo>
                    <a:lnTo>
                      <a:pt x="2837" y="66"/>
                    </a:lnTo>
                    <a:lnTo>
                      <a:pt x="2834" y="65"/>
                    </a:lnTo>
                    <a:lnTo>
                      <a:pt x="2833" y="63"/>
                    </a:lnTo>
                    <a:lnTo>
                      <a:pt x="2830" y="58"/>
                    </a:lnTo>
                    <a:lnTo>
                      <a:pt x="2829" y="54"/>
                    </a:lnTo>
                    <a:lnTo>
                      <a:pt x="2833" y="41"/>
                    </a:lnTo>
                    <a:close/>
                    <a:moveTo>
                      <a:pt x="1845" y="2588"/>
                    </a:moveTo>
                    <a:lnTo>
                      <a:pt x="1843" y="2549"/>
                    </a:lnTo>
                    <a:lnTo>
                      <a:pt x="1842" y="2508"/>
                    </a:lnTo>
                    <a:lnTo>
                      <a:pt x="1843" y="2487"/>
                    </a:lnTo>
                    <a:lnTo>
                      <a:pt x="1845" y="2468"/>
                    </a:lnTo>
                    <a:lnTo>
                      <a:pt x="1848" y="2448"/>
                    </a:lnTo>
                    <a:lnTo>
                      <a:pt x="1855" y="2429"/>
                    </a:lnTo>
                    <a:lnTo>
                      <a:pt x="1860" y="2414"/>
                    </a:lnTo>
                    <a:lnTo>
                      <a:pt x="1864" y="2399"/>
                    </a:lnTo>
                    <a:lnTo>
                      <a:pt x="1867" y="2385"/>
                    </a:lnTo>
                    <a:lnTo>
                      <a:pt x="1869" y="2369"/>
                    </a:lnTo>
                    <a:lnTo>
                      <a:pt x="1872" y="2339"/>
                    </a:lnTo>
                    <a:lnTo>
                      <a:pt x="1872" y="2307"/>
                    </a:lnTo>
                    <a:lnTo>
                      <a:pt x="1870" y="2291"/>
                    </a:lnTo>
                    <a:lnTo>
                      <a:pt x="1869" y="2276"/>
                    </a:lnTo>
                    <a:lnTo>
                      <a:pt x="1867" y="2262"/>
                    </a:lnTo>
                    <a:lnTo>
                      <a:pt x="1863" y="2247"/>
                    </a:lnTo>
                    <a:lnTo>
                      <a:pt x="1857" y="2233"/>
                    </a:lnTo>
                    <a:lnTo>
                      <a:pt x="1851" y="2220"/>
                    </a:lnTo>
                    <a:lnTo>
                      <a:pt x="1845" y="2207"/>
                    </a:lnTo>
                    <a:lnTo>
                      <a:pt x="1838" y="2194"/>
                    </a:lnTo>
                    <a:lnTo>
                      <a:pt x="1821" y="2170"/>
                    </a:lnTo>
                    <a:lnTo>
                      <a:pt x="1803" y="2146"/>
                    </a:lnTo>
                    <a:lnTo>
                      <a:pt x="1782" y="2124"/>
                    </a:lnTo>
                    <a:lnTo>
                      <a:pt x="1763" y="2102"/>
                    </a:lnTo>
                    <a:lnTo>
                      <a:pt x="1727" y="2063"/>
                    </a:lnTo>
                    <a:lnTo>
                      <a:pt x="1718" y="2050"/>
                    </a:lnTo>
                    <a:lnTo>
                      <a:pt x="1710" y="2040"/>
                    </a:lnTo>
                    <a:lnTo>
                      <a:pt x="1702" y="2032"/>
                    </a:lnTo>
                    <a:lnTo>
                      <a:pt x="1694" y="2027"/>
                    </a:lnTo>
                    <a:lnTo>
                      <a:pt x="1688" y="2023"/>
                    </a:lnTo>
                    <a:lnTo>
                      <a:pt x="1681" y="2022"/>
                    </a:lnTo>
                    <a:lnTo>
                      <a:pt x="1675" y="2022"/>
                    </a:lnTo>
                    <a:lnTo>
                      <a:pt x="1667" y="2023"/>
                    </a:lnTo>
                    <a:lnTo>
                      <a:pt x="1653" y="2027"/>
                    </a:lnTo>
                    <a:lnTo>
                      <a:pt x="1636" y="2032"/>
                    </a:lnTo>
                    <a:lnTo>
                      <a:pt x="1627" y="2035"/>
                    </a:lnTo>
                    <a:lnTo>
                      <a:pt x="1616" y="2036"/>
                    </a:lnTo>
                    <a:lnTo>
                      <a:pt x="1605" y="2036"/>
                    </a:lnTo>
                    <a:lnTo>
                      <a:pt x="1593" y="2036"/>
                    </a:lnTo>
                    <a:lnTo>
                      <a:pt x="1587" y="2035"/>
                    </a:lnTo>
                    <a:lnTo>
                      <a:pt x="1578" y="2032"/>
                    </a:lnTo>
                    <a:lnTo>
                      <a:pt x="1567" y="2027"/>
                    </a:lnTo>
                    <a:lnTo>
                      <a:pt x="1556" y="2022"/>
                    </a:lnTo>
                    <a:lnTo>
                      <a:pt x="1531" y="2008"/>
                    </a:lnTo>
                    <a:lnTo>
                      <a:pt x="1504" y="1991"/>
                    </a:lnTo>
                    <a:lnTo>
                      <a:pt x="1479" y="1971"/>
                    </a:lnTo>
                    <a:lnTo>
                      <a:pt x="1457" y="1955"/>
                    </a:lnTo>
                    <a:lnTo>
                      <a:pt x="1449" y="1946"/>
                    </a:lnTo>
                    <a:lnTo>
                      <a:pt x="1443" y="1938"/>
                    </a:lnTo>
                    <a:lnTo>
                      <a:pt x="1439" y="1931"/>
                    </a:lnTo>
                    <a:lnTo>
                      <a:pt x="1438" y="1926"/>
                    </a:lnTo>
                    <a:lnTo>
                      <a:pt x="1445" y="1926"/>
                    </a:lnTo>
                    <a:lnTo>
                      <a:pt x="1453" y="1927"/>
                    </a:lnTo>
                    <a:lnTo>
                      <a:pt x="1464" y="1930"/>
                    </a:lnTo>
                    <a:lnTo>
                      <a:pt x="1474" y="1934"/>
                    </a:lnTo>
                    <a:lnTo>
                      <a:pt x="1496" y="1946"/>
                    </a:lnTo>
                    <a:lnTo>
                      <a:pt x="1519" y="1957"/>
                    </a:lnTo>
                    <a:lnTo>
                      <a:pt x="1531" y="1962"/>
                    </a:lnTo>
                    <a:lnTo>
                      <a:pt x="1541" y="1966"/>
                    </a:lnTo>
                    <a:lnTo>
                      <a:pt x="1552" y="1970"/>
                    </a:lnTo>
                    <a:lnTo>
                      <a:pt x="1562" y="1971"/>
                    </a:lnTo>
                    <a:lnTo>
                      <a:pt x="1567" y="1971"/>
                    </a:lnTo>
                    <a:lnTo>
                      <a:pt x="1571" y="1970"/>
                    </a:lnTo>
                    <a:lnTo>
                      <a:pt x="1575" y="1969"/>
                    </a:lnTo>
                    <a:lnTo>
                      <a:pt x="1579" y="1966"/>
                    </a:lnTo>
                    <a:lnTo>
                      <a:pt x="1583" y="1964"/>
                    </a:lnTo>
                    <a:lnTo>
                      <a:pt x="1587" y="1961"/>
                    </a:lnTo>
                    <a:lnTo>
                      <a:pt x="1589" y="1956"/>
                    </a:lnTo>
                    <a:lnTo>
                      <a:pt x="1592" y="1951"/>
                    </a:lnTo>
                    <a:lnTo>
                      <a:pt x="1594" y="1947"/>
                    </a:lnTo>
                    <a:lnTo>
                      <a:pt x="1597" y="1943"/>
                    </a:lnTo>
                    <a:lnTo>
                      <a:pt x="1601" y="1940"/>
                    </a:lnTo>
                    <a:lnTo>
                      <a:pt x="1605" y="1938"/>
                    </a:lnTo>
                    <a:lnTo>
                      <a:pt x="1615" y="1934"/>
                    </a:lnTo>
                    <a:lnTo>
                      <a:pt x="1628" y="1931"/>
                    </a:lnTo>
                    <a:lnTo>
                      <a:pt x="1655" y="1929"/>
                    </a:lnTo>
                    <a:lnTo>
                      <a:pt x="1685" y="1929"/>
                    </a:lnTo>
                    <a:lnTo>
                      <a:pt x="1712" y="1929"/>
                    </a:lnTo>
                    <a:lnTo>
                      <a:pt x="1733" y="1927"/>
                    </a:lnTo>
                    <a:lnTo>
                      <a:pt x="1740" y="1926"/>
                    </a:lnTo>
                    <a:lnTo>
                      <a:pt x="1745" y="1924"/>
                    </a:lnTo>
                    <a:lnTo>
                      <a:pt x="1745" y="1921"/>
                    </a:lnTo>
                    <a:lnTo>
                      <a:pt x="1745" y="1918"/>
                    </a:lnTo>
                    <a:lnTo>
                      <a:pt x="1743" y="1916"/>
                    </a:lnTo>
                    <a:lnTo>
                      <a:pt x="1742" y="1913"/>
                    </a:lnTo>
                    <a:lnTo>
                      <a:pt x="1723" y="1883"/>
                    </a:lnTo>
                    <a:lnTo>
                      <a:pt x="1714" y="1867"/>
                    </a:lnTo>
                    <a:lnTo>
                      <a:pt x="1711" y="1864"/>
                    </a:lnTo>
                    <a:lnTo>
                      <a:pt x="1708" y="1861"/>
                    </a:lnTo>
                    <a:lnTo>
                      <a:pt x="1705" y="1860"/>
                    </a:lnTo>
                    <a:lnTo>
                      <a:pt x="1698" y="1857"/>
                    </a:lnTo>
                    <a:lnTo>
                      <a:pt x="1683" y="1855"/>
                    </a:lnTo>
                    <a:lnTo>
                      <a:pt x="1658" y="1851"/>
                    </a:lnTo>
                    <a:lnTo>
                      <a:pt x="1637" y="1847"/>
                    </a:lnTo>
                    <a:lnTo>
                      <a:pt x="1624" y="1844"/>
                    </a:lnTo>
                    <a:lnTo>
                      <a:pt x="1615" y="1841"/>
                    </a:lnTo>
                    <a:lnTo>
                      <a:pt x="1611" y="1838"/>
                    </a:lnTo>
                    <a:lnTo>
                      <a:pt x="1610" y="1835"/>
                    </a:lnTo>
                    <a:lnTo>
                      <a:pt x="1610" y="1834"/>
                    </a:lnTo>
                    <a:lnTo>
                      <a:pt x="1611" y="1833"/>
                    </a:lnTo>
                    <a:lnTo>
                      <a:pt x="1614" y="1832"/>
                    </a:lnTo>
                    <a:lnTo>
                      <a:pt x="1620" y="1829"/>
                    </a:lnTo>
                    <a:lnTo>
                      <a:pt x="1628" y="1826"/>
                    </a:lnTo>
                    <a:lnTo>
                      <a:pt x="1650" y="1822"/>
                    </a:lnTo>
                    <a:lnTo>
                      <a:pt x="1675" y="1820"/>
                    </a:lnTo>
                    <a:lnTo>
                      <a:pt x="1686" y="1819"/>
                    </a:lnTo>
                    <a:lnTo>
                      <a:pt x="1697" y="1820"/>
                    </a:lnTo>
                    <a:lnTo>
                      <a:pt x="1706" y="1820"/>
                    </a:lnTo>
                    <a:lnTo>
                      <a:pt x="1712" y="1821"/>
                    </a:lnTo>
                    <a:lnTo>
                      <a:pt x="1718" y="1822"/>
                    </a:lnTo>
                    <a:lnTo>
                      <a:pt x="1723" y="1822"/>
                    </a:lnTo>
                    <a:lnTo>
                      <a:pt x="1729" y="1822"/>
                    </a:lnTo>
                    <a:lnTo>
                      <a:pt x="1736" y="1821"/>
                    </a:lnTo>
                    <a:lnTo>
                      <a:pt x="1749" y="1816"/>
                    </a:lnTo>
                    <a:lnTo>
                      <a:pt x="1764" y="1810"/>
                    </a:lnTo>
                    <a:lnTo>
                      <a:pt x="1780" y="1799"/>
                    </a:lnTo>
                    <a:lnTo>
                      <a:pt x="1797" y="1789"/>
                    </a:lnTo>
                    <a:lnTo>
                      <a:pt x="1813" y="1776"/>
                    </a:lnTo>
                    <a:lnTo>
                      <a:pt x="1830" y="1763"/>
                    </a:lnTo>
                    <a:lnTo>
                      <a:pt x="1865" y="1734"/>
                    </a:lnTo>
                    <a:lnTo>
                      <a:pt x="1895" y="1706"/>
                    </a:lnTo>
                    <a:lnTo>
                      <a:pt x="1922" y="1683"/>
                    </a:lnTo>
                    <a:lnTo>
                      <a:pt x="1940" y="1664"/>
                    </a:lnTo>
                    <a:lnTo>
                      <a:pt x="1953" y="1650"/>
                    </a:lnTo>
                    <a:lnTo>
                      <a:pt x="1966" y="1635"/>
                    </a:lnTo>
                    <a:lnTo>
                      <a:pt x="1977" y="1618"/>
                    </a:lnTo>
                    <a:lnTo>
                      <a:pt x="1986" y="1601"/>
                    </a:lnTo>
                    <a:lnTo>
                      <a:pt x="1996" y="1584"/>
                    </a:lnTo>
                    <a:lnTo>
                      <a:pt x="2006" y="1567"/>
                    </a:lnTo>
                    <a:lnTo>
                      <a:pt x="2018" y="1552"/>
                    </a:lnTo>
                    <a:lnTo>
                      <a:pt x="2031" y="1536"/>
                    </a:lnTo>
                    <a:lnTo>
                      <a:pt x="2039" y="1530"/>
                    </a:lnTo>
                    <a:lnTo>
                      <a:pt x="2048" y="1523"/>
                    </a:lnTo>
                    <a:lnTo>
                      <a:pt x="2056" y="1518"/>
                    </a:lnTo>
                    <a:lnTo>
                      <a:pt x="2063" y="1513"/>
                    </a:lnTo>
                    <a:lnTo>
                      <a:pt x="2080" y="1504"/>
                    </a:lnTo>
                    <a:lnTo>
                      <a:pt x="2095" y="1496"/>
                    </a:lnTo>
                    <a:lnTo>
                      <a:pt x="2101" y="1491"/>
                    </a:lnTo>
                    <a:lnTo>
                      <a:pt x="2106" y="1486"/>
                    </a:lnTo>
                    <a:lnTo>
                      <a:pt x="2110" y="1479"/>
                    </a:lnTo>
                    <a:lnTo>
                      <a:pt x="2114" y="1471"/>
                    </a:lnTo>
                    <a:lnTo>
                      <a:pt x="2117" y="1464"/>
                    </a:lnTo>
                    <a:lnTo>
                      <a:pt x="2117" y="1453"/>
                    </a:lnTo>
                    <a:lnTo>
                      <a:pt x="2117" y="1442"/>
                    </a:lnTo>
                    <a:lnTo>
                      <a:pt x="2114" y="1429"/>
                    </a:lnTo>
                    <a:lnTo>
                      <a:pt x="2111" y="1417"/>
                    </a:lnTo>
                    <a:lnTo>
                      <a:pt x="2111" y="1407"/>
                    </a:lnTo>
                    <a:lnTo>
                      <a:pt x="2114" y="1399"/>
                    </a:lnTo>
                    <a:lnTo>
                      <a:pt x="2118" y="1390"/>
                    </a:lnTo>
                    <a:lnTo>
                      <a:pt x="2120" y="1382"/>
                    </a:lnTo>
                    <a:lnTo>
                      <a:pt x="2124" y="1374"/>
                    </a:lnTo>
                    <a:lnTo>
                      <a:pt x="2127" y="1365"/>
                    </a:lnTo>
                    <a:lnTo>
                      <a:pt x="2127" y="1356"/>
                    </a:lnTo>
                    <a:lnTo>
                      <a:pt x="2127" y="1354"/>
                    </a:lnTo>
                    <a:lnTo>
                      <a:pt x="2124" y="1352"/>
                    </a:lnTo>
                    <a:lnTo>
                      <a:pt x="2120" y="1351"/>
                    </a:lnTo>
                    <a:lnTo>
                      <a:pt x="2115" y="1350"/>
                    </a:lnTo>
                    <a:lnTo>
                      <a:pt x="2102" y="1347"/>
                    </a:lnTo>
                    <a:lnTo>
                      <a:pt x="2087" y="1346"/>
                    </a:lnTo>
                    <a:lnTo>
                      <a:pt x="2071" y="1344"/>
                    </a:lnTo>
                    <a:lnTo>
                      <a:pt x="2056" y="1342"/>
                    </a:lnTo>
                    <a:lnTo>
                      <a:pt x="2043" y="1341"/>
                    </a:lnTo>
                    <a:lnTo>
                      <a:pt x="2034" y="1338"/>
                    </a:lnTo>
                    <a:lnTo>
                      <a:pt x="2016" y="1333"/>
                    </a:lnTo>
                    <a:lnTo>
                      <a:pt x="2000" y="1326"/>
                    </a:lnTo>
                    <a:lnTo>
                      <a:pt x="1986" y="1320"/>
                    </a:lnTo>
                    <a:lnTo>
                      <a:pt x="1970" y="1313"/>
                    </a:lnTo>
                    <a:lnTo>
                      <a:pt x="1955" y="1307"/>
                    </a:lnTo>
                    <a:lnTo>
                      <a:pt x="1939" y="1300"/>
                    </a:lnTo>
                    <a:lnTo>
                      <a:pt x="1922" y="1297"/>
                    </a:lnTo>
                    <a:lnTo>
                      <a:pt x="1904" y="1293"/>
                    </a:lnTo>
                    <a:lnTo>
                      <a:pt x="1890" y="1290"/>
                    </a:lnTo>
                    <a:lnTo>
                      <a:pt x="1876" y="1285"/>
                    </a:lnTo>
                    <a:lnTo>
                      <a:pt x="1863" y="1280"/>
                    </a:lnTo>
                    <a:lnTo>
                      <a:pt x="1850" y="1272"/>
                    </a:lnTo>
                    <a:lnTo>
                      <a:pt x="1837" y="1265"/>
                    </a:lnTo>
                    <a:lnTo>
                      <a:pt x="1824" y="1259"/>
                    </a:lnTo>
                    <a:lnTo>
                      <a:pt x="1810" y="1254"/>
                    </a:lnTo>
                    <a:lnTo>
                      <a:pt x="1795" y="1250"/>
                    </a:lnTo>
                    <a:lnTo>
                      <a:pt x="1778" y="1247"/>
                    </a:lnTo>
                    <a:lnTo>
                      <a:pt x="1762" y="1246"/>
                    </a:lnTo>
                    <a:lnTo>
                      <a:pt x="1745" y="1247"/>
                    </a:lnTo>
                    <a:lnTo>
                      <a:pt x="1728" y="1250"/>
                    </a:lnTo>
                    <a:lnTo>
                      <a:pt x="1693" y="1256"/>
                    </a:lnTo>
                    <a:lnTo>
                      <a:pt x="1658" y="1264"/>
                    </a:lnTo>
                    <a:lnTo>
                      <a:pt x="1623" y="1273"/>
                    </a:lnTo>
                    <a:lnTo>
                      <a:pt x="1588" y="1280"/>
                    </a:lnTo>
                    <a:lnTo>
                      <a:pt x="1571" y="1281"/>
                    </a:lnTo>
                    <a:lnTo>
                      <a:pt x="1556" y="1281"/>
                    </a:lnTo>
                    <a:lnTo>
                      <a:pt x="1539" y="1280"/>
                    </a:lnTo>
                    <a:lnTo>
                      <a:pt x="1523" y="1277"/>
                    </a:lnTo>
                    <a:lnTo>
                      <a:pt x="1523" y="1273"/>
                    </a:lnTo>
                    <a:lnTo>
                      <a:pt x="1525" y="1269"/>
                    </a:lnTo>
                    <a:lnTo>
                      <a:pt x="1526" y="1265"/>
                    </a:lnTo>
                    <a:lnTo>
                      <a:pt x="1528" y="1262"/>
                    </a:lnTo>
                    <a:lnTo>
                      <a:pt x="1535" y="1255"/>
                    </a:lnTo>
                    <a:lnTo>
                      <a:pt x="1541" y="1249"/>
                    </a:lnTo>
                    <a:lnTo>
                      <a:pt x="1557" y="1240"/>
                    </a:lnTo>
                    <a:lnTo>
                      <a:pt x="1570" y="1230"/>
                    </a:lnTo>
                    <a:lnTo>
                      <a:pt x="1576" y="1221"/>
                    </a:lnTo>
                    <a:lnTo>
                      <a:pt x="1580" y="1215"/>
                    </a:lnTo>
                    <a:lnTo>
                      <a:pt x="1582" y="1208"/>
                    </a:lnTo>
                    <a:lnTo>
                      <a:pt x="1582" y="1203"/>
                    </a:lnTo>
                    <a:lnTo>
                      <a:pt x="1583" y="1198"/>
                    </a:lnTo>
                    <a:lnTo>
                      <a:pt x="1584" y="1193"/>
                    </a:lnTo>
                    <a:lnTo>
                      <a:pt x="1588" y="1188"/>
                    </a:lnTo>
                    <a:lnTo>
                      <a:pt x="1597" y="1181"/>
                    </a:lnTo>
                    <a:lnTo>
                      <a:pt x="1604" y="1177"/>
                    </a:lnTo>
                    <a:lnTo>
                      <a:pt x="1610" y="1175"/>
                    </a:lnTo>
                    <a:lnTo>
                      <a:pt x="1615" y="1173"/>
                    </a:lnTo>
                    <a:lnTo>
                      <a:pt x="1622" y="1173"/>
                    </a:lnTo>
                    <a:lnTo>
                      <a:pt x="1633" y="1175"/>
                    </a:lnTo>
                    <a:lnTo>
                      <a:pt x="1648" y="1177"/>
                    </a:lnTo>
                    <a:lnTo>
                      <a:pt x="1657" y="1179"/>
                    </a:lnTo>
                    <a:lnTo>
                      <a:pt x="1664" y="1177"/>
                    </a:lnTo>
                    <a:lnTo>
                      <a:pt x="1673" y="1176"/>
                    </a:lnTo>
                    <a:lnTo>
                      <a:pt x="1681" y="1172"/>
                    </a:lnTo>
                    <a:lnTo>
                      <a:pt x="1688" y="1167"/>
                    </a:lnTo>
                    <a:lnTo>
                      <a:pt x="1693" y="1161"/>
                    </a:lnTo>
                    <a:lnTo>
                      <a:pt x="1696" y="1153"/>
                    </a:lnTo>
                    <a:lnTo>
                      <a:pt x="1697" y="1145"/>
                    </a:lnTo>
                    <a:lnTo>
                      <a:pt x="1676" y="1146"/>
                    </a:lnTo>
                    <a:lnTo>
                      <a:pt x="1655" y="1148"/>
                    </a:lnTo>
                    <a:lnTo>
                      <a:pt x="1645" y="1146"/>
                    </a:lnTo>
                    <a:lnTo>
                      <a:pt x="1636" y="1145"/>
                    </a:lnTo>
                    <a:lnTo>
                      <a:pt x="1627" y="1141"/>
                    </a:lnTo>
                    <a:lnTo>
                      <a:pt x="1618" y="1136"/>
                    </a:lnTo>
                    <a:lnTo>
                      <a:pt x="1606" y="1127"/>
                    </a:lnTo>
                    <a:lnTo>
                      <a:pt x="1589" y="1111"/>
                    </a:lnTo>
                    <a:lnTo>
                      <a:pt x="1582" y="1104"/>
                    </a:lnTo>
                    <a:lnTo>
                      <a:pt x="1578" y="1097"/>
                    </a:lnTo>
                    <a:lnTo>
                      <a:pt x="1576" y="1094"/>
                    </a:lnTo>
                    <a:lnTo>
                      <a:pt x="1578" y="1093"/>
                    </a:lnTo>
                    <a:lnTo>
                      <a:pt x="1579" y="1093"/>
                    </a:lnTo>
                    <a:lnTo>
                      <a:pt x="1582" y="1093"/>
                    </a:lnTo>
                    <a:lnTo>
                      <a:pt x="1593" y="1096"/>
                    </a:lnTo>
                    <a:lnTo>
                      <a:pt x="1605" y="1098"/>
                    </a:lnTo>
                    <a:lnTo>
                      <a:pt x="1616" y="1101"/>
                    </a:lnTo>
                    <a:lnTo>
                      <a:pt x="1628" y="1102"/>
                    </a:lnTo>
                    <a:lnTo>
                      <a:pt x="1636" y="1102"/>
                    </a:lnTo>
                    <a:lnTo>
                      <a:pt x="1642" y="1101"/>
                    </a:lnTo>
                    <a:lnTo>
                      <a:pt x="1649" y="1098"/>
                    </a:lnTo>
                    <a:lnTo>
                      <a:pt x="1654" y="1094"/>
                    </a:lnTo>
                    <a:lnTo>
                      <a:pt x="1664" y="1087"/>
                    </a:lnTo>
                    <a:lnTo>
                      <a:pt x="1676" y="1079"/>
                    </a:lnTo>
                    <a:lnTo>
                      <a:pt x="1692" y="1076"/>
                    </a:lnTo>
                    <a:lnTo>
                      <a:pt x="1708" y="1074"/>
                    </a:lnTo>
                    <a:lnTo>
                      <a:pt x="1720" y="1069"/>
                    </a:lnTo>
                    <a:lnTo>
                      <a:pt x="1729" y="1063"/>
                    </a:lnTo>
                    <a:lnTo>
                      <a:pt x="1737" y="1058"/>
                    </a:lnTo>
                    <a:lnTo>
                      <a:pt x="1747" y="1050"/>
                    </a:lnTo>
                    <a:lnTo>
                      <a:pt x="1782" y="1028"/>
                    </a:lnTo>
                    <a:lnTo>
                      <a:pt x="1822" y="1005"/>
                    </a:lnTo>
                    <a:lnTo>
                      <a:pt x="1845" y="995"/>
                    </a:lnTo>
                    <a:lnTo>
                      <a:pt x="1865" y="986"/>
                    </a:lnTo>
                    <a:lnTo>
                      <a:pt x="1886" y="978"/>
                    </a:lnTo>
                    <a:lnTo>
                      <a:pt x="1904" y="973"/>
                    </a:lnTo>
                    <a:lnTo>
                      <a:pt x="1925" y="969"/>
                    </a:lnTo>
                    <a:lnTo>
                      <a:pt x="1943" y="965"/>
                    </a:lnTo>
                    <a:lnTo>
                      <a:pt x="1951" y="962"/>
                    </a:lnTo>
                    <a:lnTo>
                      <a:pt x="1957" y="960"/>
                    </a:lnTo>
                    <a:lnTo>
                      <a:pt x="1964" y="957"/>
                    </a:lnTo>
                    <a:lnTo>
                      <a:pt x="1969" y="953"/>
                    </a:lnTo>
                    <a:lnTo>
                      <a:pt x="1974" y="948"/>
                    </a:lnTo>
                    <a:lnTo>
                      <a:pt x="1979" y="943"/>
                    </a:lnTo>
                    <a:lnTo>
                      <a:pt x="1983" y="938"/>
                    </a:lnTo>
                    <a:lnTo>
                      <a:pt x="1986" y="930"/>
                    </a:lnTo>
                    <a:lnTo>
                      <a:pt x="1988" y="922"/>
                    </a:lnTo>
                    <a:lnTo>
                      <a:pt x="1991" y="913"/>
                    </a:lnTo>
                    <a:lnTo>
                      <a:pt x="1992" y="903"/>
                    </a:lnTo>
                    <a:lnTo>
                      <a:pt x="1992" y="891"/>
                    </a:lnTo>
                    <a:lnTo>
                      <a:pt x="1993" y="882"/>
                    </a:lnTo>
                    <a:lnTo>
                      <a:pt x="1996" y="874"/>
                    </a:lnTo>
                    <a:lnTo>
                      <a:pt x="2000" y="865"/>
                    </a:lnTo>
                    <a:lnTo>
                      <a:pt x="2004" y="857"/>
                    </a:lnTo>
                    <a:lnTo>
                      <a:pt x="2006" y="850"/>
                    </a:lnTo>
                    <a:lnTo>
                      <a:pt x="2010" y="842"/>
                    </a:lnTo>
                    <a:lnTo>
                      <a:pt x="2013" y="833"/>
                    </a:lnTo>
                    <a:lnTo>
                      <a:pt x="2013" y="824"/>
                    </a:lnTo>
                    <a:lnTo>
                      <a:pt x="2001" y="825"/>
                    </a:lnTo>
                    <a:lnTo>
                      <a:pt x="1990" y="828"/>
                    </a:lnTo>
                    <a:lnTo>
                      <a:pt x="1979" y="831"/>
                    </a:lnTo>
                    <a:lnTo>
                      <a:pt x="1968" y="835"/>
                    </a:lnTo>
                    <a:lnTo>
                      <a:pt x="1955" y="841"/>
                    </a:lnTo>
                    <a:lnTo>
                      <a:pt x="1943" y="844"/>
                    </a:lnTo>
                    <a:lnTo>
                      <a:pt x="1931" y="846"/>
                    </a:lnTo>
                    <a:lnTo>
                      <a:pt x="1920" y="847"/>
                    </a:lnTo>
                    <a:lnTo>
                      <a:pt x="1908" y="846"/>
                    </a:lnTo>
                    <a:lnTo>
                      <a:pt x="1898" y="842"/>
                    </a:lnTo>
                    <a:lnTo>
                      <a:pt x="1890" y="837"/>
                    </a:lnTo>
                    <a:lnTo>
                      <a:pt x="1882" y="833"/>
                    </a:lnTo>
                    <a:lnTo>
                      <a:pt x="1873" y="829"/>
                    </a:lnTo>
                    <a:lnTo>
                      <a:pt x="1864" y="828"/>
                    </a:lnTo>
                    <a:lnTo>
                      <a:pt x="1857" y="828"/>
                    </a:lnTo>
                    <a:lnTo>
                      <a:pt x="1852" y="828"/>
                    </a:lnTo>
                    <a:lnTo>
                      <a:pt x="1845" y="829"/>
                    </a:lnTo>
                    <a:lnTo>
                      <a:pt x="1837" y="831"/>
                    </a:lnTo>
                    <a:lnTo>
                      <a:pt x="1832" y="833"/>
                    </a:lnTo>
                    <a:lnTo>
                      <a:pt x="1825" y="831"/>
                    </a:lnTo>
                    <a:lnTo>
                      <a:pt x="1817" y="829"/>
                    </a:lnTo>
                    <a:lnTo>
                      <a:pt x="1810" y="826"/>
                    </a:lnTo>
                    <a:lnTo>
                      <a:pt x="1794" y="819"/>
                    </a:lnTo>
                    <a:lnTo>
                      <a:pt x="1782" y="813"/>
                    </a:lnTo>
                    <a:lnTo>
                      <a:pt x="1772" y="812"/>
                    </a:lnTo>
                    <a:lnTo>
                      <a:pt x="1760" y="812"/>
                    </a:lnTo>
                    <a:lnTo>
                      <a:pt x="1749" y="813"/>
                    </a:lnTo>
                    <a:lnTo>
                      <a:pt x="1738" y="816"/>
                    </a:lnTo>
                    <a:lnTo>
                      <a:pt x="1727" y="816"/>
                    </a:lnTo>
                    <a:lnTo>
                      <a:pt x="1718" y="815"/>
                    </a:lnTo>
                    <a:lnTo>
                      <a:pt x="1712" y="813"/>
                    </a:lnTo>
                    <a:lnTo>
                      <a:pt x="1708" y="811"/>
                    </a:lnTo>
                    <a:lnTo>
                      <a:pt x="1705" y="807"/>
                    </a:lnTo>
                    <a:lnTo>
                      <a:pt x="1701" y="802"/>
                    </a:lnTo>
                    <a:lnTo>
                      <a:pt x="1693" y="791"/>
                    </a:lnTo>
                    <a:lnTo>
                      <a:pt x="1686" y="784"/>
                    </a:lnTo>
                    <a:lnTo>
                      <a:pt x="1679" y="778"/>
                    </a:lnTo>
                    <a:lnTo>
                      <a:pt x="1672" y="776"/>
                    </a:lnTo>
                    <a:lnTo>
                      <a:pt x="1664" y="774"/>
                    </a:lnTo>
                    <a:lnTo>
                      <a:pt x="1658" y="776"/>
                    </a:lnTo>
                    <a:lnTo>
                      <a:pt x="1650" y="777"/>
                    </a:lnTo>
                    <a:lnTo>
                      <a:pt x="1644" y="780"/>
                    </a:lnTo>
                    <a:lnTo>
                      <a:pt x="1631" y="786"/>
                    </a:lnTo>
                    <a:lnTo>
                      <a:pt x="1619" y="793"/>
                    </a:lnTo>
                    <a:lnTo>
                      <a:pt x="1614" y="795"/>
                    </a:lnTo>
                    <a:lnTo>
                      <a:pt x="1610" y="796"/>
                    </a:lnTo>
                    <a:lnTo>
                      <a:pt x="1606" y="796"/>
                    </a:lnTo>
                    <a:lnTo>
                      <a:pt x="1602" y="795"/>
                    </a:lnTo>
                    <a:lnTo>
                      <a:pt x="1596" y="787"/>
                    </a:lnTo>
                    <a:lnTo>
                      <a:pt x="1591" y="780"/>
                    </a:lnTo>
                    <a:lnTo>
                      <a:pt x="1587" y="771"/>
                    </a:lnTo>
                    <a:lnTo>
                      <a:pt x="1583" y="762"/>
                    </a:lnTo>
                    <a:lnTo>
                      <a:pt x="1578" y="742"/>
                    </a:lnTo>
                    <a:lnTo>
                      <a:pt x="1572" y="724"/>
                    </a:lnTo>
                    <a:lnTo>
                      <a:pt x="1570" y="716"/>
                    </a:lnTo>
                    <a:lnTo>
                      <a:pt x="1567" y="711"/>
                    </a:lnTo>
                    <a:lnTo>
                      <a:pt x="1565" y="707"/>
                    </a:lnTo>
                    <a:lnTo>
                      <a:pt x="1562" y="705"/>
                    </a:lnTo>
                    <a:lnTo>
                      <a:pt x="1559" y="702"/>
                    </a:lnTo>
                    <a:lnTo>
                      <a:pt x="1557" y="701"/>
                    </a:lnTo>
                    <a:lnTo>
                      <a:pt x="1554" y="701"/>
                    </a:lnTo>
                    <a:lnTo>
                      <a:pt x="1550" y="702"/>
                    </a:lnTo>
                    <a:lnTo>
                      <a:pt x="1545" y="706"/>
                    </a:lnTo>
                    <a:lnTo>
                      <a:pt x="1539" y="714"/>
                    </a:lnTo>
                    <a:lnTo>
                      <a:pt x="1532" y="723"/>
                    </a:lnTo>
                    <a:lnTo>
                      <a:pt x="1526" y="734"/>
                    </a:lnTo>
                    <a:lnTo>
                      <a:pt x="1514" y="759"/>
                    </a:lnTo>
                    <a:lnTo>
                      <a:pt x="1501" y="784"/>
                    </a:lnTo>
                    <a:lnTo>
                      <a:pt x="1496" y="795"/>
                    </a:lnTo>
                    <a:lnTo>
                      <a:pt x="1490" y="804"/>
                    </a:lnTo>
                    <a:lnTo>
                      <a:pt x="1484" y="812"/>
                    </a:lnTo>
                    <a:lnTo>
                      <a:pt x="1479" y="816"/>
                    </a:lnTo>
                    <a:lnTo>
                      <a:pt x="1470" y="834"/>
                    </a:lnTo>
                    <a:lnTo>
                      <a:pt x="1460" y="855"/>
                    </a:lnTo>
                    <a:lnTo>
                      <a:pt x="1457" y="859"/>
                    </a:lnTo>
                    <a:lnTo>
                      <a:pt x="1453" y="863"/>
                    </a:lnTo>
                    <a:lnTo>
                      <a:pt x="1451" y="865"/>
                    </a:lnTo>
                    <a:lnTo>
                      <a:pt x="1447" y="866"/>
                    </a:lnTo>
                    <a:lnTo>
                      <a:pt x="1443" y="868"/>
                    </a:lnTo>
                    <a:lnTo>
                      <a:pt x="1439" y="866"/>
                    </a:lnTo>
                    <a:lnTo>
                      <a:pt x="1434" y="865"/>
                    </a:lnTo>
                    <a:lnTo>
                      <a:pt x="1429" y="861"/>
                    </a:lnTo>
                    <a:lnTo>
                      <a:pt x="1425" y="857"/>
                    </a:lnTo>
                    <a:lnTo>
                      <a:pt x="1421" y="856"/>
                    </a:lnTo>
                    <a:lnTo>
                      <a:pt x="1418" y="856"/>
                    </a:lnTo>
                    <a:lnTo>
                      <a:pt x="1416" y="856"/>
                    </a:lnTo>
                    <a:lnTo>
                      <a:pt x="1413" y="857"/>
                    </a:lnTo>
                    <a:lnTo>
                      <a:pt x="1411" y="860"/>
                    </a:lnTo>
                    <a:lnTo>
                      <a:pt x="1409" y="863"/>
                    </a:lnTo>
                    <a:lnTo>
                      <a:pt x="1408" y="865"/>
                    </a:lnTo>
                    <a:lnTo>
                      <a:pt x="1407" y="881"/>
                    </a:lnTo>
                    <a:lnTo>
                      <a:pt x="1407" y="894"/>
                    </a:lnTo>
                    <a:lnTo>
                      <a:pt x="1408" y="907"/>
                    </a:lnTo>
                    <a:lnTo>
                      <a:pt x="1407" y="916"/>
                    </a:lnTo>
                    <a:lnTo>
                      <a:pt x="1404" y="922"/>
                    </a:lnTo>
                    <a:lnTo>
                      <a:pt x="1401" y="926"/>
                    </a:lnTo>
                    <a:lnTo>
                      <a:pt x="1396" y="927"/>
                    </a:lnTo>
                    <a:lnTo>
                      <a:pt x="1391" y="927"/>
                    </a:lnTo>
                    <a:lnTo>
                      <a:pt x="1386" y="927"/>
                    </a:lnTo>
                    <a:lnTo>
                      <a:pt x="1381" y="925"/>
                    </a:lnTo>
                    <a:lnTo>
                      <a:pt x="1376" y="923"/>
                    </a:lnTo>
                    <a:lnTo>
                      <a:pt x="1370" y="922"/>
                    </a:lnTo>
                    <a:lnTo>
                      <a:pt x="1366" y="922"/>
                    </a:lnTo>
                    <a:lnTo>
                      <a:pt x="1364" y="923"/>
                    </a:lnTo>
                    <a:lnTo>
                      <a:pt x="1363" y="926"/>
                    </a:lnTo>
                    <a:lnTo>
                      <a:pt x="1364" y="933"/>
                    </a:lnTo>
                    <a:lnTo>
                      <a:pt x="1365" y="940"/>
                    </a:lnTo>
                    <a:lnTo>
                      <a:pt x="1370" y="952"/>
                    </a:lnTo>
                    <a:lnTo>
                      <a:pt x="1378" y="966"/>
                    </a:lnTo>
                    <a:lnTo>
                      <a:pt x="1387" y="984"/>
                    </a:lnTo>
                    <a:lnTo>
                      <a:pt x="1391" y="992"/>
                    </a:lnTo>
                    <a:lnTo>
                      <a:pt x="1395" y="1001"/>
                    </a:lnTo>
                    <a:lnTo>
                      <a:pt x="1396" y="1009"/>
                    </a:lnTo>
                    <a:lnTo>
                      <a:pt x="1396" y="1015"/>
                    </a:lnTo>
                    <a:lnTo>
                      <a:pt x="1392" y="1024"/>
                    </a:lnTo>
                    <a:lnTo>
                      <a:pt x="1388" y="1031"/>
                    </a:lnTo>
                    <a:lnTo>
                      <a:pt x="1383" y="1035"/>
                    </a:lnTo>
                    <a:lnTo>
                      <a:pt x="1377" y="1036"/>
                    </a:lnTo>
                    <a:lnTo>
                      <a:pt x="1370" y="1036"/>
                    </a:lnTo>
                    <a:lnTo>
                      <a:pt x="1364" y="1034"/>
                    </a:lnTo>
                    <a:lnTo>
                      <a:pt x="1356" y="1031"/>
                    </a:lnTo>
                    <a:lnTo>
                      <a:pt x="1350" y="1026"/>
                    </a:lnTo>
                    <a:lnTo>
                      <a:pt x="1322" y="1005"/>
                    </a:lnTo>
                    <a:lnTo>
                      <a:pt x="1307" y="992"/>
                    </a:lnTo>
                    <a:lnTo>
                      <a:pt x="1303" y="991"/>
                    </a:lnTo>
                    <a:lnTo>
                      <a:pt x="1300" y="991"/>
                    </a:lnTo>
                    <a:lnTo>
                      <a:pt x="1298" y="992"/>
                    </a:lnTo>
                    <a:lnTo>
                      <a:pt x="1297" y="995"/>
                    </a:lnTo>
                    <a:lnTo>
                      <a:pt x="1294" y="1000"/>
                    </a:lnTo>
                    <a:lnTo>
                      <a:pt x="1293" y="1008"/>
                    </a:lnTo>
                    <a:lnTo>
                      <a:pt x="1293" y="1024"/>
                    </a:lnTo>
                    <a:lnTo>
                      <a:pt x="1293" y="1037"/>
                    </a:lnTo>
                    <a:lnTo>
                      <a:pt x="1294" y="1054"/>
                    </a:lnTo>
                    <a:lnTo>
                      <a:pt x="1293" y="1067"/>
                    </a:lnTo>
                    <a:lnTo>
                      <a:pt x="1291" y="1076"/>
                    </a:lnTo>
                    <a:lnTo>
                      <a:pt x="1289" y="1080"/>
                    </a:lnTo>
                    <a:lnTo>
                      <a:pt x="1287" y="1081"/>
                    </a:lnTo>
                    <a:lnTo>
                      <a:pt x="1285" y="1081"/>
                    </a:lnTo>
                    <a:lnTo>
                      <a:pt x="1284" y="1081"/>
                    </a:lnTo>
                    <a:lnTo>
                      <a:pt x="1281" y="1080"/>
                    </a:lnTo>
                    <a:lnTo>
                      <a:pt x="1277" y="1076"/>
                    </a:lnTo>
                    <a:lnTo>
                      <a:pt x="1272" y="1070"/>
                    </a:lnTo>
                    <a:lnTo>
                      <a:pt x="1262" y="1053"/>
                    </a:lnTo>
                    <a:lnTo>
                      <a:pt x="1252" y="1034"/>
                    </a:lnTo>
                    <a:lnTo>
                      <a:pt x="1245" y="1014"/>
                    </a:lnTo>
                    <a:lnTo>
                      <a:pt x="1241" y="999"/>
                    </a:lnTo>
                    <a:lnTo>
                      <a:pt x="1236" y="1002"/>
                    </a:lnTo>
                    <a:lnTo>
                      <a:pt x="1233" y="1008"/>
                    </a:lnTo>
                    <a:lnTo>
                      <a:pt x="1230" y="1013"/>
                    </a:lnTo>
                    <a:lnTo>
                      <a:pt x="1229" y="1019"/>
                    </a:lnTo>
                    <a:lnTo>
                      <a:pt x="1229" y="1031"/>
                    </a:lnTo>
                    <a:lnTo>
                      <a:pt x="1230" y="1043"/>
                    </a:lnTo>
                    <a:lnTo>
                      <a:pt x="1230" y="1050"/>
                    </a:lnTo>
                    <a:lnTo>
                      <a:pt x="1230" y="1057"/>
                    </a:lnTo>
                    <a:lnTo>
                      <a:pt x="1229" y="1062"/>
                    </a:lnTo>
                    <a:lnTo>
                      <a:pt x="1227" y="1067"/>
                    </a:lnTo>
                    <a:lnTo>
                      <a:pt x="1223" y="1075"/>
                    </a:lnTo>
                    <a:lnTo>
                      <a:pt x="1219" y="1088"/>
                    </a:lnTo>
                    <a:lnTo>
                      <a:pt x="1220" y="1094"/>
                    </a:lnTo>
                    <a:lnTo>
                      <a:pt x="1225" y="1105"/>
                    </a:lnTo>
                    <a:lnTo>
                      <a:pt x="1232" y="1118"/>
                    </a:lnTo>
                    <a:lnTo>
                      <a:pt x="1238" y="1131"/>
                    </a:lnTo>
                    <a:lnTo>
                      <a:pt x="1241" y="1136"/>
                    </a:lnTo>
                    <a:lnTo>
                      <a:pt x="1242" y="1141"/>
                    </a:lnTo>
                    <a:lnTo>
                      <a:pt x="1243" y="1146"/>
                    </a:lnTo>
                    <a:lnTo>
                      <a:pt x="1242" y="1149"/>
                    </a:lnTo>
                    <a:lnTo>
                      <a:pt x="1241" y="1151"/>
                    </a:lnTo>
                    <a:lnTo>
                      <a:pt x="1237" y="1151"/>
                    </a:lnTo>
                    <a:lnTo>
                      <a:pt x="1232" y="1150"/>
                    </a:lnTo>
                    <a:lnTo>
                      <a:pt x="1224" y="1148"/>
                    </a:lnTo>
                    <a:lnTo>
                      <a:pt x="1210" y="1138"/>
                    </a:lnTo>
                    <a:lnTo>
                      <a:pt x="1194" y="1131"/>
                    </a:lnTo>
                    <a:lnTo>
                      <a:pt x="1186" y="1129"/>
                    </a:lnTo>
                    <a:lnTo>
                      <a:pt x="1181" y="1131"/>
                    </a:lnTo>
                    <a:lnTo>
                      <a:pt x="1179" y="1132"/>
                    </a:lnTo>
                    <a:lnTo>
                      <a:pt x="1177" y="1135"/>
                    </a:lnTo>
                    <a:lnTo>
                      <a:pt x="1176" y="1138"/>
                    </a:lnTo>
                    <a:lnTo>
                      <a:pt x="1176" y="1144"/>
                    </a:lnTo>
                    <a:lnTo>
                      <a:pt x="1177" y="1157"/>
                    </a:lnTo>
                    <a:lnTo>
                      <a:pt x="1177" y="1170"/>
                    </a:lnTo>
                    <a:lnTo>
                      <a:pt x="1179" y="1180"/>
                    </a:lnTo>
                    <a:lnTo>
                      <a:pt x="1181" y="1188"/>
                    </a:lnTo>
                    <a:lnTo>
                      <a:pt x="1183" y="1192"/>
                    </a:lnTo>
                    <a:lnTo>
                      <a:pt x="1185" y="1194"/>
                    </a:lnTo>
                    <a:lnTo>
                      <a:pt x="1188" y="1197"/>
                    </a:lnTo>
                    <a:lnTo>
                      <a:pt x="1192" y="1198"/>
                    </a:lnTo>
                    <a:lnTo>
                      <a:pt x="1195" y="1198"/>
                    </a:lnTo>
                    <a:lnTo>
                      <a:pt x="1202" y="1198"/>
                    </a:lnTo>
                    <a:lnTo>
                      <a:pt x="1208" y="1197"/>
                    </a:lnTo>
                    <a:lnTo>
                      <a:pt x="1215" y="1194"/>
                    </a:lnTo>
                    <a:lnTo>
                      <a:pt x="1217" y="1194"/>
                    </a:lnTo>
                    <a:lnTo>
                      <a:pt x="1217" y="1198"/>
                    </a:lnTo>
                    <a:lnTo>
                      <a:pt x="1217" y="1202"/>
                    </a:lnTo>
                    <a:lnTo>
                      <a:pt x="1216" y="1208"/>
                    </a:lnTo>
                    <a:lnTo>
                      <a:pt x="1215" y="1221"/>
                    </a:lnTo>
                    <a:lnTo>
                      <a:pt x="1215" y="1232"/>
                    </a:lnTo>
                    <a:lnTo>
                      <a:pt x="1216" y="1238"/>
                    </a:lnTo>
                    <a:lnTo>
                      <a:pt x="1216" y="1246"/>
                    </a:lnTo>
                    <a:lnTo>
                      <a:pt x="1216" y="1254"/>
                    </a:lnTo>
                    <a:lnTo>
                      <a:pt x="1215" y="1262"/>
                    </a:lnTo>
                    <a:lnTo>
                      <a:pt x="1212" y="1268"/>
                    </a:lnTo>
                    <a:lnTo>
                      <a:pt x="1210" y="1276"/>
                    </a:lnTo>
                    <a:lnTo>
                      <a:pt x="1207" y="1281"/>
                    </a:lnTo>
                    <a:lnTo>
                      <a:pt x="1203" y="1286"/>
                    </a:lnTo>
                    <a:lnTo>
                      <a:pt x="1195" y="1291"/>
                    </a:lnTo>
                    <a:lnTo>
                      <a:pt x="1189" y="1295"/>
                    </a:lnTo>
                    <a:lnTo>
                      <a:pt x="1181" y="1297"/>
                    </a:lnTo>
                    <a:lnTo>
                      <a:pt x="1175" y="1299"/>
                    </a:lnTo>
                    <a:lnTo>
                      <a:pt x="1172" y="1300"/>
                    </a:lnTo>
                    <a:lnTo>
                      <a:pt x="1171" y="1302"/>
                    </a:lnTo>
                    <a:lnTo>
                      <a:pt x="1170" y="1304"/>
                    </a:lnTo>
                    <a:lnTo>
                      <a:pt x="1168" y="1307"/>
                    </a:lnTo>
                    <a:lnTo>
                      <a:pt x="1170" y="1313"/>
                    </a:lnTo>
                    <a:lnTo>
                      <a:pt x="1175" y="1324"/>
                    </a:lnTo>
                    <a:lnTo>
                      <a:pt x="1179" y="1332"/>
                    </a:lnTo>
                    <a:lnTo>
                      <a:pt x="1181" y="1337"/>
                    </a:lnTo>
                    <a:lnTo>
                      <a:pt x="1181" y="1341"/>
                    </a:lnTo>
                    <a:lnTo>
                      <a:pt x="1180" y="1344"/>
                    </a:lnTo>
                    <a:lnTo>
                      <a:pt x="1179" y="1347"/>
                    </a:lnTo>
                    <a:lnTo>
                      <a:pt x="1176" y="1347"/>
                    </a:lnTo>
                    <a:lnTo>
                      <a:pt x="1172" y="1347"/>
                    </a:lnTo>
                    <a:lnTo>
                      <a:pt x="1167" y="1347"/>
                    </a:lnTo>
                    <a:lnTo>
                      <a:pt x="1158" y="1344"/>
                    </a:lnTo>
                    <a:lnTo>
                      <a:pt x="1149" y="1341"/>
                    </a:lnTo>
                    <a:lnTo>
                      <a:pt x="1142" y="1337"/>
                    </a:lnTo>
                    <a:lnTo>
                      <a:pt x="1140" y="1334"/>
                    </a:lnTo>
                    <a:lnTo>
                      <a:pt x="1135" y="1339"/>
                    </a:lnTo>
                    <a:lnTo>
                      <a:pt x="1132" y="1347"/>
                    </a:lnTo>
                    <a:lnTo>
                      <a:pt x="1129" y="1356"/>
                    </a:lnTo>
                    <a:lnTo>
                      <a:pt x="1128" y="1365"/>
                    </a:lnTo>
                    <a:lnTo>
                      <a:pt x="1127" y="1373"/>
                    </a:lnTo>
                    <a:lnTo>
                      <a:pt x="1124" y="1381"/>
                    </a:lnTo>
                    <a:lnTo>
                      <a:pt x="1123" y="1385"/>
                    </a:lnTo>
                    <a:lnTo>
                      <a:pt x="1122" y="1386"/>
                    </a:lnTo>
                    <a:lnTo>
                      <a:pt x="1105" y="1378"/>
                    </a:lnTo>
                    <a:lnTo>
                      <a:pt x="1097" y="1376"/>
                    </a:lnTo>
                    <a:lnTo>
                      <a:pt x="1096" y="1377"/>
                    </a:lnTo>
                    <a:lnTo>
                      <a:pt x="1096" y="1381"/>
                    </a:lnTo>
                    <a:lnTo>
                      <a:pt x="1097" y="1387"/>
                    </a:lnTo>
                    <a:lnTo>
                      <a:pt x="1098" y="1396"/>
                    </a:lnTo>
                    <a:lnTo>
                      <a:pt x="1100" y="1405"/>
                    </a:lnTo>
                    <a:lnTo>
                      <a:pt x="1098" y="1413"/>
                    </a:lnTo>
                    <a:lnTo>
                      <a:pt x="1096" y="1418"/>
                    </a:lnTo>
                    <a:lnTo>
                      <a:pt x="1092" y="1423"/>
                    </a:lnTo>
                    <a:lnTo>
                      <a:pt x="1085" y="1425"/>
                    </a:lnTo>
                    <a:lnTo>
                      <a:pt x="1078" y="1427"/>
                    </a:lnTo>
                    <a:lnTo>
                      <a:pt x="1070" y="1427"/>
                    </a:lnTo>
                    <a:lnTo>
                      <a:pt x="1061" y="1426"/>
                    </a:lnTo>
                    <a:lnTo>
                      <a:pt x="1041" y="1425"/>
                    </a:lnTo>
                    <a:lnTo>
                      <a:pt x="1022" y="1421"/>
                    </a:lnTo>
                    <a:lnTo>
                      <a:pt x="1013" y="1421"/>
                    </a:lnTo>
                    <a:lnTo>
                      <a:pt x="1004" y="1420"/>
                    </a:lnTo>
                    <a:lnTo>
                      <a:pt x="995" y="1420"/>
                    </a:lnTo>
                    <a:lnTo>
                      <a:pt x="987" y="1421"/>
                    </a:lnTo>
                    <a:lnTo>
                      <a:pt x="988" y="1423"/>
                    </a:lnTo>
                    <a:lnTo>
                      <a:pt x="989" y="1426"/>
                    </a:lnTo>
                    <a:lnTo>
                      <a:pt x="993" y="1430"/>
                    </a:lnTo>
                    <a:lnTo>
                      <a:pt x="999" y="1434"/>
                    </a:lnTo>
                    <a:lnTo>
                      <a:pt x="1010" y="1442"/>
                    </a:lnTo>
                    <a:lnTo>
                      <a:pt x="1024" y="1451"/>
                    </a:lnTo>
                    <a:lnTo>
                      <a:pt x="1053" y="1466"/>
                    </a:lnTo>
                    <a:lnTo>
                      <a:pt x="1074" y="1474"/>
                    </a:lnTo>
                    <a:lnTo>
                      <a:pt x="1063" y="1479"/>
                    </a:lnTo>
                    <a:lnTo>
                      <a:pt x="1044" y="1490"/>
                    </a:lnTo>
                    <a:lnTo>
                      <a:pt x="1035" y="1496"/>
                    </a:lnTo>
                    <a:lnTo>
                      <a:pt x="1028" y="1504"/>
                    </a:lnTo>
                    <a:lnTo>
                      <a:pt x="1027" y="1508"/>
                    </a:lnTo>
                    <a:lnTo>
                      <a:pt x="1027" y="1512"/>
                    </a:lnTo>
                    <a:lnTo>
                      <a:pt x="1028" y="1514"/>
                    </a:lnTo>
                    <a:lnTo>
                      <a:pt x="1032" y="1518"/>
                    </a:lnTo>
                    <a:lnTo>
                      <a:pt x="1049" y="1532"/>
                    </a:lnTo>
                    <a:lnTo>
                      <a:pt x="1062" y="1541"/>
                    </a:lnTo>
                    <a:lnTo>
                      <a:pt x="1070" y="1544"/>
                    </a:lnTo>
                    <a:lnTo>
                      <a:pt x="1078" y="1543"/>
                    </a:lnTo>
                    <a:lnTo>
                      <a:pt x="1088" y="1540"/>
                    </a:lnTo>
                    <a:lnTo>
                      <a:pt x="1101" y="1536"/>
                    </a:lnTo>
                    <a:lnTo>
                      <a:pt x="1129" y="1525"/>
                    </a:lnTo>
                    <a:lnTo>
                      <a:pt x="1157" y="1512"/>
                    </a:lnTo>
                    <a:lnTo>
                      <a:pt x="1170" y="1504"/>
                    </a:lnTo>
                    <a:lnTo>
                      <a:pt x="1183" y="1496"/>
                    </a:lnTo>
                    <a:lnTo>
                      <a:pt x="1193" y="1486"/>
                    </a:lnTo>
                    <a:lnTo>
                      <a:pt x="1203" y="1474"/>
                    </a:lnTo>
                    <a:lnTo>
                      <a:pt x="1210" y="1470"/>
                    </a:lnTo>
                    <a:lnTo>
                      <a:pt x="1219" y="1464"/>
                    </a:lnTo>
                    <a:lnTo>
                      <a:pt x="1229" y="1458"/>
                    </a:lnTo>
                    <a:lnTo>
                      <a:pt x="1236" y="1458"/>
                    </a:lnTo>
                    <a:lnTo>
                      <a:pt x="1236" y="1460"/>
                    </a:lnTo>
                    <a:lnTo>
                      <a:pt x="1236" y="1464"/>
                    </a:lnTo>
                    <a:lnTo>
                      <a:pt x="1233" y="1468"/>
                    </a:lnTo>
                    <a:lnTo>
                      <a:pt x="1230" y="1473"/>
                    </a:lnTo>
                    <a:lnTo>
                      <a:pt x="1224" y="1482"/>
                    </a:lnTo>
                    <a:lnTo>
                      <a:pt x="1220" y="1488"/>
                    </a:lnTo>
                    <a:lnTo>
                      <a:pt x="1210" y="1505"/>
                    </a:lnTo>
                    <a:lnTo>
                      <a:pt x="1197" y="1525"/>
                    </a:lnTo>
                    <a:lnTo>
                      <a:pt x="1190" y="1532"/>
                    </a:lnTo>
                    <a:lnTo>
                      <a:pt x="1184" y="1541"/>
                    </a:lnTo>
                    <a:lnTo>
                      <a:pt x="1176" y="1548"/>
                    </a:lnTo>
                    <a:lnTo>
                      <a:pt x="1167" y="1552"/>
                    </a:lnTo>
                    <a:lnTo>
                      <a:pt x="1140" y="1566"/>
                    </a:lnTo>
                    <a:lnTo>
                      <a:pt x="1102" y="1588"/>
                    </a:lnTo>
                    <a:lnTo>
                      <a:pt x="1083" y="1600"/>
                    </a:lnTo>
                    <a:lnTo>
                      <a:pt x="1067" y="1613"/>
                    </a:lnTo>
                    <a:lnTo>
                      <a:pt x="1059" y="1618"/>
                    </a:lnTo>
                    <a:lnTo>
                      <a:pt x="1054" y="1624"/>
                    </a:lnTo>
                    <a:lnTo>
                      <a:pt x="1049" y="1629"/>
                    </a:lnTo>
                    <a:lnTo>
                      <a:pt x="1046" y="1635"/>
                    </a:lnTo>
                    <a:lnTo>
                      <a:pt x="1041" y="1646"/>
                    </a:lnTo>
                    <a:lnTo>
                      <a:pt x="1036" y="1657"/>
                    </a:lnTo>
                    <a:lnTo>
                      <a:pt x="1032" y="1667"/>
                    </a:lnTo>
                    <a:lnTo>
                      <a:pt x="1028" y="1680"/>
                    </a:lnTo>
                    <a:lnTo>
                      <a:pt x="1027" y="1685"/>
                    </a:lnTo>
                    <a:lnTo>
                      <a:pt x="1027" y="1692"/>
                    </a:lnTo>
                    <a:lnTo>
                      <a:pt x="1028" y="1696"/>
                    </a:lnTo>
                    <a:lnTo>
                      <a:pt x="1030" y="1701"/>
                    </a:lnTo>
                    <a:lnTo>
                      <a:pt x="1034" y="1710"/>
                    </a:lnTo>
                    <a:lnTo>
                      <a:pt x="1035" y="1719"/>
                    </a:lnTo>
                    <a:lnTo>
                      <a:pt x="1032" y="1741"/>
                    </a:lnTo>
                    <a:lnTo>
                      <a:pt x="1028" y="1762"/>
                    </a:lnTo>
                    <a:lnTo>
                      <a:pt x="1030" y="1765"/>
                    </a:lnTo>
                    <a:lnTo>
                      <a:pt x="1031" y="1768"/>
                    </a:lnTo>
                    <a:lnTo>
                      <a:pt x="1032" y="1771"/>
                    </a:lnTo>
                    <a:lnTo>
                      <a:pt x="1036" y="1772"/>
                    </a:lnTo>
                    <a:lnTo>
                      <a:pt x="1040" y="1772"/>
                    </a:lnTo>
                    <a:lnTo>
                      <a:pt x="1046" y="1772"/>
                    </a:lnTo>
                    <a:lnTo>
                      <a:pt x="1054" y="1769"/>
                    </a:lnTo>
                    <a:lnTo>
                      <a:pt x="1063" y="1767"/>
                    </a:lnTo>
                    <a:lnTo>
                      <a:pt x="1093" y="1749"/>
                    </a:lnTo>
                    <a:lnTo>
                      <a:pt x="1131" y="1727"/>
                    </a:lnTo>
                    <a:lnTo>
                      <a:pt x="1138" y="1723"/>
                    </a:lnTo>
                    <a:lnTo>
                      <a:pt x="1146" y="1720"/>
                    </a:lnTo>
                    <a:lnTo>
                      <a:pt x="1154" y="1719"/>
                    </a:lnTo>
                    <a:lnTo>
                      <a:pt x="1159" y="1719"/>
                    </a:lnTo>
                    <a:lnTo>
                      <a:pt x="1162" y="1720"/>
                    </a:lnTo>
                    <a:lnTo>
                      <a:pt x="1164" y="1721"/>
                    </a:lnTo>
                    <a:lnTo>
                      <a:pt x="1166" y="1724"/>
                    </a:lnTo>
                    <a:lnTo>
                      <a:pt x="1167" y="1727"/>
                    </a:lnTo>
                    <a:lnTo>
                      <a:pt x="1168" y="1734"/>
                    </a:lnTo>
                    <a:lnTo>
                      <a:pt x="1167" y="1745"/>
                    </a:lnTo>
                    <a:lnTo>
                      <a:pt x="1164" y="1755"/>
                    </a:lnTo>
                    <a:lnTo>
                      <a:pt x="1164" y="1764"/>
                    </a:lnTo>
                    <a:lnTo>
                      <a:pt x="1164" y="1773"/>
                    </a:lnTo>
                    <a:lnTo>
                      <a:pt x="1166" y="1782"/>
                    </a:lnTo>
                    <a:lnTo>
                      <a:pt x="1170" y="1798"/>
                    </a:lnTo>
                    <a:lnTo>
                      <a:pt x="1176" y="1812"/>
                    </a:lnTo>
                    <a:lnTo>
                      <a:pt x="1184" y="1825"/>
                    </a:lnTo>
                    <a:lnTo>
                      <a:pt x="1192" y="1839"/>
                    </a:lnTo>
                    <a:lnTo>
                      <a:pt x="1201" y="1855"/>
                    </a:lnTo>
                    <a:lnTo>
                      <a:pt x="1207" y="1873"/>
                    </a:lnTo>
                    <a:lnTo>
                      <a:pt x="1211" y="1885"/>
                    </a:lnTo>
                    <a:lnTo>
                      <a:pt x="1217" y="1896"/>
                    </a:lnTo>
                    <a:lnTo>
                      <a:pt x="1223" y="1908"/>
                    </a:lnTo>
                    <a:lnTo>
                      <a:pt x="1227" y="1918"/>
                    </a:lnTo>
                    <a:lnTo>
                      <a:pt x="1219" y="1917"/>
                    </a:lnTo>
                    <a:lnTo>
                      <a:pt x="1212" y="1916"/>
                    </a:lnTo>
                    <a:lnTo>
                      <a:pt x="1205" y="1914"/>
                    </a:lnTo>
                    <a:lnTo>
                      <a:pt x="1198" y="1912"/>
                    </a:lnTo>
                    <a:lnTo>
                      <a:pt x="1186" y="1907"/>
                    </a:lnTo>
                    <a:lnTo>
                      <a:pt x="1175" y="1903"/>
                    </a:lnTo>
                    <a:lnTo>
                      <a:pt x="1170" y="1901"/>
                    </a:lnTo>
                    <a:lnTo>
                      <a:pt x="1163" y="1901"/>
                    </a:lnTo>
                    <a:lnTo>
                      <a:pt x="1158" y="1903"/>
                    </a:lnTo>
                    <a:lnTo>
                      <a:pt x="1153" y="1904"/>
                    </a:lnTo>
                    <a:lnTo>
                      <a:pt x="1148" y="1908"/>
                    </a:lnTo>
                    <a:lnTo>
                      <a:pt x="1142" y="1913"/>
                    </a:lnTo>
                    <a:lnTo>
                      <a:pt x="1137" y="1920"/>
                    </a:lnTo>
                    <a:lnTo>
                      <a:pt x="1131" y="1929"/>
                    </a:lnTo>
                    <a:lnTo>
                      <a:pt x="1123" y="1944"/>
                    </a:lnTo>
                    <a:lnTo>
                      <a:pt x="1119" y="1957"/>
                    </a:lnTo>
                    <a:lnTo>
                      <a:pt x="1118" y="1969"/>
                    </a:lnTo>
                    <a:lnTo>
                      <a:pt x="1119" y="1979"/>
                    </a:lnTo>
                    <a:lnTo>
                      <a:pt x="1125" y="2000"/>
                    </a:lnTo>
                    <a:lnTo>
                      <a:pt x="1136" y="2028"/>
                    </a:lnTo>
                    <a:lnTo>
                      <a:pt x="1138" y="2040"/>
                    </a:lnTo>
                    <a:lnTo>
                      <a:pt x="1141" y="2050"/>
                    </a:lnTo>
                    <a:lnTo>
                      <a:pt x="1142" y="2061"/>
                    </a:lnTo>
                    <a:lnTo>
                      <a:pt x="1142" y="2071"/>
                    </a:lnTo>
                    <a:lnTo>
                      <a:pt x="1141" y="2082"/>
                    </a:lnTo>
                    <a:lnTo>
                      <a:pt x="1136" y="2091"/>
                    </a:lnTo>
                    <a:lnTo>
                      <a:pt x="1133" y="2095"/>
                    </a:lnTo>
                    <a:lnTo>
                      <a:pt x="1129" y="2098"/>
                    </a:lnTo>
                    <a:lnTo>
                      <a:pt x="1125" y="2102"/>
                    </a:lnTo>
                    <a:lnTo>
                      <a:pt x="1120" y="2106"/>
                    </a:lnTo>
                    <a:lnTo>
                      <a:pt x="1113" y="2109"/>
                    </a:lnTo>
                    <a:lnTo>
                      <a:pt x="1105" y="2109"/>
                    </a:lnTo>
                    <a:lnTo>
                      <a:pt x="1096" y="2109"/>
                    </a:lnTo>
                    <a:lnTo>
                      <a:pt x="1087" y="2107"/>
                    </a:lnTo>
                    <a:lnTo>
                      <a:pt x="1078" y="2106"/>
                    </a:lnTo>
                    <a:lnTo>
                      <a:pt x="1070" y="2106"/>
                    </a:lnTo>
                    <a:lnTo>
                      <a:pt x="1066" y="2106"/>
                    </a:lnTo>
                    <a:lnTo>
                      <a:pt x="1062" y="2107"/>
                    </a:lnTo>
                    <a:lnTo>
                      <a:pt x="1059" y="2109"/>
                    </a:lnTo>
                    <a:lnTo>
                      <a:pt x="1057" y="2111"/>
                    </a:lnTo>
                    <a:lnTo>
                      <a:pt x="1050" y="2122"/>
                    </a:lnTo>
                    <a:lnTo>
                      <a:pt x="1048" y="2131"/>
                    </a:lnTo>
                    <a:lnTo>
                      <a:pt x="1045" y="2140"/>
                    </a:lnTo>
                    <a:lnTo>
                      <a:pt x="1044" y="2149"/>
                    </a:lnTo>
                    <a:lnTo>
                      <a:pt x="1040" y="2158"/>
                    </a:lnTo>
                    <a:lnTo>
                      <a:pt x="1036" y="2166"/>
                    </a:lnTo>
                    <a:lnTo>
                      <a:pt x="1032" y="2170"/>
                    </a:lnTo>
                    <a:lnTo>
                      <a:pt x="1028" y="2174"/>
                    </a:lnTo>
                    <a:lnTo>
                      <a:pt x="1023" y="2177"/>
                    </a:lnTo>
                    <a:lnTo>
                      <a:pt x="1015" y="2180"/>
                    </a:lnTo>
                    <a:lnTo>
                      <a:pt x="1004" y="2186"/>
                    </a:lnTo>
                    <a:lnTo>
                      <a:pt x="995" y="2194"/>
                    </a:lnTo>
                    <a:lnTo>
                      <a:pt x="988" y="2202"/>
                    </a:lnTo>
                    <a:lnTo>
                      <a:pt x="983" y="2211"/>
                    </a:lnTo>
                    <a:lnTo>
                      <a:pt x="977" y="2231"/>
                    </a:lnTo>
                    <a:lnTo>
                      <a:pt x="970" y="2255"/>
                    </a:lnTo>
                    <a:lnTo>
                      <a:pt x="969" y="2267"/>
                    </a:lnTo>
                    <a:lnTo>
                      <a:pt x="969" y="2278"/>
                    </a:lnTo>
                    <a:lnTo>
                      <a:pt x="967" y="2284"/>
                    </a:lnTo>
                    <a:lnTo>
                      <a:pt x="967" y="2290"/>
                    </a:lnTo>
                    <a:lnTo>
                      <a:pt x="966" y="2295"/>
                    </a:lnTo>
                    <a:lnTo>
                      <a:pt x="964" y="2300"/>
                    </a:lnTo>
                    <a:lnTo>
                      <a:pt x="958" y="2306"/>
                    </a:lnTo>
                    <a:lnTo>
                      <a:pt x="954" y="2310"/>
                    </a:lnTo>
                    <a:lnTo>
                      <a:pt x="951" y="2310"/>
                    </a:lnTo>
                    <a:lnTo>
                      <a:pt x="948" y="2307"/>
                    </a:lnTo>
                    <a:lnTo>
                      <a:pt x="945" y="2303"/>
                    </a:lnTo>
                    <a:lnTo>
                      <a:pt x="944" y="2298"/>
                    </a:lnTo>
                    <a:lnTo>
                      <a:pt x="943" y="2290"/>
                    </a:lnTo>
                    <a:lnTo>
                      <a:pt x="942" y="2282"/>
                    </a:lnTo>
                    <a:lnTo>
                      <a:pt x="939" y="2249"/>
                    </a:lnTo>
                    <a:lnTo>
                      <a:pt x="935" y="2232"/>
                    </a:lnTo>
                    <a:lnTo>
                      <a:pt x="932" y="2237"/>
                    </a:lnTo>
                    <a:lnTo>
                      <a:pt x="927" y="2242"/>
                    </a:lnTo>
                    <a:lnTo>
                      <a:pt x="922" y="2246"/>
                    </a:lnTo>
                    <a:lnTo>
                      <a:pt x="917" y="2251"/>
                    </a:lnTo>
                    <a:lnTo>
                      <a:pt x="912" y="2256"/>
                    </a:lnTo>
                    <a:lnTo>
                      <a:pt x="909" y="2263"/>
                    </a:lnTo>
                    <a:lnTo>
                      <a:pt x="908" y="2267"/>
                    </a:lnTo>
                    <a:lnTo>
                      <a:pt x="908" y="2271"/>
                    </a:lnTo>
                    <a:lnTo>
                      <a:pt x="908" y="2275"/>
                    </a:lnTo>
                    <a:lnTo>
                      <a:pt x="910" y="2280"/>
                    </a:lnTo>
                    <a:lnTo>
                      <a:pt x="917" y="2298"/>
                    </a:lnTo>
                    <a:lnTo>
                      <a:pt x="921" y="2312"/>
                    </a:lnTo>
                    <a:lnTo>
                      <a:pt x="925" y="2325"/>
                    </a:lnTo>
                    <a:lnTo>
                      <a:pt x="926" y="2337"/>
                    </a:lnTo>
                    <a:lnTo>
                      <a:pt x="927" y="2360"/>
                    </a:lnTo>
                    <a:lnTo>
                      <a:pt x="926" y="2392"/>
                    </a:lnTo>
                    <a:lnTo>
                      <a:pt x="929" y="2407"/>
                    </a:lnTo>
                    <a:lnTo>
                      <a:pt x="934" y="2424"/>
                    </a:lnTo>
                    <a:lnTo>
                      <a:pt x="936" y="2433"/>
                    </a:lnTo>
                    <a:lnTo>
                      <a:pt x="940" y="2440"/>
                    </a:lnTo>
                    <a:lnTo>
                      <a:pt x="944" y="2447"/>
                    </a:lnTo>
                    <a:lnTo>
                      <a:pt x="948" y="2449"/>
                    </a:lnTo>
                    <a:lnTo>
                      <a:pt x="949" y="2443"/>
                    </a:lnTo>
                    <a:lnTo>
                      <a:pt x="951" y="2424"/>
                    </a:lnTo>
                    <a:lnTo>
                      <a:pt x="951" y="2412"/>
                    </a:lnTo>
                    <a:lnTo>
                      <a:pt x="951" y="2400"/>
                    </a:lnTo>
                    <a:lnTo>
                      <a:pt x="952" y="2390"/>
                    </a:lnTo>
                    <a:lnTo>
                      <a:pt x="954" y="2382"/>
                    </a:lnTo>
                    <a:lnTo>
                      <a:pt x="956" y="2377"/>
                    </a:lnTo>
                    <a:lnTo>
                      <a:pt x="958" y="2374"/>
                    </a:lnTo>
                    <a:lnTo>
                      <a:pt x="961" y="2372"/>
                    </a:lnTo>
                    <a:lnTo>
                      <a:pt x="964" y="2370"/>
                    </a:lnTo>
                    <a:lnTo>
                      <a:pt x="966" y="2370"/>
                    </a:lnTo>
                    <a:lnTo>
                      <a:pt x="970" y="2372"/>
                    </a:lnTo>
                    <a:lnTo>
                      <a:pt x="974" y="2373"/>
                    </a:lnTo>
                    <a:lnTo>
                      <a:pt x="977" y="2376"/>
                    </a:lnTo>
                    <a:lnTo>
                      <a:pt x="984" y="2382"/>
                    </a:lnTo>
                    <a:lnTo>
                      <a:pt x="992" y="2391"/>
                    </a:lnTo>
                    <a:lnTo>
                      <a:pt x="1001" y="2402"/>
                    </a:lnTo>
                    <a:lnTo>
                      <a:pt x="1009" y="2413"/>
                    </a:lnTo>
                    <a:lnTo>
                      <a:pt x="1026" y="2439"/>
                    </a:lnTo>
                    <a:lnTo>
                      <a:pt x="1041" y="2462"/>
                    </a:lnTo>
                    <a:lnTo>
                      <a:pt x="1049" y="2471"/>
                    </a:lnTo>
                    <a:lnTo>
                      <a:pt x="1056" y="2479"/>
                    </a:lnTo>
                    <a:lnTo>
                      <a:pt x="1061" y="2484"/>
                    </a:lnTo>
                    <a:lnTo>
                      <a:pt x="1065" y="2487"/>
                    </a:lnTo>
                    <a:lnTo>
                      <a:pt x="1070" y="2459"/>
                    </a:lnTo>
                    <a:lnTo>
                      <a:pt x="1076" y="2418"/>
                    </a:lnTo>
                    <a:lnTo>
                      <a:pt x="1079" y="2408"/>
                    </a:lnTo>
                    <a:lnTo>
                      <a:pt x="1081" y="2399"/>
                    </a:lnTo>
                    <a:lnTo>
                      <a:pt x="1085" y="2391"/>
                    </a:lnTo>
                    <a:lnTo>
                      <a:pt x="1089" y="2383"/>
                    </a:lnTo>
                    <a:lnTo>
                      <a:pt x="1093" y="2378"/>
                    </a:lnTo>
                    <a:lnTo>
                      <a:pt x="1098" y="2374"/>
                    </a:lnTo>
                    <a:lnTo>
                      <a:pt x="1103" y="2372"/>
                    </a:lnTo>
                    <a:lnTo>
                      <a:pt x="1110" y="2372"/>
                    </a:lnTo>
                    <a:lnTo>
                      <a:pt x="1116" y="2373"/>
                    </a:lnTo>
                    <a:lnTo>
                      <a:pt x="1120" y="2376"/>
                    </a:lnTo>
                    <a:lnTo>
                      <a:pt x="1124" y="2378"/>
                    </a:lnTo>
                    <a:lnTo>
                      <a:pt x="1128" y="2381"/>
                    </a:lnTo>
                    <a:lnTo>
                      <a:pt x="1132" y="2387"/>
                    </a:lnTo>
                    <a:lnTo>
                      <a:pt x="1136" y="2394"/>
                    </a:lnTo>
                    <a:lnTo>
                      <a:pt x="1141" y="2402"/>
                    </a:lnTo>
                    <a:lnTo>
                      <a:pt x="1148" y="2408"/>
                    </a:lnTo>
                    <a:lnTo>
                      <a:pt x="1151" y="2411"/>
                    </a:lnTo>
                    <a:lnTo>
                      <a:pt x="1157" y="2413"/>
                    </a:lnTo>
                    <a:lnTo>
                      <a:pt x="1162" y="2416"/>
                    </a:lnTo>
                    <a:lnTo>
                      <a:pt x="1170" y="2417"/>
                    </a:lnTo>
                    <a:lnTo>
                      <a:pt x="1177" y="2420"/>
                    </a:lnTo>
                    <a:lnTo>
                      <a:pt x="1184" y="2425"/>
                    </a:lnTo>
                    <a:lnTo>
                      <a:pt x="1190" y="2430"/>
                    </a:lnTo>
                    <a:lnTo>
                      <a:pt x="1195" y="2435"/>
                    </a:lnTo>
                    <a:lnTo>
                      <a:pt x="1199" y="2440"/>
                    </a:lnTo>
                    <a:lnTo>
                      <a:pt x="1205" y="2446"/>
                    </a:lnTo>
                    <a:lnTo>
                      <a:pt x="1210" y="2448"/>
                    </a:lnTo>
                    <a:lnTo>
                      <a:pt x="1216" y="2451"/>
                    </a:lnTo>
                    <a:lnTo>
                      <a:pt x="1221" y="2451"/>
                    </a:lnTo>
                    <a:lnTo>
                      <a:pt x="1225" y="2449"/>
                    </a:lnTo>
                    <a:lnTo>
                      <a:pt x="1229" y="2447"/>
                    </a:lnTo>
                    <a:lnTo>
                      <a:pt x="1232" y="2444"/>
                    </a:lnTo>
                    <a:lnTo>
                      <a:pt x="1238" y="2435"/>
                    </a:lnTo>
                    <a:lnTo>
                      <a:pt x="1245" y="2425"/>
                    </a:lnTo>
                    <a:lnTo>
                      <a:pt x="1249" y="2420"/>
                    </a:lnTo>
                    <a:lnTo>
                      <a:pt x="1252" y="2414"/>
                    </a:lnTo>
                    <a:lnTo>
                      <a:pt x="1256" y="2411"/>
                    </a:lnTo>
                    <a:lnTo>
                      <a:pt x="1262" y="2407"/>
                    </a:lnTo>
                    <a:lnTo>
                      <a:pt x="1268" y="2404"/>
                    </a:lnTo>
                    <a:lnTo>
                      <a:pt x="1276" y="2403"/>
                    </a:lnTo>
                    <a:lnTo>
                      <a:pt x="1284" y="2402"/>
                    </a:lnTo>
                    <a:lnTo>
                      <a:pt x="1293" y="2404"/>
                    </a:lnTo>
                    <a:lnTo>
                      <a:pt x="1316" y="2409"/>
                    </a:lnTo>
                    <a:lnTo>
                      <a:pt x="1338" y="2417"/>
                    </a:lnTo>
                    <a:lnTo>
                      <a:pt x="1360" y="2424"/>
                    </a:lnTo>
                    <a:lnTo>
                      <a:pt x="1385" y="2429"/>
                    </a:lnTo>
                    <a:lnTo>
                      <a:pt x="1386" y="2444"/>
                    </a:lnTo>
                    <a:lnTo>
                      <a:pt x="1387" y="2465"/>
                    </a:lnTo>
                    <a:lnTo>
                      <a:pt x="1386" y="2475"/>
                    </a:lnTo>
                    <a:lnTo>
                      <a:pt x="1383" y="2483"/>
                    </a:lnTo>
                    <a:lnTo>
                      <a:pt x="1381" y="2487"/>
                    </a:lnTo>
                    <a:lnTo>
                      <a:pt x="1378" y="2490"/>
                    </a:lnTo>
                    <a:lnTo>
                      <a:pt x="1374" y="2491"/>
                    </a:lnTo>
                    <a:lnTo>
                      <a:pt x="1370" y="2491"/>
                    </a:lnTo>
                    <a:lnTo>
                      <a:pt x="1361" y="2492"/>
                    </a:lnTo>
                    <a:lnTo>
                      <a:pt x="1354" y="2493"/>
                    </a:lnTo>
                    <a:lnTo>
                      <a:pt x="1346" y="2496"/>
                    </a:lnTo>
                    <a:lnTo>
                      <a:pt x="1338" y="2500"/>
                    </a:lnTo>
                    <a:lnTo>
                      <a:pt x="1324" y="2510"/>
                    </a:lnTo>
                    <a:lnTo>
                      <a:pt x="1312" y="2522"/>
                    </a:lnTo>
                    <a:lnTo>
                      <a:pt x="1300" y="2535"/>
                    </a:lnTo>
                    <a:lnTo>
                      <a:pt x="1289" y="2548"/>
                    </a:lnTo>
                    <a:lnTo>
                      <a:pt x="1277" y="2561"/>
                    </a:lnTo>
                    <a:lnTo>
                      <a:pt x="1264" y="2573"/>
                    </a:lnTo>
                    <a:lnTo>
                      <a:pt x="1255" y="2582"/>
                    </a:lnTo>
                    <a:lnTo>
                      <a:pt x="1247" y="2589"/>
                    </a:lnTo>
                    <a:lnTo>
                      <a:pt x="1242" y="2597"/>
                    </a:lnTo>
                    <a:lnTo>
                      <a:pt x="1240" y="2606"/>
                    </a:lnTo>
                    <a:lnTo>
                      <a:pt x="1238" y="2614"/>
                    </a:lnTo>
                    <a:lnTo>
                      <a:pt x="1238" y="2623"/>
                    </a:lnTo>
                    <a:lnTo>
                      <a:pt x="1240" y="2631"/>
                    </a:lnTo>
                    <a:lnTo>
                      <a:pt x="1242" y="2640"/>
                    </a:lnTo>
                    <a:lnTo>
                      <a:pt x="1250" y="2657"/>
                    </a:lnTo>
                    <a:lnTo>
                      <a:pt x="1256" y="2675"/>
                    </a:lnTo>
                    <a:lnTo>
                      <a:pt x="1260" y="2683"/>
                    </a:lnTo>
                    <a:lnTo>
                      <a:pt x="1263" y="2692"/>
                    </a:lnTo>
                    <a:lnTo>
                      <a:pt x="1265" y="2702"/>
                    </a:lnTo>
                    <a:lnTo>
                      <a:pt x="1267" y="2711"/>
                    </a:lnTo>
                    <a:lnTo>
                      <a:pt x="1264" y="2718"/>
                    </a:lnTo>
                    <a:lnTo>
                      <a:pt x="1263" y="2724"/>
                    </a:lnTo>
                    <a:lnTo>
                      <a:pt x="1263" y="2729"/>
                    </a:lnTo>
                    <a:lnTo>
                      <a:pt x="1263" y="2733"/>
                    </a:lnTo>
                    <a:lnTo>
                      <a:pt x="1265" y="2737"/>
                    </a:lnTo>
                    <a:lnTo>
                      <a:pt x="1268" y="2741"/>
                    </a:lnTo>
                    <a:lnTo>
                      <a:pt x="1271" y="2744"/>
                    </a:lnTo>
                    <a:lnTo>
                      <a:pt x="1274" y="2746"/>
                    </a:lnTo>
                    <a:lnTo>
                      <a:pt x="1284" y="2750"/>
                    </a:lnTo>
                    <a:lnTo>
                      <a:pt x="1294" y="2753"/>
                    </a:lnTo>
                    <a:lnTo>
                      <a:pt x="1306" y="2753"/>
                    </a:lnTo>
                    <a:lnTo>
                      <a:pt x="1316" y="2754"/>
                    </a:lnTo>
                    <a:lnTo>
                      <a:pt x="1307" y="2773"/>
                    </a:lnTo>
                    <a:lnTo>
                      <a:pt x="1302" y="2786"/>
                    </a:lnTo>
                    <a:lnTo>
                      <a:pt x="1300" y="2790"/>
                    </a:lnTo>
                    <a:lnTo>
                      <a:pt x="1302" y="2794"/>
                    </a:lnTo>
                    <a:lnTo>
                      <a:pt x="1303" y="2795"/>
                    </a:lnTo>
                    <a:lnTo>
                      <a:pt x="1304" y="2797"/>
                    </a:lnTo>
                    <a:lnTo>
                      <a:pt x="1322" y="2795"/>
                    </a:lnTo>
                    <a:lnTo>
                      <a:pt x="1351" y="2793"/>
                    </a:lnTo>
                    <a:lnTo>
                      <a:pt x="1355" y="2794"/>
                    </a:lnTo>
                    <a:lnTo>
                      <a:pt x="1357" y="2794"/>
                    </a:lnTo>
                    <a:lnTo>
                      <a:pt x="1360" y="2797"/>
                    </a:lnTo>
                    <a:lnTo>
                      <a:pt x="1363" y="2798"/>
                    </a:lnTo>
                    <a:lnTo>
                      <a:pt x="1366" y="2803"/>
                    </a:lnTo>
                    <a:lnTo>
                      <a:pt x="1372" y="2807"/>
                    </a:lnTo>
                    <a:lnTo>
                      <a:pt x="1386" y="2808"/>
                    </a:lnTo>
                    <a:lnTo>
                      <a:pt x="1405" y="2806"/>
                    </a:lnTo>
                    <a:lnTo>
                      <a:pt x="1414" y="2806"/>
                    </a:lnTo>
                    <a:lnTo>
                      <a:pt x="1420" y="2808"/>
                    </a:lnTo>
                    <a:lnTo>
                      <a:pt x="1421" y="2810"/>
                    </a:lnTo>
                    <a:lnTo>
                      <a:pt x="1421" y="2813"/>
                    </a:lnTo>
                    <a:lnTo>
                      <a:pt x="1420" y="2816"/>
                    </a:lnTo>
                    <a:lnTo>
                      <a:pt x="1417" y="2821"/>
                    </a:lnTo>
                    <a:lnTo>
                      <a:pt x="1396" y="2838"/>
                    </a:lnTo>
                    <a:lnTo>
                      <a:pt x="1361" y="2868"/>
                    </a:lnTo>
                    <a:lnTo>
                      <a:pt x="1354" y="2876"/>
                    </a:lnTo>
                    <a:lnTo>
                      <a:pt x="1347" y="2882"/>
                    </a:lnTo>
                    <a:lnTo>
                      <a:pt x="1343" y="2889"/>
                    </a:lnTo>
                    <a:lnTo>
                      <a:pt x="1339" y="2895"/>
                    </a:lnTo>
                    <a:lnTo>
                      <a:pt x="1339" y="2898"/>
                    </a:lnTo>
                    <a:lnTo>
                      <a:pt x="1339" y="2900"/>
                    </a:lnTo>
                    <a:lnTo>
                      <a:pt x="1339" y="2903"/>
                    </a:lnTo>
                    <a:lnTo>
                      <a:pt x="1342" y="2904"/>
                    </a:lnTo>
                    <a:lnTo>
                      <a:pt x="1347" y="2907"/>
                    </a:lnTo>
                    <a:lnTo>
                      <a:pt x="1356" y="2908"/>
                    </a:lnTo>
                    <a:lnTo>
                      <a:pt x="1368" y="2905"/>
                    </a:lnTo>
                    <a:lnTo>
                      <a:pt x="1379" y="2902"/>
                    </a:lnTo>
                    <a:lnTo>
                      <a:pt x="1383" y="2902"/>
                    </a:lnTo>
                    <a:lnTo>
                      <a:pt x="1386" y="2903"/>
                    </a:lnTo>
                    <a:lnTo>
                      <a:pt x="1385" y="2905"/>
                    </a:lnTo>
                    <a:lnTo>
                      <a:pt x="1382" y="2912"/>
                    </a:lnTo>
                    <a:lnTo>
                      <a:pt x="1370" y="2934"/>
                    </a:lnTo>
                    <a:lnTo>
                      <a:pt x="1364" y="2946"/>
                    </a:lnTo>
                    <a:lnTo>
                      <a:pt x="1359" y="2948"/>
                    </a:lnTo>
                    <a:lnTo>
                      <a:pt x="1351" y="2951"/>
                    </a:lnTo>
                    <a:lnTo>
                      <a:pt x="1339" y="2951"/>
                    </a:lnTo>
                    <a:lnTo>
                      <a:pt x="1322" y="2949"/>
                    </a:lnTo>
                    <a:lnTo>
                      <a:pt x="1316" y="2949"/>
                    </a:lnTo>
                    <a:lnTo>
                      <a:pt x="1308" y="2951"/>
                    </a:lnTo>
                    <a:lnTo>
                      <a:pt x="1299" y="2952"/>
                    </a:lnTo>
                    <a:lnTo>
                      <a:pt x="1289" y="2955"/>
                    </a:lnTo>
                    <a:lnTo>
                      <a:pt x="1281" y="2959"/>
                    </a:lnTo>
                    <a:lnTo>
                      <a:pt x="1274" y="2962"/>
                    </a:lnTo>
                    <a:lnTo>
                      <a:pt x="1272" y="2966"/>
                    </a:lnTo>
                    <a:lnTo>
                      <a:pt x="1269" y="2969"/>
                    </a:lnTo>
                    <a:lnTo>
                      <a:pt x="1268" y="2973"/>
                    </a:lnTo>
                    <a:lnTo>
                      <a:pt x="1268" y="2977"/>
                    </a:lnTo>
                    <a:lnTo>
                      <a:pt x="1269" y="2983"/>
                    </a:lnTo>
                    <a:lnTo>
                      <a:pt x="1272" y="2988"/>
                    </a:lnTo>
                    <a:lnTo>
                      <a:pt x="1277" y="2994"/>
                    </a:lnTo>
                    <a:lnTo>
                      <a:pt x="1282" y="2997"/>
                    </a:lnTo>
                    <a:lnTo>
                      <a:pt x="1289" y="3000"/>
                    </a:lnTo>
                    <a:lnTo>
                      <a:pt x="1294" y="3005"/>
                    </a:lnTo>
                    <a:lnTo>
                      <a:pt x="1299" y="3010"/>
                    </a:lnTo>
                    <a:lnTo>
                      <a:pt x="1303" y="3016"/>
                    </a:lnTo>
                    <a:lnTo>
                      <a:pt x="1304" y="3019"/>
                    </a:lnTo>
                    <a:lnTo>
                      <a:pt x="1303" y="3022"/>
                    </a:lnTo>
                    <a:lnTo>
                      <a:pt x="1302" y="3025"/>
                    </a:lnTo>
                    <a:lnTo>
                      <a:pt x="1299" y="3026"/>
                    </a:lnTo>
                    <a:lnTo>
                      <a:pt x="1291" y="3028"/>
                    </a:lnTo>
                    <a:lnTo>
                      <a:pt x="1282" y="3031"/>
                    </a:lnTo>
                    <a:lnTo>
                      <a:pt x="1260" y="3034"/>
                    </a:lnTo>
                    <a:lnTo>
                      <a:pt x="1245" y="3039"/>
                    </a:lnTo>
                    <a:lnTo>
                      <a:pt x="1234" y="3045"/>
                    </a:lnTo>
                    <a:lnTo>
                      <a:pt x="1225" y="3053"/>
                    </a:lnTo>
                    <a:lnTo>
                      <a:pt x="1220" y="3062"/>
                    </a:lnTo>
                    <a:lnTo>
                      <a:pt x="1215" y="3071"/>
                    </a:lnTo>
                    <a:lnTo>
                      <a:pt x="1214" y="3082"/>
                    </a:lnTo>
                    <a:lnTo>
                      <a:pt x="1212" y="3092"/>
                    </a:lnTo>
                    <a:lnTo>
                      <a:pt x="1212" y="3104"/>
                    </a:lnTo>
                    <a:lnTo>
                      <a:pt x="1215" y="3117"/>
                    </a:lnTo>
                    <a:lnTo>
                      <a:pt x="1215" y="3124"/>
                    </a:lnTo>
                    <a:lnTo>
                      <a:pt x="1216" y="3132"/>
                    </a:lnTo>
                    <a:lnTo>
                      <a:pt x="1219" y="3140"/>
                    </a:lnTo>
                    <a:lnTo>
                      <a:pt x="1221" y="3146"/>
                    </a:lnTo>
                    <a:lnTo>
                      <a:pt x="1228" y="3159"/>
                    </a:lnTo>
                    <a:lnTo>
                      <a:pt x="1234" y="3172"/>
                    </a:lnTo>
                    <a:lnTo>
                      <a:pt x="1242" y="3184"/>
                    </a:lnTo>
                    <a:lnTo>
                      <a:pt x="1247" y="3197"/>
                    </a:lnTo>
                    <a:lnTo>
                      <a:pt x="1250" y="3202"/>
                    </a:lnTo>
                    <a:lnTo>
                      <a:pt x="1252" y="3209"/>
                    </a:lnTo>
                    <a:lnTo>
                      <a:pt x="1252" y="3215"/>
                    </a:lnTo>
                    <a:lnTo>
                      <a:pt x="1254" y="3223"/>
                    </a:lnTo>
                    <a:lnTo>
                      <a:pt x="1252" y="3229"/>
                    </a:lnTo>
                    <a:lnTo>
                      <a:pt x="1251" y="3234"/>
                    </a:lnTo>
                    <a:lnTo>
                      <a:pt x="1249" y="3238"/>
                    </a:lnTo>
                    <a:lnTo>
                      <a:pt x="1246" y="3241"/>
                    </a:lnTo>
                    <a:lnTo>
                      <a:pt x="1242" y="3242"/>
                    </a:lnTo>
                    <a:lnTo>
                      <a:pt x="1238" y="3242"/>
                    </a:lnTo>
                    <a:lnTo>
                      <a:pt x="1234" y="3241"/>
                    </a:lnTo>
                    <a:lnTo>
                      <a:pt x="1229" y="3240"/>
                    </a:lnTo>
                    <a:lnTo>
                      <a:pt x="1220" y="3233"/>
                    </a:lnTo>
                    <a:lnTo>
                      <a:pt x="1211" y="3224"/>
                    </a:lnTo>
                    <a:lnTo>
                      <a:pt x="1203" y="3215"/>
                    </a:lnTo>
                    <a:lnTo>
                      <a:pt x="1198" y="3205"/>
                    </a:lnTo>
                    <a:lnTo>
                      <a:pt x="1193" y="3187"/>
                    </a:lnTo>
                    <a:lnTo>
                      <a:pt x="1190" y="3174"/>
                    </a:lnTo>
                    <a:lnTo>
                      <a:pt x="1189" y="3171"/>
                    </a:lnTo>
                    <a:lnTo>
                      <a:pt x="1188" y="3170"/>
                    </a:lnTo>
                    <a:lnTo>
                      <a:pt x="1185" y="3168"/>
                    </a:lnTo>
                    <a:lnTo>
                      <a:pt x="1183" y="3168"/>
                    </a:lnTo>
                    <a:lnTo>
                      <a:pt x="1173" y="3170"/>
                    </a:lnTo>
                    <a:lnTo>
                      <a:pt x="1163" y="3174"/>
                    </a:lnTo>
                    <a:lnTo>
                      <a:pt x="1146" y="3184"/>
                    </a:lnTo>
                    <a:lnTo>
                      <a:pt x="1136" y="3192"/>
                    </a:lnTo>
                    <a:lnTo>
                      <a:pt x="1133" y="3193"/>
                    </a:lnTo>
                    <a:lnTo>
                      <a:pt x="1131" y="3193"/>
                    </a:lnTo>
                    <a:lnTo>
                      <a:pt x="1127" y="3193"/>
                    </a:lnTo>
                    <a:lnTo>
                      <a:pt x="1124" y="3192"/>
                    </a:lnTo>
                    <a:lnTo>
                      <a:pt x="1115" y="3188"/>
                    </a:lnTo>
                    <a:lnTo>
                      <a:pt x="1103" y="3179"/>
                    </a:lnTo>
                    <a:lnTo>
                      <a:pt x="1091" y="3170"/>
                    </a:lnTo>
                    <a:lnTo>
                      <a:pt x="1078" y="3163"/>
                    </a:lnTo>
                    <a:lnTo>
                      <a:pt x="1063" y="3158"/>
                    </a:lnTo>
                    <a:lnTo>
                      <a:pt x="1048" y="3153"/>
                    </a:lnTo>
                    <a:lnTo>
                      <a:pt x="1017" y="3148"/>
                    </a:lnTo>
                    <a:lnTo>
                      <a:pt x="984" y="3144"/>
                    </a:lnTo>
                    <a:lnTo>
                      <a:pt x="967" y="3141"/>
                    </a:lnTo>
                    <a:lnTo>
                      <a:pt x="952" y="3140"/>
                    </a:lnTo>
                    <a:lnTo>
                      <a:pt x="938" y="3137"/>
                    </a:lnTo>
                    <a:lnTo>
                      <a:pt x="923" y="3133"/>
                    </a:lnTo>
                    <a:lnTo>
                      <a:pt x="910" y="3130"/>
                    </a:lnTo>
                    <a:lnTo>
                      <a:pt x="900" y="3123"/>
                    </a:lnTo>
                    <a:lnTo>
                      <a:pt x="890" y="3115"/>
                    </a:lnTo>
                    <a:lnTo>
                      <a:pt x="882" y="3106"/>
                    </a:lnTo>
                    <a:lnTo>
                      <a:pt x="870" y="3084"/>
                    </a:lnTo>
                    <a:lnTo>
                      <a:pt x="861" y="3060"/>
                    </a:lnTo>
                    <a:lnTo>
                      <a:pt x="855" y="3049"/>
                    </a:lnTo>
                    <a:lnTo>
                      <a:pt x="848" y="3039"/>
                    </a:lnTo>
                    <a:lnTo>
                      <a:pt x="843" y="3035"/>
                    </a:lnTo>
                    <a:lnTo>
                      <a:pt x="839" y="3031"/>
                    </a:lnTo>
                    <a:lnTo>
                      <a:pt x="834" y="3028"/>
                    </a:lnTo>
                    <a:lnTo>
                      <a:pt x="828" y="3026"/>
                    </a:lnTo>
                    <a:lnTo>
                      <a:pt x="824" y="3025"/>
                    </a:lnTo>
                    <a:lnTo>
                      <a:pt x="820" y="3026"/>
                    </a:lnTo>
                    <a:lnTo>
                      <a:pt x="816" y="3026"/>
                    </a:lnTo>
                    <a:lnTo>
                      <a:pt x="812" y="3028"/>
                    </a:lnTo>
                    <a:lnTo>
                      <a:pt x="804" y="3032"/>
                    </a:lnTo>
                    <a:lnTo>
                      <a:pt x="798" y="3039"/>
                    </a:lnTo>
                    <a:lnTo>
                      <a:pt x="790" y="3047"/>
                    </a:lnTo>
                    <a:lnTo>
                      <a:pt x="782" y="3054"/>
                    </a:lnTo>
                    <a:lnTo>
                      <a:pt x="773" y="3061"/>
                    </a:lnTo>
                    <a:lnTo>
                      <a:pt x="764" y="3065"/>
                    </a:lnTo>
                    <a:lnTo>
                      <a:pt x="764" y="3071"/>
                    </a:lnTo>
                    <a:lnTo>
                      <a:pt x="765" y="3079"/>
                    </a:lnTo>
                    <a:lnTo>
                      <a:pt x="768" y="3087"/>
                    </a:lnTo>
                    <a:lnTo>
                      <a:pt x="772" y="3093"/>
                    </a:lnTo>
                    <a:lnTo>
                      <a:pt x="781" y="3109"/>
                    </a:lnTo>
                    <a:lnTo>
                      <a:pt x="791" y="3123"/>
                    </a:lnTo>
                    <a:lnTo>
                      <a:pt x="804" y="3137"/>
                    </a:lnTo>
                    <a:lnTo>
                      <a:pt x="817" y="3148"/>
                    </a:lnTo>
                    <a:lnTo>
                      <a:pt x="825" y="3153"/>
                    </a:lnTo>
                    <a:lnTo>
                      <a:pt x="831" y="3157"/>
                    </a:lnTo>
                    <a:lnTo>
                      <a:pt x="838" y="3159"/>
                    </a:lnTo>
                    <a:lnTo>
                      <a:pt x="844" y="3162"/>
                    </a:lnTo>
                    <a:lnTo>
                      <a:pt x="844" y="3163"/>
                    </a:lnTo>
                    <a:lnTo>
                      <a:pt x="844" y="3163"/>
                    </a:lnTo>
                    <a:lnTo>
                      <a:pt x="844" y="3168"/>
                    </a:lnTo>
                    <a:lnTo>
                      <a:pt x="843" y="3172"/>
                    </a:lnTo>
                    <a:lnTo>
                      <a:pt x="840" y="3176"/>
                    </a:lnTo>
                    <a:lnTo>
                      <a:pt x="838" y="3180"/>
                    </a:lnTo>
                    <a:lnTo>
                      <a:pt x="829" y="3188"/>
                    </a:lnTo>
                    <a:lnTo>
                      <a:pt x="818" y="3194"/>
                    </a:lnTo>
                    <a:lnTo>
                      <a:pt x="804" y="3201"/>
                    </a:lnTo>
                    <a:lnTo>
                      <a:pt x="790" y="3207"/>
                    </a:lnTo>
                    <a:lnTo>
                      <a:pt x="774" y="3212"/>
                    </a:lnTo>
                    <a:lnTo>
                      <a:pt x="758" y="3218"/>
                    </a:lnTo>
                    <a:lnTo>
                      <a:pt x="725" y="3228"/>
                    </a:lnTo>
                    <a:lnTo>
                      <a:pt x="695" y="3238"/>
                    </a:lnTo>
                    <a:lnTo>
                      <a:pt x="684" y="3244"/>
                    </a:lnTo>
                    <a:lnTo>
                      <a:pt x="673" y="3249"/>
                    </a:lnTo>
                    <a:lnTo>
                      <a:pt x="669" y="3253"/>
                    </a:lnTo>
                    <a:lnTo>
                      <a:pt x="667" y="3255"/>
                    </a:lnTo>
                    <a:lnTo>
                      <a:pt x="664" y="3258"/>
                    </a:lnTo>
                    <a:lnTo>
                      <a:pt x="663" y="3262"/>
                    </a:lnTo>
                    <a:lnTo>
                      <a:pt x="662" y="3266"/>
                    </a:lnTo>
                    <a:lnTo>
                      <a:pt x="662" y="3271"/>
                    </a:lnTo>
                    <a:lnTo>
                      <a:pt x="663" y="3273"/>
                    </a:lnTo>
                    <a:lnTo>
                      <a:pt x="664" y="3277"/>
                    </a:lnTo>
                    <a:lnTo>
                      <a:pt x="668" y="3280"/>
                    </a:lnTo>
                    <a:lnTo>
                      <a:pt x="671" y="3282"/>
                    </a:lnTo>
                    <a:lnTo>
                      <a:pt x="676" y="3285"/>
                    </a:lnTo>
                    <a:lnTo>
                      <a:pt x="681" y="3288"/>
                    </a:lnTo>
                    <a:lnTo>
                      <a:pt x="694" y="3290"/>
                    </a:lnTo>
                    <a:lnTo>
                      <a:pt x="708" y="3293"/>
                    </a:lnTo>
                    <a:lnTo>
                      <a:pt x="724" y="3295"/>
                    </a:lnTo>
                    <a:lnTo>
                      <a:pt x="741" y="3295"/>
                    </a:lnTo>
                    <a:lnTo>
                      <a:pt x="777" y="3297"/>
                    </a:lnTo>
                    <a:lnTo>
                      <a:pt x="812" y="3297"/>
                    </a:lnTo>
                    <a:lnTo>
                      <a:pt x="828" y="3297"/>
                    </a:lnTo>
                    <a:lnTo>
                      <a:pt x="840" y="3298"/>
                    </a:lnTo>
                    <a:lnTo>
                      <a:pt x="852" y="3299"/>
                    </a:lnTo>
                    <a:lnTo>
                      <a:pt x="860" y="3301"/>
                    </a:lnTo>
                    <a:lnTo>
                      <a:pt x="859" y="3310"/>
                    </a:lnTo>
                    <a:lnTo>
                      <a:pt x="852" y="3323"/>
                    </a:lnTo>
                    <a:lnTo>
                      <a:pt x="844" y="3338"/>
                    </a:lnTo>
                    <a:lnTo>
                      <a:pt x="834" y="3354"/>
                    </a:lnTo>
                    <a:lnTo>
                      <a:pt x="824" y="3372"/>
                    </a:lnTo>
                    <a:lnTo>
                      <a:pt x="815" y="3389"/>
                    </a:lnTo>
                    <a:lnTo>
                      <a:pt x="808" y="3404"/>
                    </a:lnTo>
                    <a:lnTo>
                      <a:pt x="804" y="3417"/>
                    </a:lnTo>
                    <a:lnTo>
                      <a:pt x="804" y="3424"/>
                    </a:lnTo>
                    <a:lnTo>
                      <a:pt x="804" y="3429"/>
                    </a:lnTo>
                    <a:lnTo>
                      <a:pt x="807" y="3434"/>
                    </a:lnTo>
                    <a:lnTo>
                      <a:pt x="809" y="3439"/>
                    </a:lnTo>
                    <a:lnTo>
                      <a:pt x="816" y="3447"/>
                    </a:lnTo>
                    <a:lnTo>
                      <a:pt x="822" y="3453"/>
                    </a:lnTo>
                    <a:lnTo>
                      <a:pt x="828" y="3460"/>
                    </a:lnTo>
                    <a:lnTo>
                      <a:pt x="829" y="3465"/>
                    </a:lnTo>
                    <a:lnTo>
                      <a:pt x="828" y="3466"/>
                    </a:lnTo>
                    <a:lnTo>
                      <a:pt x="825" y="3469"/>
                    </a:lnTo>
                    <a:lnTo>
                      <a:pt x="821" y="3470"/>
                    </a:lnTo>
                    <a:lnTo>
                      <a:pt x="815" y="3473"/>
                    </a:lnTo>
                    <a:lnTo>
                      <a:pt x="803" y="3477"/>
                    </a:lnTo>
                    <a:lnTo>
                      <a:pt x="793" y="3481"/>
                    </a:lnTo>
                    <a:lnTo>
                      <a:pt x="786" y="3486"/>
                    </a:lnTo>
                    <a:lnTo>
                      <a:pt x="780" y="3491"/>
                    </a:lnTo>
                    <a:lnTo>
                      <a:pt x="769" y="3504"/>
                    </a:lnTo>
                    <a:lnTo>
                      <a:pt x="761" y="3517"/>
                    </a:lnTo>
                    <a:lnTo>
                      <a:pt x="756" y="3522"/>
                    </a:lnTo>
                    <a:lnTo>
                      <a:pt x="751" y="3529"/>
                    </a:lnTo>
                    <a:lnTo>
                      <a:pt x="745" y="3534"/>
                    </a:lnTo>
                    <a:lnTo>
                      <a:pt x="737" y="3539"/>
                    </a:lnTo>
                    <a:lnTo>
                      <a:pt x="728" y="3543"/>
                    </a:lnTo>
                    <a:lnTo>
                      <a:pt x="716" y="3545"/>
                    </a:lnTo>
                    <a:lnTo>
                      <a:pt x="702" y="3548"/>
                    </a:lnTo>
                    <a:lnTo>
                      <a:pt x="686" y="3548"/>
                    </a:lnTo>
                    <a:lnTo>
                      <a:pt x="672" y="3548"/>
                    </a:lnTo>
                    <a:lnTo>
                      <a:pt x="658" y="3549"/>
                    </a:lnTo>
                    <a:lnTo>
                      <a:pt x="645" y="3552"/>
                    </a:lnTo>
                    <a:lnTo>
                      <a:pt x="632" y="3554"/>
                    </a:lnTo>
                    <a:lnTo>
                      <a:pt x="607" y="3561"/>
                    </a:lnTo>
                    <a:lnTo>
                      <a:pt x="583" y="3567"/>
                    </a:lnTo>
                    <a:lnTo>
                      <a:pt x="558" y="3574"/>
                    </a:lnTo>
                    <a:lnTo>
                      <a:pt x="533" y="3578"/>
                    </a:lnTo>
                    <a:lnTo>
                      <a:pt x="521" y="3580"/>
                    </a:lnTo>
                    <a:lnTo>
                      <a:pt x="508" y="3580"/>
                    </a:lnTo>
                    <a:lnTo>
                      <a:pt x="495" y="3580"/>
                    </a:lnTo>
                    <a:lnTo>
                      <a:pt x="480" y="3579"/>
                    </a:lnTo>
                    <a:lnTo>
                      <a:pt x="473" y="3579"/>
                    </a:lnTo>
                    <a:lnTo>
                      <a:pt x="466" y="3576"/>
                    </a:lnTo>
                    <a:lnTo>
                      <a:pt x="458" y="3573"/>
                    </a:lnTo>
                    <a:lnTo>
                      <a:pt x="451" y="3567"/>
                    </a:lnTo>
                    <a:lnTo>
                      <a:pt x="443" y="3564"/>
                    </a:lnTo>
                    <a:lnTo>
                      <a:pt x="436" y="3562"/>
                    </a:lnTo>
                    <a:lnTo>
                      <a:pt x="432" y="3562"/>
                    </a:lnTo>
                    <a:lnTo>
                      <a:pt x="430" y="3562"/>
                    </a:lnTo>
                    <a:lnTo>
                      <a:pt x="427" y="3564"/>
                    </a:lnTo>
                    <a:lnTo>
                      <a:pt x="425" y="3566"/>
                    </a:lnTo>
                    <a:lnTo>
                      <a:pt x="417" y="3575"/>
                    </a:lnTo>
                    <a:lnTo>
                      <a:pt x="409" y="3582"/>
                    </a:lnTo>
                    <a:lnTo>
                      <a:pt x="399" y="3587"/>
                    </a:lnTo>
                    <a:lnTo>
                      <a:pt x="390" y="3589"/>
                    </a:lnTo>
                    <a:lnTo>
                      <a:pt x="369" y="3593"/>
                    </a:lnTo>
                    <a:lnTo>
                      <a:pt x="347" y="3597"/>
                    </a:lnTo>
                    <a:lnTo>
                      <a:pt x="349" y="3601"/>
                    </a:lnTo>
                    <a:lnTo>
                      <a:pt x="355" y="3605"/>
                    </a:lnTo>
                    <a:lnTo>
                      <a:pt x="361" y="3608"/>
                    </a:lnTo>
                    <a:lnTo>
                      <a:pt x="366" y="3611"/>
                    </a:lnTo>
                    <a:lnTo>
                      <a:pt x="373" y="3614"/>
                    </a:lnTo>
                    <a:lnTo>
                      <a:pt x="379" y="3619"/>
                    </a:lnTo>
                    <a:lnTo>
                      <a:pt x="384" y="3624"/>
                    </a:lnTo>
                    <a:lnTo>
                      <a:pt x="390" y="3632"/>
                    </a:lnTo>
                    <a:lnTo>
                      <a:pt x="392" y="3637"/>
                    </a:lnTo>
                    <a:lnTo>
                      <a:pt x="392" y="3643"/>
                    </a:lnTo>
                    <a:lnTo>
                      <a:pt x="391" y="3648"/>
                    </a:lnTo>
                    <a:lnTo>
                      <a:pt x="387" y="3652"/>
                    </a:lnTo>
                    <a:lnTo>
                      <a:pt x="378" y="3657"/>
                    </a:lnTo>
                    <a:lnTo>
                      <a:pt x="366" y="3661"/>
                    </a:lnTo>
                    <a:lnTo>
                      <a:pt x="356" y="3663"/>
                    </a:lnTo>
                    <a:lnTo>
                      <a:pt x="348" y="3667"/>
                    </a:lnTo>
                    <a:lnTo>
                      <a:pt x="347" y="3670"/>
                    </a:lnTo>
                    <a:lnTo>
                      <a:pt x="347" y="3672"/>
                    </a:lnTo>
                    <a:lnTo>
                      <a:pt x="348" y="3675"/>
                    </a:lnTo>
                    <a:lnTo>
                      <a:pt x="353" y="3679"/>
                    </a:lnTo>
                    <a:lnTo>
                      <a:pt x="360" y="3687"/>
                    </a:lnTo>
                    <a:lnTo>
                      <a:pt x="365" y="3696"/>
                    </a:lnTo>
                    <a:lnTo>
                      <a:pt x="370" y="3705"/>
                    </a:lnTo>
                    <a:lnTo>
                      <a:pt x="374" y="3714"/>
                    </a:lnTo>
                    <a:lnTo>
                      <a:pt x="378" y="3716"/>
                    </a:lnTo>
                    <a:lnTo>
                      <a:pt x="381" y="3720"/>
                    </a:lnTo>
                    <a:lnTo>
                      <a:pt x="384" y="3723"/>
                    </a:lnTo>
                    <a:lnTo>
                      <a:pt x="388" y="3724"/>
                    </a:lnTo>
                    <a:lnTo>
                      <a:pt x="394" y="3725"/>
                    </a:lnTo>
                    <a:lnTo>
                      <a:pt x="399" y="3724"/>
                    </a:lnTo>
                    <a:lnTo>
                      <a:pt x="406" y="3723"/>
                    </a:lnTo>
                    <a:lnTo>
                      <a:pt x="414" y="3720"/>
                    </a:lnTo>
                    <a:lnTo>
                      <a:pt x="430" y="3712"/>
                    </a:lnTo>
                    <a:lnTo>
                      <a:pt x="444" y="3709"/>
                    </a:lnTo>
                    <a:lnTo>
                      <a:pt x="447" y="3709"/>
                    </a:lnTo>
                    <a:lnTo>
                      <a:pt x="449" y="3709"/>
                    </a:lnTo>
                    <a:lnTo>
                      <a:pt x="452" y="3710"/>
                    </a:lnTo>
                    <a:lnTo>
                      <a:pt x="453" y="3711"/>
                    </a:lnTo>
                    <a:lnTo>
                      <a:pt x="454" y="3714"/>
                    </a:lnTo>
                    <a:lnTo>
                      <a:pt x="454" y="3718"/>
                    </a:lnTo>
                    <a:lnTo>
                      <a:pt x="454" y="3722"/>
                    </a:lnTo>
                    <a:lnTo>
                      <a:pt x="453" y="3727"/>
                    </a:lnTo>
                    <a:lnTo>
                      <a:pt x="452" y="3729"/>
                    </a:lnTo>
                    <a:lnTo>
                      <a:pt x="449" y="3733"/>
                    </a:lnTo>
                    <a:lnTo>
                      <a:pt x="447" y="3736"/>
                    </a:lnTo>
                    <a:lnTo>
                      <a:pt x="443" y="3737"/>
                    </a:lnTo>
                    <a:lnTo>
                      <a:pt x="435" y="3741"/>
                    </a:lnTo>
                    <a:lnTo>
                      <a:pt x="426" y="3742"/>
                    </a:lnTo>
                    <a:lnTo>
                      <a:pt x="406" y="3744"/>
                    </a:lnTo>
                    <a:lnTo>
                      <a:pt x="390" y="3745"/>
                    </a:lnTo>
                    <a:lnTo>
                      <a:pt x="384" y="3746"/>
                    </a:lnTo>
                    <a:lnTo>
                      <a:pt x="381" y="3747"/>
                    </a:lnTo>
                    <a:lnTo>
                      <a:pt x="378" y="3749"/>
                    </a:lnTo>
                    <a:lnTo>
                      <a:pt x="378" y="3750"/>
                    </a:lnTo>
                    <a:lnTo>
                      <a:pt x="381" y="3753"/>
                    </a:lnTo>
                    <a:lnTo>
                      <a:pt x="388" y="3757"/>
                    </a:lnTo>
                    <a:lnTo>
                      <a:pt x="406" y="3763"/>
                    </a:lnTo>
                    <a:lnTo>
                      <a:pt x="422" y="3771"/>
                    </a:lnTo>
                    <a:lnTo>
                      <a:pt x="434" y="3781"/>
                    </a:lnTo>
                    <a:lnTo>
                      <a:pt x="444" y="3791"/>
                    </a:lnTo>
                    <a:lnTo>
                      <a:pt x="449" y="3795"/>
                    </a:lnTo>
                    <a:lnTo>
                      <a:pt x="456" y="3798"/>
                    </a:lnTo>
                    <a:lnTo>
                      <a:pt x="460" y="3798"/>
                    </a:lnTo>
                    <a:lnTo>
                      <a:pt x="463" y="3797"/>
                    </a:lnTo>
                    <a:lnTo>
                      <a:pt x="467" y="3795"/>
                    </a:lnTo>
                    <a:lnTo>
                      <a:pt x="471" y="3794"/>
                    </a:lnTo>
                    <a:lnTo>
                      <a:pt x="484" y="3785"/>
                    </a:lnTo>
                    <a:lnTo>
                      <a:pt x="498" y="3779"/>
                    </a:lnTo>
                    <a:lnTo>
                      <a:pt x="511" y="3772"/>
                    </a:lnTo>
                    <a:lnTo>
                      <a:pt x="524" y="3766"/>
                    </a:lnTo>
                    <a:lnTo>
                      <a:pt x="539" y="3762"/>
                    </a:lnTo>
                    <a:lnTo>
                      <a:pt x="553" y="3758"/>
                    </a:lnTo>
                    <a:lnTo>
                      <a:pt x="568" y="3757"/>
                    </a:lnTo>
                    <a:lnTo>
                      <a:pt x="585" y="3755"/>
                    </a:lnTo>
                    <a:lnTo>
                      <a:pt x="593" y="3755"/>
                    </a:lnTo>
                    <a:lnTo>
                      <a:pt x="598" y="3757"/>
                    </a:lnTo>
                    <a:lnTo>
                      <a:pt x="603" y="3758"/>
                    </a:lnTo>
                    <a:lnTo>
                      <a:pt x="609" y="3759"/>
                    </a:lnTo>
                    <a:lnTo>
                      <a:pt x="611" y="3762"/>
                    </a:lnTo>
                    <a:lnTo>
                      <a:pt x="614" y="3763"/>
                    </a:lnTo>
                    <a:lnTo>
                      <a:pt x="615" y="3766"/>
                    </a:lnTo>
                    <a:lnTo>
                      <a:pt x="616" y="3769"/>
                    </a:lnTo>
                    <a:lnTo>
                      <a:pt x="618" y="3776"/>
                    </a:lnTo>
                    <a:lnTo>
                      <a:pt x="620" y="3782"/>
                    </a:lnTo>
                    <a:lnTo>
                      <a:pt x="623" y="3790"/>
                    </a:lnTo>
                    <a:lnTo>
                      <a:pt x="629" y="3798"/>
                    </a:lnTo>
                    <a:lnTo>
                      <a:pt x="633" y="3802"/>
                    </a:lnTo>
                    <a:lnTo>
                      <a:pt x="638" y="3804"/>
                    </a:lnTo>
                    <a:lnTo>
                      <a:pt x="644" y="3807"/>
                    </a:lnTo>
                    <a:lnTo>
                      <a:pt x="650" y="3810"/>
                    </a:lnTo>
                    <a:lnTo>
                      <a:pt x="663" y="3814"/>
                    </a:lnTo>
                    <a:lnTo>
                      <a:pt x="677" y="3817"/>
                    </a:lnTo>
                    <a:lnTo>
                      <a:pt x="693" y="3821"/>
                    </a:lnTo>
                    <a:lnTo>
                      <a:pt x="707" y="3826"/>
                    </a:lnTo>
                    <a:lnTo>
                      <a:pt x="714" y="3829"/>
                    </a:lnTo>
                    <a:lnTo>
                      <a:pt x="720" y="3833"/>
                    </a:lnTo>
                    <a:lnTo>
                      <a:pt x="725" y="3837"/>
                    </a:lnTo>
                    <a:lnTo>
                      <a:pt x="730" y="3842"/>
                    </a:lnTo>
                    <a:lnTo>
                      <a:pt x="734" y="3846"/>
                    </a:lnTo>
                    <a:lnTo>
                      <a:pt x="737" y="3852"/>
                    </a:lnTo>
                    <a:lnTo>
                      <a:pt x="738" y="3859"/>
                    </a:lnTo>
                    <a:lnTo>
                      <a:pt x="739" y="3865"/>
                    </a:lnTo>
                    <a:lnTo>
                      <a:pt x="741" y="3880"/>
                    </a:lnTo>
                    <a:lnTo>
                      <a:pt x="739" y="3894"/>
                    </a:lnTo>
                    <a:lnTo>
                      <a:pt x="739" y="3909"/>
                    </a:lnTo>
                    <a:lnTo>
                      <a:pt x="739" y="3924"/>
                    </a:lnTo>
                    <a:lnTo>
                      <a:pt x="742" y="3930"/>
                    </a:lnTo>
                    <a:lnTo>
                      <a:pt x="743" y="3937"/>
                    </a:lnTo>
                    <a:lnTo>
                      <a:pt x="747" y="3942"/>
                    </a:lnTo>
                    <a:lnTo>
                      <a:pt x="751" y="3948"/>
                    </a:lnTo>
                    <a:lnTo>
                      <a:pt x="754" y="3956"/>
                    </a:lnTo>
                    <a:lnTo>
                      <a:pt x="758" y="3964"/>
                    </a:lnTo>
                    <a:lnTo>
                      <a:pt x="763" y="3972"/>
                    </a:lnTo>
                    <a:lnTo>
                      <a:pt x="769" y="3978"/>
                    </a:lnTo>
                    <a:lnTo>
                      <a:pt x="777" y="3985"/>
                    </a:lnTo>
                    <a:lnTo>
                      <a:pt x="786" y="3991"/>
                    </a:lnTo>
                    <a:lnTo>
                      <a:pt x="795" y="3997"/>
                    </a:lnTo>
                    <a:lnTo>
                      <a:pt x="804" y="4003"/>
                    </a:lnTo>
                    <a:lnTo>
                      <a:pt x="815" y="4007"/>
                    </a:lnTo>
                    <a:lnTo>
                      <a:pt x="825" y="4010"/>
                    </a:lnTo>
                    <a:lnTo>
                      <a:pt x="835" y="4013"/>
                    </a:lnTo>
                    <a:lnTo>
                      <a:pt x="846" y="4016"/>
                    </a:lnTo>
                    <a:lnTo>
                      <a:pt x="855" y="4017"/>
                    </a:lnTo>
                    <a:lnTo>
                      <a:pt x="865" y="4018"/>
                    </a:lnTo>
                    <a:lnTo>
                      <a:pt x="874" y="4017"/>
                    </a:lnTo>
                    <a:lnTo>
                      <a:pt x="882" y="4016"/>
                    </a:lnTo>
                    <a:lnTo>
                      <a:pt x="895" y="4010"/>
                    </a:lnTo>
                    <a:lnTo>
                      <a:pt x="908" y="4005"/>
                    </a:lnTo>
                    <a:lnTo>
                      <a:pt x="921" y="3999"/>
                    </a:lnTo>
                    <a:lnTo>
                      <a:pt x="932" y="3992"/>
                    </a:lnTo>
                    <a:lnTo>
                      <a:pt x="945" y="3986"/>
                    </a:lnTo>
                    <a:lnTo>
                      <a:pt x="958" y="3982"/>
                    </a:lnTo>
                    <a:lnTo>
                      <a:pt x="965" y="3981"/>
                    </a:lnTo>
                    <a:lnTo>
                      <a:pt x="973" y="3979"/>
                    </a:lnTo>
                    <a:lnTo>
                      <a:pt x="979" y="3979"/>
                    </a:lnTo>
                    <a:lnTo>
                      <a:pt x="986" y="3979"/>
                    </a:lnTo>
                    <a:lnTo>
                      <a:pt x="1004" y="3982"/>
                    </a:lnTo>
                    <a:lnTo>
                      <a:pt x="1019" y="3982"/>
                    </a:lnTo>
                    <a:lnTo>
                      <a:pt x="1034" y="3981"/>
                    </a:lnTo>
                    <a:lnTo>
                      <a:pt x="1048" y="3977"/>
                    </a:lnTo>
                    <a:lnTo>
                      <a:pt x="1062" y="3973"/>
                    </a:lnTo>
                    <a:lnTo>
                      <a:pt x="1075" y="3966"/>
                    </a:lnTo>
                    <a:lnTo>
                      <a:pt x="1089" y="3959"/>
                    </a:lnTo>
                    <a:lnTo>
                      <a:pt x="1105" y="3950"/>
                    </a:lnTo>
                    <a:lnTo>
                      <a:pt x="1124" y="3937"/>
                    </a:lnTo>
                    <a:lnTo>
                      <a:pt x="1144" y="3924"/>
                    </a:lnTo>
                    <a:lnTo>
                      <a:pt x="1154" y="3918"/>
                    </a:lnTo>
                    <a:lnTo>
                      <a:pt x="1164" y="3913"/>
                    </a:lnTo>
                    <a:lnTo>
                      <a:pt x="1176" y="3911"/>
                    </a:lnTo>
                    <a:lnTo>
                      <a:pt x="1188" y="3909"/>
                    </a:lnTo>
                    <a:lnTo>
                      <a:pt x="1186" y="3915"/>
                    </a:lnTo>
                    <a:lnTo>
                      <a:pt x="1184" y="3920"/>
                    </a:lnTo>
                    <a:lnTo>
                      <a:pt x="1179" y="3926"/>
                    </a:lnTo>
                    <a:lnTo>
                      <a:pt x="1173" y="3933"/>
                    </a:lnTo>
                    <a:lnTo>
                      <a:pt x="1159" y="3948"/>
                    </a:lnTo>
                    <a:lnTo>
                      <a:pt x="1142" y="3962"/>
                    </a:lnTo>
                    <a:lnTo>
                      <a:pt x="1124" y="3978"/>
                    </a:lnTo>
                    <a:lnTo>
                      <a:pt x="1106" y="3990"/>
                    </a:lnTo>
                    <a:lnTo>
                      <a:pt x="1092" y="4000"/>
                    </a:lnTo>
                    <a:lnTo>
                      <a:pt x="1081" y="4005"/>
                    </a:lnTo>
                    <a:lnTo>
                      <a:pt x="1053" y="4019"/>
                    </a:lnTo>
                    <a:lnTo>
                      <a:pt x="1026" y="4034"/>
                    </a:lnTo>
                    <a:lnTo>
                      <a:pt x="1013" y="4040"/>
                    </a:lnTo>
                    <a:lnTo>
                      <a:pt x="999" y="4047"/>
                    </a:lnTo>
                    <a:lnTo>
                      <a:pt x="983" y="4052"/>
                    </a:lnTo>
                    <a:lnTo>
                      <a:pt x="967" y="4057"/>
                    </a:lnTo>
                    <a:lnTo>
                      <a:pt x="954" y="4060"/>
                    </a:lnTo>
                    <a:lnTo>
                      <a:pt x="936" y="4062"/>
                    </a:lnTo>
                    <a:lnTo>
                      <a:pt x="927" y="4065"/>
                    </a:lnTo>
                    <a:lnTo>
                      <a:pt x="920" y="4067"/>
                    </a:lnTo>
                    <a:lnTo>
                      <a:pt x="913" y="4070"/>
                    </a:lnTo>
                    <a:lnTo>
                      <a:pt x="910" y="4074"/>
                    </a:lnTo>
                    <a:lnTo>
                      <a:pt x="908" y="4080"/>
                    </a:lnTo>
                    <a:lnTo>
                      <a:pt x="908" y="4087"/>
                    </a:lnTo>
                    <a:lnTo>
                      <a:pt x="909" y="4095"/>
                    </a:lnTo>
                    <a:lnTo>
                      <a:pt x="909" y="4102"/>
                    </a:lnTo>
                    <a:lnTo>
                      <a:pt x="909" y="4109"/>
                    </a:lnTo>
                    <a:lnTo>
                      <a:pt x="908" y="4115"/>
                    </a:lnTo>
                    <a:lnTo>
                      <a:pt x="907" y="4119"/>
                    </a:lnTo>
                    <a:lnTo>
                      <a:pt x="905" y="4122"/>
                    </a:lnTo>
                    <a:lnTo>
                      <a:pt x="903" y="4123"/>
                    </a:lnTo>
                    <a:lnTo>
                      <a:pt x="899" y="4124"/>
                    </a:lnTo>
                    <a:lnTo>
                      <a:pt x="895" y="4126"/>
                    </a:lnTo>
                    <a:lnTo>
                      <a:pt x="891" y="4126"/>
                    </a:lnTo>
                    <a:lnTo>
                      <a:pt x="885" y="4126"/>
                    </a:lnTo>
                    <a:lnTo>
                      <a:pt x="879" y="4124"/>
                    </a:lnTo>
                    <a:lnTo>
                      <a:pt x="865" y="4121"/>
                    </a:lnTo>
                    <a:lnTo>
                      <a:pt x="851" y="4114"/>
                    </a:lnTo>
                    <a:lnTo>
                      <a:pt x="822" y="4102"/>
                    </a:lnTo>
                    <a:lnTo>
                      <a:pt x="803" y="4092"/>
                    </a:lnTo>
                    <a:lnTo>
                      <a:pt x="783" y="4082"/>
                    </a:lnTo>
                    <a:lnTo>
                      <a:pt x="764" y="4074"/>
                    </a:lnTo>
                    <a:lnTo>
                      <a:pt x="745" y="4067"/>
                    </a:lnTo>
                    <a:lnTo>
                      <a:pt x="725" y="4061"/>
                    </a:lnTo>
                    <a:lnTo>
                      <a:pt x="685" y="4049"/>
                    </a:lnTo>
                    <a:lnTo>
                      <a:pt x="645" y="4036"/>
                    </a:lnTo>
                    <a:lnTo>
                      <a:pt x="623" y="4038"/>
                    </a:lnTo>
                    <a:lnTo>
                      <a:pt x="600" y="4035"/>
                    </a:lnTo>
                    <a:lnTo>
                      <a:pt x="588" y="4035"/>
                    </a:lnTo>
                    <a:lnTo>
                      <a:pt x="576" y="4034"/>
                    </a:lnTo>
                    <a:lnTo>
                      <a:pt x="565" y="4035"/>
                    </a:lnTo>
                    <a:lnTo>
                      <a:pt x="553" y="4036"/>
                    </a:lnTo>
                    <a:lnTo>
                      <a:pt x="549" y="4038"/>
                    </a:lnTo>
                    <a:lnTo>
                      <a:pt x="546" y="4039"/>
                    </a:lnTo>
                    <a:lnTo>
                      <a:pt x="544" y="4042"/>
                    </a:lnTo>
                    <a:lnTo>
                      <a:pt x="544" y="4043"/>
                    </a:lnTo>
                    <a:lnTo>
                      <a:pt x="545" y="4048"/>
                    </a:lnTo>
                    <a:lnTo>
                      <a:pt x="550" y="4054"/>
                    </a:lnTo>
                    <a:lnTo>
                      <a:pt x="555" y="4061"/>
                    </a:lnTo>
                    <a:lnTo>
                      <a:pt x="559" y="4067"/>
                    </a:lnTo>
                    <a:lnTo>
                      <a:pt x="562" y="4071"/>
                    </a:lnTo>
                    <a:lnTo>
                      <a:pt x="563" y="4075"/>
                    </a:lnTo>
                    <a:lnTo>
                      <a:pt x="563" y="4078"/>
                    </a:lnTo>
                    <a:lnTo>
                      <a:pt x="562" y="4082"/>
                    </a:lnTo>
                    <a:lnTo>
                      <a:pt x="546" y="4079"/>
                    </a:lnTo>
                    <a:lnTo>
                      <a:pt x="533" y="4076"/>
                    </a:lnTo>
                    <a:lnTo>
                      <a:pt x="521" y="4075"/>
                    </a:lnTo>
                    <a:lnTo>
                      <a:pt x="510" y="4076"/>
                    </a:lnTo>
                    <a:lnTo>
                      <a:pt x="500" y="4078"/>
                    </a:lnTo>
                    <a:lnTo>
                      <a:pt x="491" y="4080"/>
                    </a:lnTo>
                    <a:lnTo>
                      <a:pt x="483" y="4084"/>
                    </a:lnTo>
                    <a:lnTo>
                      <a:pt x="475" y="4089"/>
                    </a:lnTo>
                    <a:lnTo>
                      <a:pt x="444" y="4117"/>
                    </a:lnTo>
                    <a:lnTo>
                      <a:pt x="403" y="4153"/>
                    </a:lnTo>
                    <a:lnTo>
                      <a:pt x="383" y="4166"/>
                    </a:lnTo>
                    <a:lnTo>
                      <a:pt x="361" y="4179"/>
                    </a:lnTo>
                    <a:lnTo>
                      <a:pt x="339" y="4190"/>
                    </a:lnTo>
                    <a:lnTo>
                      <a:pt x="316" y="4201"/>
                    </a:lnTo>
                    <a:lnTo>
                      <a:pt x="268" y="4222"/>
                    </a:lnTo>
                    <a:lnTo>
                      <a:pt x="223" y="4241"/>
                    </a:lnTo>
                    <a:lnTo>
                      <a:pt x="210" y="4249"/>
                    </a:lnTo>
                    <a:lnTo>
                      <a:pt x="198" y="4257"/>
                    </a:lnTo>
                    <a:lnTo>
                      <a:pt x="186" y="4266"/>
                    </a:lnTo>
                    <a:lnTo>
                      <a:pt x="176" y="4276"/>
                    </a:lnTo>
                    <a:lnTo>
                      <a:pt x="164" y="4285"/>
                    </a:lnTo>
                    <a:lnTo>
                      <a:pt x="153" y="4294"/>
                    </a:lnTo>
                    <a:lnTo>
                      <a:pt x="141" y="4302"/>
                    </a:lnTo>
                    <a:lnTo>
                      <a:pt x="128" y="4308"/>
                    </a:lnTo>
                    <a:lnTo>
                      <a:pt x="120" y="4311"/>
                    </a:lnTo>
                    <a:lnTo>
                      <a:pt x="112" y="4312"/>
                    </a:lnTo>
                    <a:lnTo>
                      <a:pt x="103" y="4312"/>
                    </a:lnTo>
                    <a:lnTo>
                      <a:pt x="94" y="4312"/>
                    </a:lnTo>
                    <a:lnTo>
                      <a:pt x="75" y="4312"/>
                    </a:lnTo>
                    <a:lnTo>
                      <a:pt x="55" y="4312"/>
                    </a:lnTo>
                    <a:lnTo>
                      <a:pt x="46" y="4312"/>
                    </a:lnTo>
                    <a:lnTo>
                      <a:pt x="39" y="4314"/>
                    </a:lnTo>
                    <a:lnTo>
                      <a:pt x="30" y="4316"/>
                    </a:lnTo>
                    <a:lnTo>
                      <a:pt x="22" y="4320"/>
                    </a:lnTo>
                    <a:lnTo>
                      <a:pt x="15" y="4325"/>
                    </a:lnTo>
                    <a:lnTo>
                      <a:pt x="9" y="4332"/>
                    </a:lnTo>
                    <a:lnTo>
                      <a:pt x="4" y="4339"/>
                    </a:lnTo>
                    <a:lnTo>
                      <a:pt x="0" y="4350"/>
                    </a:lnTo>
                    <a:lnTo>
                      <a:pt x="0" y="4354"/>
                    </a:lnTo>
                    <a:lnTo>
                      <a:pt x="0" y="4356"/>
                    </a:lnTo>
                    <a:lnTo>
                      <a:pt x="2" y="4358"/>
                    </a:lnTo>
                    <a:lnTo>
                      <a:pt x="5" y="4359"/>
                    </a:lnTo>
                    <a:lnTo>
                      <a:pt x="14" y="4359"/>
                    </a:lnTo>
                    <a:lnTo>
                      <a:pt x="24" y="4358"/>
                    </a:lnTo>
                    <a:lnTo>
                      <a:pt x="37" y="4356"/>
                    </a:lnTo>
                    <a:lnTo>
                      <a:pt x="49" y="4355"/>
                    </a:lnTo>
                    <a:lnTo>
                      <a:pt x="54" y="4355"/>
                    </a:lnTo>
                    <a:lnTo>
                      <a:pt x="59" y="4356"/>
                    </a:lnTo>
                    <a:lnTo>
                      <a:pt x="63" y="4358"/>
                    </a:lnTo>
                    <a:lnTo>
                      <a:pt x="67" y="4360"/>
                    </a:lnTo>
                    <a:lnTo>
                      <a:pt x="71" y="4365"/>
                    </a:lnTo>
                    <a:lnTo>
                      <a:pt x="72" y="4373"/>
                    </a:lnTo>
                    <a:lnTo>
                      <a:pt x="74" y="4382"/>
                    </a:lnTo>
                    <a:lnTo>
                      <a:pt x="74" y="4391"/>
                    </a:lnTo>
                    <a:lnTo>
                      <a:pt x="74" y="4400"/>
                    </a:lnTo>
                    <a:lnTo>
                      <a:pt x="74" y="4408"/>
                    </a:lnTo>
                    <a:lnTo>
                      <a:pt x="75" y="4413"/>
                    </a:lnTo>
                    <a:lnTo>
                      <a:pt x="76" y="4416"/>
                    </a:lnTo>
                    <a:lnTo>
                      <a:pt x="77" y="4418"/>
                    </a:lnTo>
                    <a:lnTo>
                      <a:pt x="79" y="4420"/>
                    </a:lnTo>
                    <a:lnTo>
                      <a:pt x="85" y="4421"/>
                    </a:lnTo>
                    <a:lnTo>
                      <a:pt x="93" y="4420"/>
                    </a:lnTo>
                    <a:lnTo>
                      <a:pt x="98" y="4418"/>
                    </a:lnTo>
                    <a:lnTo>
                      <a:pt x="105" y="4416"/>
                    </a:lnTo>
                    <a:lnTo>
                      <a:pt x="115" y="4408"/>
                    </a:lnTo>
                    <a:lnTo>
                      <a:pt x="124" y="4399"/>
                    </a:lnTo>
                    <a:lnTo>
                      <a:pt x="134" y="4389"/>
                    </a:lnTo>
                    <a:lnTo>
                      <a:pt x="145" y="4377"/>
                    </a:lnTo>
                    <a:lnTo>
                      <a:pt x="156" y="4367"/>
                    </a:lnTo>
                    <a:lnTo>
                      <a:pt x="171" y="4356"/>
                    </a:lnTo>
                    <a:lnTo>
                      <a:pt x="182" y="4351"/>
                    </a:lnTo>
                    <a:lnTo>
                      <a:pt x="189" y="4350"/>
                    </a:lnTo>
                    <a:lnTo>
                      <a:pt x="191" y="4351"/>
                    </a:lnTo>
                    <a:lnTo>
                      <a:pt x="193" y="4352"/>
                    </a:lnTo>
                    <a:lnTo>
                      <a:pt x="195" y="4354"/>
                    </a:lnTo>
                    <a:lnTo>
                      <a:pt x="195" y="4356"/>
                    </a:lnTo>
                    <a:lnTo>
                      <a:pt x="197" y="4363"/>
                    </a:lnTo>
                    <a:lnTo>
                      <a:pt x="198" y="4369"/>
                    </a:lnTo>
                    <a:lnTo>
                      <a:pt x="201" y="4376"/>
                    </a:lnTo>
                    <a:lnTo>
                      <a:pt x="204" y="4382"/>
                    </a:lnTo>
                    <a:lnTo>
                      <a:pt x="208" y="4386"/>
                    </a:lnTo>
                    <a:lnTo>
                      <a:pt x="212" y="4387"/>
                    </a:lnTo>
                    <a:lnTo>
                      <a:pt x="219" y="4389"/>
                    </a:lnTo>
                    <a:lnTo>
                      <a:pt x="225" y="4387"/>
                    </a:lnTo>
                    <a:lnTo>
                      <a:pt x="239" y="4384"/>
                    </a:lnTo>
                    <a:lnTo>
                      <a:pt x="256" y="4378"/>
                    </a:lnTo>
                    <a:lnTo>
                      <a:pt x="274" y="4372"/>
                    </a:lnTo>
                    <a:lnTo>
                      <a:pt x="292" y="4368"/>
                    </a:lnTo>
                    <a:lnTo>
                      <a:pt x="302" y="4368"/>
                    </a:lnTo>
                    <a:lnTo>
                      <a:pt x="311" y="4369"/>
                    </a:lnTo>
                    <a:lnTo>
                      <a:pt x="318" y="4371"/>
                    </a:lnTo>
                    <a:lnTo>
                      <a:pt x="326" y="4374"/>
                    </a:lnTo>
                    <a:lnTo>
                      <a:pt x="334" y="4378"/>
                    </a:lnTo>
                    <a:lnTo>
                      <a:pt x="340" y="4381"/>
                    </a:lnTo>
                    <a:lnTo>
                      <a:pt x="347" y="4382"/>
                    </a:lnTo>
                    <a:lnTo>
                      <a:pt x="352" y="4384"/>
                    </a:lnTo>
                    <a:lnTo>
                      <a:pt x="362" y="4384"/>
                    </a:lnTo>
                    <a:lnTo>
                      <a:pt x="373" y="4382"/>
                    </a:lnTo>
                    <a:lnTo>
                      <a:pt x="377" y="4384"/>
                    </a:lnTo>
                    <a:lnTo>
                      <a:pt x="382" y="4384"/>
                    </a:lnTo>
                    <a:lnTo>
                      <a:pt x="387" y="4385"/>
                    </a:lnTo>
                    <a:lnTo>
                      <a:pt x="392" y="4389"/>
                    </a:lnTo>
                    <a:lnTo>
                      <a:pt x="397" y="4393"/>
                    </a:lnTo>
                    <a:lnTo>
                      <a:pt x="403" y="4398"/>
                    </a:lnTo>
                    <a:lnTo>
                      <a:pt x="409" y="4406"/>
                    </a:lnTo>
                    <a:lnTo>
                      <a:pt x="416" y="4415"/>
                    </a:lnTo>
                    <a:lnTo>
                      <a:pt x="419" y="4417"/>
                    </a:lnTo>
                    <a:lnTo>
                      <a:pt x="422" y="4420"/>
                    </a:lnTo>
                    <a:lnTo>
                      <a:pt x="425" y="4418"/>
                    </a:lnTo>
                    <a:lnTo>
                      <a:pt x="429" y="4417"/>
                    </a:lnTo>
                    <a:lnTo>
                      <a:pt x="434" y="4412"/>
                    </a:lnTo>
                    <a:lnTo>
                      <a:pt x="439" y="4403"/>
                    </a:lnTo>
                    <a:lnTo>
                      <a:pt x="443" y="4395"/>
                    </a:lnTo>
                    <a:lnTo>
                      <a:pt x="447" y="4389"/>
                    </a:lnTo>
                    <a:lnTo>
                      <a:pt x="448" y="4387"/>
                    </a:lnTo>
                    <a:lnTo>
                      <a:pt x="449" y="4387"/>
                    </a:lnTo>
                    <a:lnTo>
                      <a:pt x="449" y="4389"/>
                    </a:lnTo>
                    <a:lnTo>
                      <a:pt x="449" y="4391"/>
                    </a:lnTo>
                    <a:lnTo>
                      <a:pt x="451" y="4403"/>
                    </a:lnTo>
                    <a:lnTo>
                      <a:pt x="452" y="4412"/>
                    </a:lnTo>
                    <a:lnTo>
                      <a:pt x="456" y="4421"/>
                    </a:lnTo>
                    <a:lnTo>
                      <a:pt x="460" y="4429"/>
                    </a:lnTo>
                    <a:lnTo>
                      <a:pt x="465" y="4434"/>
                    </a:lnTo>
                    <a:lnTo>
                      <a:pt x="470" y="4441"/>
                    </a:lnTo>
                    <a:lnTo>
                      <a:pt x="476" y="4444"/>
                    </a:lnTo>
                    <a:lnTo>
                      <a:pt x="484" y="4450"/>
                    </a:lnTo>
                    <a:lnTo>
                      <a:pt x="517" y="4464"/>
                    </a:lnTo>
                    <a:lnTo>
                      <a:pt x="550" y="4482"/>
                    </a:lnTo>
                    <a:lnTo>
                      <a:pt x="555" y="4485"/>
                    </a:lnTo>
                    <a:lnTo>
                      <a:pt x="561" y="4486"/>
                    </a:lnTo>
                    <a:lnTo>
                      <a:pt x="566" y="4487"/>
                    </a:lnTo>
                    <a:lnTo>
                      <a:pt x="571" y="4487"/>
                    </a:lnTo>
                    <a:lnTo>
                      <a:pt x="576" y="4486"/>
                    </a:lnTo>
                    <a:lnTo>
                      <a:pt x="583" y="4483"/>
                    </a:lnTo>
                    <a:lnTo>
                      <a:pt x="588" y="4481"/>
                    </a:lnTo>
                    <a:lnTo>
                      <a:pt x="593" y="4477"/>
                    </a:lnTo>
                    <a:lnTo>
                      <a:pt x="603" y="4466"/>
                    </a:lnTo>
                    <a:lnTo>
                      <a:pt x="615" y="4455"/>
                    </a:lnTo>
                    <a:lnTo>
                      <a:pt x="625" y="4441"/>
                    </a:lnTo>
                    <a:lnTo>
                      <a:pt x="635" y="4426"/>
                    </a:lnTo>
                    <a:lnTo>
                      <a:pt x="654" y="4394"/>
                    </a:lnTo>
                    <a:lnTo>
                      <a:pt x="671" y="4363"/>
                    </a:lnTo>
                    <a:lnTo>
                      <a:pt x="684" y="4337"/>
                    </a:lnTo>
                    <a:lnTo>
                      <a:pt x="695" y="4321"/>
                    </a:lnTo>
                    <a:lnTo>
                      <a:pt x="698" y="4319"/>
                    </a:lnTo>
                    <a:lnTo>
                      <a:pt x="701" y="4317"/>
                    </a:lnTo>
                    <a:lnTo>
                      <a:pt x="703" y="4316"/>
                    </a:lnTo>
                    <a:lnTo>
                      <a:pt x="706" y="4316"/>
                    </a:lnTo>
                    <a:lnTo>
                      <a:pt x="710" y="4319"/>
                    </a:lnTo>
                    <a:lnTo>
                      <a:pt x="715" y="4323"/>
                    </a:lnTo>
                    <a:lnTo>
                      <a:pt x="719" y="4328"/>
                    </a:lnTo>
                    <a:lnTo>
                      <a:pt x="724" y="4333"/>
                    </a:lnTo>
                    <a:lnTo>
                      <a:pt x="729" y="4337"/>
                    </a:lnTo>
                    <a:lnTo>
                      <a:pt x="734" y="4339"/>
                    </a:lnTo>
                    <a:lnTo>
                      <a:pt x="746" y="4341"/>
                    </a:lnTo>
                    <a:lnTo>
                      <a:pt x="759" y="4339"/>
                    </a:lnTo>
                    <a:lnTo>
                      <a:pt x="765" y="4339"/>
                    </a:lnTo>
                    <a:lnTo>
                      <a:pt x="771" y="4339"/>
                    </a:lnTo>
                    <a:lnTo>
                      <a:pt x="777" y="4341"/>
                    </a:lnTo>
                    <a:lnTo>
                      <a:pt x="782" y="4342"/>
                    </a:lnTo>
                    <a:lnTo>
                      <a:pt x="790" y="4347"/>
                    </a:lnTo>
                    <a:lnTo>
                      <a:pt x="795" y="4352"/>
                    </a:lnTo>
                    <a:lnTo>
                      <a:pt x="796" y="4356"/>
                    </a:lnTo>
                    <a:lnTo>
                      <a:pt x="799" y="4360"/>
                    </a:lnTo>
                    <a:lnTo>
                      <a:pt x="802" y="4363"/>
                    </a:lnTo>
                    <a:lnTo>
                      <a:pt x="808" y="4364"/>
                    </a:lnTo>
                    <a:lnTo>
                      <a:pt x="818" y="4365"/>
                    </a:lnTo>
                    <a:lnTo>
                      <a:pt x="837" y="4367"/>
                    </a:lnTo>
                    <a:lnTo>
                      <a:pt x="847" y="4367"/>
                    </a:lnTo>
                    <a:lnTo>
                      <a:pt x="857" y="4368"/>
                    </a:lnTo>
                    <a:lnTo>
                      <a:pt x="868" y="4371"/>
                    </a:lnTo>
                    <a:lnTo>
                      <a:pt x="878" y="4374"/>
                    </a:lnTo>
                    <a:lnTo>
                      <a:pt x="888" y="4378"/>
                    </a:lnTo>
                    <a:lnTo>
                      <a:pt x="899" y="4384"/>
                    </a:lnTo>
                    <a:lnTo>
                      <a:pt x="908" y="4389"/>
                    </a:lnTo>
                    <a:lnTo>
                      <a:pt x="916" y="4395"/>
                    </a:lnTo>
                    <a:lnTo>
                      <a:pt x="925" y="4420"/>
                    </a:lnTo>
                    <a:lnTo>
                      <a:pt x="934" y="4446"/>
                    </a:lnTo>
                    <a:lnTo>
                      <a:pt x="936" y="4451"/>
                    </a:lnTo>
                    <a:lnTo>
                      <a:pt x="939" y="4456"/>
                    </a:lnTo>
                    <a:lnTo>
                      <a:pt x="943" y="4460"/>
                    </a:lnTo>
                    <a:lnTo>
                      <a:pt x="947" y="4463"/>
                    </a:lnTo>
                    <a:lnTo>
                      <a:pt x="951" y="4465"/>
                    </a:lnTo>
                    <a:lnTo>
                      <a:pt x="956" y="4466"/>
                    </a:lnTo>
                    <a:lnTo>
                      <a:pt x="961" y="4466"/>
                    </a:lnTo>
                    <a:lnTo>
                      <a:pt x="967" y="4465"/>
                    </a:lnTo>
                    <a:lnTo>
                      <a:pt x="980" y="4461"/>
                    </a:lnTo>
                    <a:lnTo>
                      <a:pt x="992" y="4460"/>
                    </a:lnTo>
                    <a:lnTo>
                      <a:pt x="1004" y="4460"/>
                    </a:lnTo>
                    <a:lnTo>
                      <a:pt x="1014" y="4461"/>
                    </a:lnTo>
                    <a:lnTo>
                      <a:pt x="1024" y="4463"/>
                    </a:lnTo>
                    <a:lnTo>
                      <a:pt x="1034" y="4466"/>
                    </a:lnTo>
                    <a:lnTo>
                      <a:pt x="1044" y="4469"/>
                    </a:lnTo>
                    <a:lnTo>
                      <a:pt x="1053" y="4474"/>
                    </a:lnTo>
                    <a:lnTo>
                      <a:pt x="1071" y="4482"/>
                    </a:lnTo>
                    <a:lnTo>
                      <a:pt x="1089" y="4491"/>
                    </a:lnTo>
                    <a:lnTo>
                      <a:pt x="1098" y="4495"/>
                    </a:lnTo>
                    <a:lnTo>
                      <a:pt x="1107" y="4497"/>
                    </a:lnTo>
                    <a:lnTo>
                      <a:pt x="1118" y="4499"/>
                    </a:lnTo>
                    <a:lnTo>
                      <a:pt x="1128" y="4500"/>
                    </a:lnTo>
                    <a:lnTo>
                      <a:pt x="1133" y="4500"/>
                    </a:lnTo>
                    <a:lnTo>
                      <a:pt x="1136" y="4499"/>
                    </a:lnTo>
                    <a:lnTo>
                      <a:pt x="1137" y="4495"/>
                    </a:lnTo>
                    <a:lnTo>
                      <a:pt x="1137" y="4491"/>
                    </a:lnTo>
                    <a:lnTo>
                      <a:pt x="1133" y="4481"/>
                    </a:lnTo>
                    <a:lnTo>
                      <a:pt x="1125" y="4469"/>
                    </a:lnTo>
                    <a:lnTo>
                      <a:pt x="1106" y="4443"/>
                    </a:lnTo>
                    <a:lnTo>
                      <a:pt x="1093" y="4426"/>
                    </a:lnTo>
                    <a:lnTo>
                      <a:pt x="1092" y="4420"/>
                    </a:lnTo>
                    <a:lnTo>
                      <a:pt x="1092" y="4415"/>
                    </a:lnTo>
                    <a:lnTo>
                      <a:pt x="1093" y="4412"/>
                    </a:lnTo>
                    <a:lnTo>
                      <a:pt x="1096" y="4409"/>
                    </a:lnTo>
                    <a:lnTo>
                      <a:pt x="1098" y="4409"/>
                    </a:lnTo>
                    <a:lnTo>
                      <a:pt x="1103" y="4411"/>
                    </a:lnTo>
                    <a:lnTo>
                      <a:pt x="1109" y="4412"/>
                    </a:lnTo>
                    <a:lnTo>
                      <a:pt x="1115" y="4415"/>
                    </a:lnTo>
                    <a:lnTo>
                      <a:pt x="1140" y="4429"/>
                    </a:lnTo>
                    <a:lnTo>
                      <a:pt x="1157" y="4439"/>
                    </a:lnTo>
                    <a:lnTo>
                      <a:pt x="1166" y="4444"/>
                    </a:lnTo>
                    <a:lnTo>
                      <a:pt x="1175" y="4448"/>
                    </a:lnTo>
                    <a:lnTo>
                      <a:pt x="1184" y="4450"/>
                    </a:lnTo>
                    <a:lnTo>
                      <a:pt x="1192" y="4451"/>
                    </a:lnTo>
                    <a:lnTo>
                      <a:pt x="1199" y="4451"/>
                    </a:lnTo>
                    <a:lnTo>
                      <a:pt x="1207" y="4450"/>
                    </a:lnTo>
                    <a:lnTo>
                      <a:pt x="1215" y="4448"/>
                    </a:lnTo>
                    <a:lnTo>
                      <a:pt x="1221" y="4446"/>
                    </a:lnTo>
                    <a:lnTo>
                      <a:pt x="1236" y="4441"/>
                    </a:lnTo>
                    <a:lnTo>
                      <a:pt x="1249" y="4437"/>
                    </a:lnTo>
                    <a:lnTo>
                      <a:pt x="1255" y="4434"/>
                    </a:lnTo>
                    <a:lnTo>
                      <a:pt x="1262" y="4434"/>
                    </a:lnTo>
                    <a:lnTo>
                      <a:pt x="1268" y="4434"/>
                    </a:lnTo>
                    <a:lnTo>
                      <a:pt x="1274" y="4435"/>
                    </a:lnTo>
                    <a:lnTo>
                      <a:pt x="1287" y="4438"/>
                    </a:lnTo>
                    <a:lnTo>
                      <a:pt x="1297" y="4438"/>
                    </a:lnTo>
                    <a:lnTo>
                      <a:pt x="1304" y="4438"/>
                    </a:lnTo>
                    <a:lnTo>
                      <a:pt x="1308" y="4435"/>
                    </a:lnTo>
                    <a:lnTo>
                      <a:pt x="1312" y="4431"/>
                    </a:lnTo>
                    <a:lnTo>
                      <a:pt x="1315" y="4428"/>
                    </a:lnTo>
                    <a:lnTo>
                      <a:pt x="1315" y="4422"/>
                    </a:lnTo>
                    <a:lnTo>
                      <a:pt x="1315" y="4417"/>
                    </a:lnTo>
                    <a:lnTo>
                      <a:pt x="1313" y="4406"/>
                    </a:lnTo>
                    <a:lnTo>
                      <a:pt x="1313" y="4395"/>
                    </a:lnTo>
                    <a:lnTo>
                      <a:pt x="1313" y="4391"/>
                    </a:lnTo>
                    <a:lnTo>
                      <a:pt x="1315" y="4389"/>
                    </a:lnTo>
                    <a:lnTo>
                      <a:pt x="1319" y="4386"/>
                    </a:lnTo>
                    <a:lnTo>
                      <a:pt x="1322" y="4385"/>
                    </a:lnTo>
                    <a:lnTo>
                      <a:pt x="1325" y="4387"/>
                    </a:lnTo>
                    <a:lnTo>
                      <a:pt x="1325" y="4394"/>
                    </a:lnTo>
                    <a:lnTo>
                      <a:pt x="1326" y="4400"/>
                    </a:lnTo>
                    <a:lnTo>
                      <a:pt x="1329" y="4406"/>
                    </a:lnTo>
                    <a:lnTo>
                      <a:pt x="1333" y="4411"/>
                    </a:lnTo>
                    <a:lnTo>
                      <a:pt x="1337" y="4416"/>
                    </a:lnTo>
                    <a:lnTo>
                      <a:pt x="1342" y="4420"/>
                    </a:lnTo>
                    <a:lnTo>
                      <a:pt x="1347" y="4424"/>
                    </a:lnTo>
                    <a:lnTo>
                      <a:pt x="1354" y="4426"/>
                    </a:lnTo>
                    <a:lnTo>
                      <a:pt x="1366" y="4431"/>
                    </a:lnTo>
                    <a:lnTo>
                      <a:pt x="1382" y="4435"/>
                    </a:lnTo>
                    <a:lnTo>
                      <a:pt x="1399" y="4438"/>
                    </a:lnTo>
                    <a:lnTo>
                      <a:pt x="1416" y="4441"/>
                    </a:lnTo>
                    <a:lnTo>
                      <a:pt x="1448" y="4444"/>
                    </a:lnTo>
                    <a:lnTo>
                      <a:pt x="1478" y="4450"/>
                    </a:lnTo>
                    <a:lnTo>
                      <a:pt x="1490" y="4453"/>
                    </a:lnTo>
                    <a:lnTo>
                      <a:pt x="1499" y="4460"/>
                    </a:lnTo>
                    <a:lnTo>
                      <a:pt x="1501" y="4463"/>
                    </a:lnTo>
                    <a:lnTo>
                      <a:pt x="1504" y="4466"/>
                    </a:lnTo>
                    <a:lnTo>
                      <a:pt x="1505" y="4472"/>
                    </a:lnTo>
                    <a:lnTo>
                      <a:pt x="1506" y="4477"/>
                    </a:lnTo>
                    <a:lnTo>
                      <a:pt x="1490" y="4483"/>
                    </a:lnTo>
                    <a:lnTo>
                      <a:pt x="1474" y="4486"/>
                    </a:lnTo>
                    <a:lnTo>
                      <a:pt x="1469" y="4488"/>
                    </a:lnTo>
                    <a:lnTo>
                      <a:pt x="1465" y="4492"/>
                    </a:lnTo>
                    <a:lnTo>
                      <a:pt x="1464" y="4496"/>
                    </a:lnTo>
                    <a:lnTo>
                      <a:pt x="1464" y="4499"/>
                    </a:lnTo>
                    <a:lnTo>
                      <a:pt x="1464" y="4504"/>
                    </a:lnTo>
                    <a:lnTo>
                      <a:pt x="1465" y="4509"/>
                    </a:lnTo>
                    <a:lnTo>
                      <a:pt x="1468" y="4516"/>
                    </a:lnTo>
                    <a:lnTo>
                      <a:pt x="1471" y="4521"/>
                    </a:lnTo>
                    <a:lnTo>
                      <a:pt x="1477" y="4525"/>
                    </a:lnTo>
                    <a:lnTo>
                      <a:pt x="1483" y="4527"/>
                    </a:lnTo>
                    <a:lnTo>
                      <a:pt x="1491" y="4529"/>
                    </a:lnTo>
                    <a:lnTo>
                      <a:pt x="1499" y="4529"/>
                    </a:lnTo>
                    <a:lnTo>
                      <a:pt x="1508" y="4527"/>
                    </a:lnTo>
                    <a:lnTo>
                      <a:pt x="1518" y="4526"/>
                    </a:lnTo>
                    <a:lnTo>
                      <a:pt x="1537" y="4523"/>
                    </a:lnTo>
                    <a:lnTo>
                      <a:pt x="1558" y="4521"/>
                    </a:lnTo>
                    <a:lnTo>
                      <a:pt x="1569" y="4520"/>
                    </a:lnTo>
                    <a:lnTo>
                      <a:pt x="1579" y="4520"/>
                    </a:lnTo>
                    <a:lnTo>
                      <a:pt x="1588" y="4521"/>
                    </a:lnTo>
                    <a:lnTo>
                      <a:pt x="1597" y="4523"/>
                    </a:lnTo>
                    <a:lnTo>
                      <a:pt x="1606" y="4526"/>
                    </a:lnTo>
                    <a:lnTo>
                      <a:pt x="1616" y="4527"/>
                    </a:lnTo>
                    <a:lnTo>
                      <a:pt x="1627" y="4527"/>
                    </a:lnTo>
                    <a:lnTo>
                      <a:pt x="1639" y="4526"/>
                    </a:lnTo>
                    <a:lnTo>
                      <a:pt x="1648" y="4527"/>
                    </a:lnTo>
                    <a:lnTo>
                      <a:pt x="1657" y="4530"/>
                    </a:lnTo>
                    <a:lnTo>
                      <a:pt x="1661" y="4531"/>
                    </a:lnTo>
                    <a:lnTo>
                      <a:pt x="1664" y="4534"/>
                    </a:lnTo>
                    <a:lnTo>
                      <a:pt x="1668" y="4538"/>
                    </a:lnTo>
                    <a:lnTo>
                      <a:pt x="1671" y="4542"/>
                    </a:lnTo>
                    <a:lnTo>
                      <a:pt x="1680" y="4558"/>
                    </a:lnTo>
                    <a:lnTo>
                      <a:pt x="1692" y="4577"/>
                    </a:lnTo>
                    <a:lnTo>
                      <a:pt x="1698" y="4584"/>
                    </a:lnTo>
                    <a:lnTo>
                      <a:pt x="1706" y="4591"/>
                    </a:lnTo>
                    <a:lnTo>
                      <a:pt x="1714" y="4596"/>
                    </a:lnTo>
                    <a:lnTo>
                      <a:pt x="1721" y="4597"/>
                    </a:lnTo>
                    <a:lnTo>
                      <a:pt x="1728" y="4600"/>
                    </a:lnTo>
                    <a:lnTo>
                      <a:pt x="1734" y="4602"/>
                    </a:lnTo>
                    <a:lnTo>
                      <a:pt x="1742" y="4602"/>
                    </a:lnTo>
                    <a:lnTo>
                      <a:pt x="1751" y="4602"/>
                    </a:lnTo>
                    <a:lnTo>
                      <a:pt x="1771" y="4600"/>
                    </a:lnTo>
                    <a:lnTo>
                      <a:pt x="1790" y="4596"/>
                    </a:lnTo>
                    <a:lnTo>
                      <a:pt x="1812" y="4591"/>
                    </a:lnTo>
                    <a:lnTo>
                      <a:pt x="1833" y="4586"/>
                    </a:lnTo>
                    <a:lnTo>
                      <a:pt x="1851" y="4582"/>
                    </a:lnTo>
                    <a:lnTo>
                      <a:pt x="1867" y="4580"/>
                    </a:lnTo>
                    <a:lnTo>
                      <a:pt x="1889" y="4580"/>
                    </a:lnTo>
                    <a:lnTo>
                      <a:pt x="1911" y="4579"/>
                    </a:lnTo>
                    <a:lnTo>
                      <a:pt x="1933" y="4577"/>
                    </a:lnTo>
                    <a:lnTo>
                      <a:pt x="1955" y="4573"/>
                    </a:lnTo>
                    <a:lnTo>
                      <a:pt x="1977" y="4569"/>
                    </a:lnTo>
                    <a:lnTo>
                      <a:pt x="1999" y="4562"/>
                    </a:lnTo>
                    <a:lnTo>
                      <a:pt x="2019" y="4556"/>
                    </a:lnTo>
                    <a:lnTo>
                      <a:pt x="2039" y="4547"/>
                    </a:lnTo>
                    <a:lnTo>
                      <a:pt x="2058" y="4536"/>
                    </a:lnTo>
                    <a:lnTo>
                      <a:pt x="2076" y="4525"/>
                    </a:lnTo>
                    <a:lnTo>
                      <a:pt x="2092" y="4512"/>
                    </a:lnTo>
                    <a:lnTo>
                      <a:pt x="2106" y="4497"/>
                    </a:lnTo>
                    <a:lnTo>
                      <a:pt x="2113" y="4488"/>
                    </a:lnTo>
                    <a:lnTo>
                      <a:pt x="2118" y="4481"/>
                    </a:lnTo>
                    <a:lnTo>
                      <a:pt x="2123" y="4472"/>
                    </a:lnTo>
                    <a:lnTo>
                      <a:pt x="2128" y="4463"/>
                    </a:lnTo>
                    <a:lnTo>
                      <a:pt x="2132" y="4452"/>
                    </a:lnTo>
                    <a:lnTo>
                      <a:pt x="2135" y="4442"/>
                    </a:lnTo>
                    <a:lnTo>
                      <a:pt x="2137" y="4430"/>
                    </a:lnTo>
                    <a:lnTo>
                      <a:pt x="2140" y="4420"/>
                    </a:lnTo>
                    <a:lnTo>
                      <a:pt x="2140" y="4409"/>
                    </a:lnTo>
                    <a:lnTo>
                      <a:pt x="2137" y="4402"/>
                    </a:lnTo>
                    <a:lnTo>
                      <a:pt x="2133" y="4396"/>
                    </a:lnTo>
                    <a:lnTo>
                      <a:pt x="2128" y="4391"/>
                    </a:lnTo>
                    <a:lnTo>
                      <a:pt x="2120" y="4389"/>
                    </a:lnTo>
                    <a:lnTo>
                      <a:pt x="2111" y="4386"/>
                    </a:lnTo>
                    <a:lnTo>
                      <a:pt x="2101" y="4385"/>
                    </a:lnTo>
                    <a:lnTo>
                      <a:pt x="2091" y="4385"/>
                    </a:lnTo>
                    <a:lnTo>
                      <a:pt x="2067" y="4385"/>
                    </a:lnTo>
                    <a:lnTo>
                      <a:pt x="2044" y="4385"/>
                    </a:lnTo>
                    <a:lnTo>
                      <a:pt x="2032" y="4385"/>
                    </a:lnTo>
                    <a:lnTo>
                      <a:pt x="2022" y="4384"/>
                    </a:lnTo>
                    <a:lnTo>
                      <a:pt x="2012" y="4382"/>
                    </a:lnTo>
                    <a:lnTo>
                      <a:pt x="2003" y="4380"/>
                    </a:lnTo>
                    <a:lnTo>
                      <a:pt x="1996" y="4376"/>
                    </a:lnTo>
                    <a:lnTo>
                      <a:pt x="1991" y="4372"/>
                    </a:lnTo>
                    <a:lnTo>
                      <a:pt x="1986" y="4367"/>
                    </a:lnTo>
                    <a:lnTo>
                      <a:pt x="1981" y="4361"/>
                    </a:lnTo>
                    <a:lnTo>
                      <a:pt x="1977" y="4356"/>
                    </a:lnTo>
                    <a:lnTo>
                      <a:pt x="1971" y="4351"/>
                    </a:lnTo>
                    <a:lnTo>
                      <a:pt x="1966" y="4347"/>
                    </a:lnTo>
                    <a:lnTo>
                      <a:pt x="1960" y="4343"/>
                    </a:lnTo>
                    <a:lnTo>
                      <a:pt x="1946" y="4338"/>
                    </a:lnTo>
                    <a:lnTo>
                      <a:pt x="1933" y="4333"/>
                    </a:lnTo>
                    <a:lnTo>
                      <a:pt x="1926" y="4330"/>
                    </a:lnTo>
                    <a:lnTo>
                      <a:pt x="1921" y="4327"/>
                    </a:lnTo>
                    <a:lnTo>
                      <a:pt x="1914" y="4323"/>
                    </a:lnTo>
                    <a:lnTo>
                      <a:pt x="1908" y="4317"/>
                    </a:lnTo>
                    <a:lnTo>
                      <a:pt x="1908" y="4316"/>
                    </a:lnTo>
                    <a:lnTo>
                      <a:pt x="1909" y="4315"/>
                    </a:lnTo>
                    <a:lnTo>
                      <a:pt x="1924" y="4314"/>
                    </a:lnTo>
                    <a:lnTo>
                      <a:pt x="1934" y="4311"/>
                    </a:lnTo>
                    <a:lnTo>
                      <a:pt x="1944" y="4307"/>
                    </a:lnTo>
                    <a:lnTo>
                      <a:pt x="1953" y="4302"/>
                    </a:lnTo>
                    <a:lnTo>
                      <a:pt x="1961" y="4297"/>
                    </a:lnTo>
                    <a:lnTo>
                      <a:pt x="1970" y="4293"/>
                    </a:lnTo>
                    <a:lnTo>
                      <a:pt x="1981" y="4290"/>
                    </a:lnTo>
                    <a:lnTo>
                      <a:pt x="1995" y="4289"/>
                    </a:lnTo>
                    <a:lnTo>
                      <a:pt x="2014" y="4286"/>
                    </a:lnTo>
                    <a:lnTo>
                      <a:pt x="2034" y="4282"/>
                    </a:lnTo>
                    <a:lnTo>
                      <a:pt x="2041" y="4280"/>
                    </a:lnTo>
                    <a:lnTo>
                      <a:pt x="2050" y="4276"/>
                    </a:lnTo>
                    <a:lnTo>
                      <a:pt x="2058" y="4272"/>
                    </a:lnTo>
                    <a:lnTo>
                      <a:pt x="2065" y="4267"/>
                    </a:lnTo>
                    <a:lnTo>
                      <a:pt x="2070" y="4262"/>
                    </a:lnTo>
                    <a:lnTo>
                      <a:pt x="2075" y="4257"/>
                    </a:lnTo>
                    <a:lnTo>
                      <a:pt x="2079" y="4250"/>
                    </a:lnTo>
                    <a:lnTo>
                      <a:pt x="2083" y="4242"/>
                    </a:lnTo>
                    <a:lnTo>
                      <a:pt x="2084" y="4235"/>
                    </a:lnTo>
                    <a:lnTo>
                      <a:pt x="2084" y="4225"/>
                    </a:lnTo>
                    <a:lnTo>
                      <a:pt x="2083" y="4216"/>
                    </a:lnTo>
                    <a:lnTo>
                      <a:pt x="2082" y="4206"/>
                    </a:lnTo>
                    <a:lnTo>
                      <a:pt x="2079" y="4197"/>
                    </a:lnTo>
                    <a:lnTo>
                      <a:pt x="2079" y="4189"/>
                    </a:lnTo>
                    <a:lnTo>
                      <a:pt x="2082" y="4185"/>
                    </a:lnTo>
                    <a:lnTo>
                      <a:pt x="2085" y="4181"/>
                    </a:lnTo>
                    <a:lnTo>
                      <a:pt x="2092" y="4180"/>
                    </a:lnTo>
                    <a:lnTo>
                      <a:pt x="2098" y="4180"/>
                    </a:lnTo>
                    <a:lnTo>
                      <a:pt x="2105" y="4180"/>
                    </a:lnTo>
                    <a:lnTo>
                      <a:pt x="2113" y="4181"/>
                    </a:lnTo>
                    <a:lnTo>
                      <a:pt x="2128" y="4181"/>
                    </a:lnTo>
                    <a:lnTo>
                      <a:pt x="2144" y="4180"/>
                    </a:lnTo>
                    <a:lnTo>
                      <a:pt x="2158" y="4176"/>
                    </a:lnTo>
                    <a:lnTo>
                      <a:pt x="2172" y="4170"/>
                    </a:lnTo>
                    <a:lnTo>
                      <a:pt x="2185" y="4162"/>
                    </a:lnTo>
                    <a:lnTo>
                      <a:pt x="2197" y="4153"/>
                    </a:lnTo>
                    <a:lnTo>
                      <a:pt x="2209" y="4143"/>
                    </a:lnTo>
                    <a:lnTo>
                      <a:pt x="2219" y="4131"/>
                    </a:lnTo>
                    <a:lnTo>
                      <a:pt x="2216" y="4133"/>
                    </a:lnTo>
                    <a:lnTo>
                      <a:pt x="2216" y="4136"/>
                    </a:lnTo>
                    <a:lnTo>
                      <a:pt x="2223" y="4128"/>
                    </a:lnTo>
                    <a:lnTo>
                      <a:pt x="2229" y="4123"/>
                    </a:lnTo>
                    <a:lnTo>
                      <a:pt x="2236" y="4118"/>
                    </a:lnTo>
                    <a:lnTo>
                      <a:pt x="2244" y="4113"/>
                    </a:lnTo>
                    <a:lnTo>
                      <a:pt x="2256" y="4106"/>
                    </a:lnTo>
                    <a:lnTo>
                      <a:pt x="2271" y="4099"/>
                    </a:lnTo>
                    <a:lnTo>
                      <a:pt x="2284" y="4092"/>
                    </a:lnTo>
                    <a:lnTo>
                      <a:pt x="2297" y="4083"/>
                    </a:lnTo>
                    <a:lnTo>
                      <a:pt x="2303" y="4076"/>
                    </a:lnTo>
                    <a:lnTo>
                      <a:pt x="2308" y="4070"/>
                    </a:lnTo>
                    <a:lnTo>
                      <a:pt x="2313" y="4061"/>
                    </a:lnTo>
                    <a:lnTo>
                      <a:pt x="2319" y="4052"/>
                    </a:lnTo>
                    <a:lnTo>
                      <a:pt x="2332" y="4025"/>
                    </a:lnTo>
                    <a:lnTo>
                      <a:pt x="2343" y="3999"/>
                    </a:lnTo>
                    <a:lnTo>
                      <a:pt x="2354" y="3974"/>
                    </a:lnTo>
                    <a:lnTo>
                      <a:pt x="2363" y="3950"/>
                    </a:lnTo>
                    <a:lnTo>
                      <a:pt x="2365" y="3938"/>
                    </a:lnTo>
                    <a:lnTo>
                      <a:pt x="2369" y="3925"/>
                    </a:lnTo>
                    <a:lnTo>
                      <a:pt x="2372" y="3912"/>
                    </a:lnTo>
                    <a:lnTo>
                      <a:pt x="2373" y="3899"/>
                    </a:lnTo>
                    <a:lnTo>
                      <a:pt x="2373" y="3885"/>
                    </a:lnTo>
                    <a:lnTo>
                      <a:pt x="2373" y="3869"/>
                    </a:lnTo>
                    <a:lnTo>
                      <a:pt x="2373" y="3854"/>
                    </a:lnTo>
                    <a:lnTo>
                      <a:pt x="2370" y="3837"/>
                    </a:lnTo>
                    <a:lnTo>
                      <a:pt x="2369" y="3829"/>
                    </a:lnTo>
                    <a:lnTo>
                      <a:pt x="2367" y="3820"/>
                    </a:lnTo>
                    <a:lnTo>
                      <a:pt x="2363" y="3811"/>
                    </a:lnTo>
                    <a:lnTo>
                      <a:pt x="2359" y="3801"/>
                    </a:lnTo>
                    <a:lnTo>
                      <a:pt x="2347" y="3782"/>
                    </a:lnTo>
                    <a:lnTo>
                      <a:pt x="2333" y="3764"/>
                    </a:lnTo>
                    <a:lnTo>
                      <a:pt x="2316" y="3746"/>
                    </a:lnTo>
                    <a:lnTo>
                      <a:pt x="2298" y="3728"/>
                    </a:lnTo>
                    <a:lnTo>
                      <a:pt x="2278" y="3712"/>
                    </a:lnTo>
                    <a:lnTo>
                      <a:pt x="2256" y="3698"/>
                    </a:lnTo>
                    <a:lnTo>
                      <a:pt x="2234" y="3685"/>
                    </a:lnTo>
                    <a:lnTo>
                      <a:pt x="2212" y="3674"/>
                    </a:lnTo>
                    <a:lnTo>
                      <a:pt x="2190" y="3666"/>
                    </a:lnTo>
                    <a:lnTo>
                      <a:pt x="2167" y="3661"/>
                    </a:lnTo>
                    <a:lnTo>
                      <a:pt x="2157" y="3658"/>
                    </a:lnTo>
                    <a:lnTo>
                      <a:pt x="2146" y="3658"/>
                    </a:lnTo>
                    <a:lnTo>
                      <a:pt x="2136" y="3658"/>
                    </a:lnTo>
                    <a:lnTo>
                      <a:pt x="2126" y="3659"/>
                    </a:lnTo>
                    <a:lnTo>
                      <a:pt x="2117" y="3661"/>
                    </a:lnTo>
                    <a:lnTo>
                      <a:pt x="2107" y="3665"/>
                    </a:lnTo>
                    <a:lnTo>
                      <a:pt x="2098" y="3668"/>
                    </a:lnTo>
                    <a:lnTo>
                      <a:pt x="2091" y="3674"/>
                    </a:lnTo>
                    <a:lnTo>
                      <a:pt x="2079" y="3684"/>
                    </a:lnTo>
                    <a:lnTo>
                      <a:pt x="2066" y="3697"/>
                    </a:lnTo>
                    <a:lnTo>
                      <a:pt x="2058" y="3702"/>
                    </a:lnTo>
                    <a:lnTo>
                      <a:pt x="2050" y="3705"/>
                    </a:lnTo>
                    <a:lnTo>
                      <a:pt x="2047" y="3706"/>
                    </a:lnTo>
                    <a:lnTo>
                      <a:pt x="2043" y="3706"/>
                    </a:lnTo>
                    <a:lnTo>
                      <a:pt x="2038" y="3706"/>
                    </a:lnTo>
                    <a:lnTo>
                      <a:pt x="2032" y="3705"/>
                    </a:lnTo>
                    <a:lnTo>
                      <a:pt x="2026" y="3702"/>
                    </a:lnTo>
                    <a:lnTo>
                      <a:pt x="2021" y="3700"/>
                    </a:lnTo>
                    <a:lnTo>
                      <a:pt x="2017" y="3697"/>
                    </a:lnTo>
                    <a:lnTo>
                      <a:pt x="2013" y="3694"/>
                    </a:lnTo>
                    <a:lnTo>
                      <a:pt x="2008" y="3687"/>
                    </a:lnTo>
                    <a:lnTo>
                      <a:pt x="1999" y="3679"/>
                    </a:lnTo>
                    <a:lnTo>
                      <a:pt x="1992" y="3676"/>
                    </a:lnTo>
                    <a:lnTo>
                      <a:pt x="1986" y="3675"/>
                    </a:lnTo>
                    <a:lnTo>
                      <a:pt x="1977" y="3674"/>
                    </a:lnTo>
                    <a:lnTo>
                      <a:pt x="1969" y="3672"/>
                    </a:lnTo>
                    <a:lnTo>
                      <a:pt x="1961" y="3671"/>
                    </a:lnTo>
                    <a:lnTo>
                      <a:pt x="1953" y="3668"/>
                    </a:lnTo>
                    <a:lnTo>
                      <a:pt x="1951" y="3667"/>
                    </a:lnTo>
                    <a:lnTo>
                      <a:pt x="1949" y="3666"/>
                    </a:lnTo>
                    <a:lnTo>
                      <a:pt x="1948" y="3663"/>
                    </a:lnTo>
                    <a:lnTo>
                      <a:pt x="1947" y="3661"/>
                    </a:lnTo>
                    <a:lnTo>
                      <a:pt x="1947" y="3655"/>
                    </a:lnTo>
                    <a:lnTo>
                      <a:pt x="1948" y="3650"/>
                    </a:lnTo>
                    <a:lnTo>
                      <a:pt x="1951" y="3645"/>
                    </a:lnTo>
                    <a:lnTo>
                      <a:pt x="1955" y="3640"/>
                    </a:lnTo>
                    <a:lnTo>
                      <a:pt x="1964" y="3630"/>
                    </a:lnTo>
                    <a:lnTo>
                      <a:pt x="1975" y="3618"/>
                    </a:lnTo>
                    <a:lnTo>
                      <a:pt x="1999" y="3598"/>
                    </a:lnTo>
                    <a:lnTo>
                      <a:pt x="2017" y="3582"/>
                    </a:lnTo>
                    <a:lnTo>
                      <a:pt x="2034" y="3576"/>
                    </a:lnTo>
                    <a:lnTo>
                      <a:pt x="2056" y="3567"/>
                    </a:lnTo>
                    <a:lnTo>
                      <a:pt x="2067" y="3562"/>
                    </a:lnTo>
                    <a:lnTo>
                      <a:pt x="2078" y="3557"/>
                    </a:lnTo>
                    <a:lnTo>
                      <a:pt x="2084" y="3552"/>
                    </a:lnTo>
                    <a:lnTo>
                      <a:pt x="2089" y="3548"/>
                    </a:lnTo>
                    <a:lnTo>
                      <a:pt x="2089" y="3541"/>
                    </a:lnTo>
                    <a:lnTo>
                      <a:pt x="2087" y="3530"/>
                    </a:lnTo>
                    <a:lnTo>
                      <a:pt x="2083" y="3514"/>
                    </a:lnTo>
                    <a:lnTo>
                      <a:pt x="2078" y="3496"/>
                    </a:lnTo>
                    <a:lnTo>
                      <a:pt x="2067" y="3461"/>
                    </a:lnTo>
                    <a:lnTo>
                      <a:pt x="2061" y="3437"/>
                    </a:lnTo>
                    <a:lnTo>
                      <a:pt x="2058" y="3418"/>
                    </a:lnTo>
                    <a:lnTo>
                      <a:pt x="2053" y="3394"/>
                    </a:lnTo>
                    <a:lnTo>
                      <a:pt x="2044" y="3367"/>
                    </a:lnTo>
                    <a:lnTo>
                      <a:pt x="2034" y="3338"/>
                    </a:lnTo>
                    <a:lnTo>
                      <a:pt x="2021" y="3310"/>
                    </a:lnTo>
                    <a:lnTo>
                      <a:pt x="2008" y="3285"/>
                    </a:lnTo>
                    <a:lnTo>
                      <a:pt x="2001" y="3275"/>
                    </a:lnTo>
                    <a:lnTo>
                      <a:pt x="1993" y="3266"/>
                    </a:lnTo>
                    <a:lnTo>
                      <a:pt x="1987" y="3259"/>
                    </a:lnTo>
                    <a:lnTo>
                      <a:pt x="1981" y="3254"/>
                    </a:lnTo>
                    <a:lnTo>
                      <a:pt x="1966" y="3246"/>
                    </a:lnTo>
                    <a:lnTo>
                      <a:pt x="1949" y="3241"/>
                    </a:lnTo>
                    <a:lnTo>
                      <a:pt x="1931" y="3236"/>
                    </a:lnTo>
                    <a:lnTo>
                      <a:pt x="1913" y="3232"/>
                    </a:lnTo>
                    <a:lnTo>
                      <a:pt x="1896" y="3228"/>
                    </a:lnTo>
                    <a:lnTo>
                      <a:pt x="1879" y="3223"/>
                    </a:lnTo>
                    <a:lnTo>
                      <a:pt x="1864" y="3216"/>
                    </a:lnTo>
                    <a:lnTo>
                      <a:pt x="1850" y="3209"/>
                    </a:lnTo>
                    <a:lnTo>
                      <a:pt x="1864" y="3205"/>
                    </a:lnTo>
                    <a:lnTo>
                      <a:pt x="1879" y="3203"/>
                    </a:lnTo>
                    <a:lnTo>
                      <a:pt x="1896" y="3203"/>
                    </a:lnTo>
                    <a:lnTo>
                      <a:pt x="1912" y="3206"/>
                    </a:lnTo>
                    <a:lnTo>
                      <a:pt x="1929" y="3209"/>
                    </a:lnTo>
                    <a:lnTo>
                      <a:pt x="1944" y="3212"/>
                    </a:lnTo>
                    <a:lnTo>
                      <a:pt x="1960" y="3216"/>
                    </a:lnTo>
                    <a:lnTo>
                      <a:pt x="1974" y="3222"/>
                    </a:lnTo>
                    <a:lnTo>
                      <a:pt x="1992" y="3231"/>
                    </a:lnTo>
                    <a:lnTo>
                      <a:pt x="2014" y="3244"/>
                    </a:lnTo>
                    <a:lnTo>
                      <a:pt x="2036" y="3258"/>
                    </a:lnTo>
                    <a:lnTo>
                      <a:pt x="2057" y="3269"/>
                    </a:lnTo>
                    <a:lnTo>
                      <a:pt x="2065" y="3273"/>
                    </a:lnTo>
                    <a:lnTo>
                      <a:pt x="2071" y="3275"/>
                    </a:lnTo>
                    <a:lnTo>
                      <a:pt x="2074" y="3275"/>
                    </a:lnTo>
                    <a:lnTo>
                      <a:pt x="2076" y="3275"/>
                    </a:lnTo>
                    <a:lnTo>
                      <a:pt x="2078" y="3273"/>
                    </a:lnTo>
                    <a:lnTo>
                      <a:pt x="2079" y="3272"/>
                    </a:lnTo>
                    <a:lnTo>
                      <a:pt x="2080" y="3266"/>
                    </a:lnTo>
                    <a:lnTo>
                      <a:pt x="2078" y="3256"/>
                    </a:lnTo>
                    <a:lnTo>
                      <a:pt x="2073" y="3244"/>
                    </a:lnTo>
                    <a:lnTo>
                      <a:pt x="2063" y="3225"/>
                    </a:lnTo>
                    <a:lnTo>
                      <a:pt x="2058" y="3214"/>
                    </a:lnTo>
                    <a:lnTo>
                      <a:pt x="2053" y="3202"/>
                    </a:lnTo>
                    <a:lnTo>
                      <a:pt x="2049" y="3192"/>
                    </a:lnTo>
                    <a:lnTo>
                      <a:pt x="2047" y="3180"/>
                    </a:lnTo>
                    <a:lnTo>
                      <a:pt x="2045" y="3170"/>
                    </a:lnTo>
                    <a:lnTo>
                      <a:pt x="2045" y="3158"/>
                    </a:lnTo>
                    <a:lnTo>
                      <a:pt x="2048" y="3145"/>
                    </a:lnTo>
                    <a:lnTo>
                      <a:pt x="2053" y="3132"/>
                    </a:lnTo>
                    <a:lnTo>
                      <a:pt x="2057" y="3122"/>
                    </a:lnTo>
                    <a:lnTo>
                      <a:pt x="2060" y="3113"/>
                    </a:lnTo>
                    <a:lnTo>
                      <a:pt x="2061" y="3104"/>
                    </a:lnTo>
                    <a:lnTo>
                      <a:pt x="2062" y="3095"/>
                    </a:lnTo>
                    <a:lnTo>
                      <a:pt x="2062" y="3078"/>
                    </a:lnTo>
                    <a:lnTo>
                      <a:pt x="2060" y="3061"/>
                    </a:lnTo>
                    <a:lnTo>
                      <a:pt x="2054" y="3044"/>
                    </a:lnTo>
                    <a:lnTo>
                      <a:pt x="2048" y="3027"/>
                    </a:lnTo>
                    <a:lnTo>
                      <a:pt x="2041" y="3010"/>
                    </a:lnTo>
                    <a:lnTo>
                      <a:pt x="2034" y="2991"/>
                    </a:lnTo>
                    <a:lnTo>
                      <a:pt x="2028" y="2977"/>
                    </a:lnTo>
                    <a:lnTo>
                      <a:pt x="2023" y="2961"/>
                    </a:lnTo>
                    <a:lnTo>
                      <a:pt x="2021" y="2947"/>
                    </a:lnTo>
                    <a:lnTo>
                      <a:pt x="2018" y="2931"/>
                    </a:lnTo>
                    <a:lnTo>
                      <a:pt x="2016" y="2916"/>
                    </a:lnTo>
                    <a:lnTo>
                      <a:pt x="2012" y="2900"/>
                    </a:lnTo>
                    <a:lnTo>
                      <a:pt x="2008" y="2886"/>
                    </a:lnTo>
                    <a:lnTo>
                      <a:pt x="2003" y="2870"/>
                    </a:lnTo>
                    <a:lnTo>
                      <a:pt x="1997" y="2861"/>
                    </a:lnTo>
                    <a:lnTo>
                      <a:pt x="1992" y="2852"/>
                    </a:lnTo>
                    <a:lnTo>
                      <a:pt x="1986" y="2845"/>
                    </a:lnTo>
                    <a:lnTo>
                      <a:pt x="1977" y="2838"/>
                    </a:lnTo>
                    <a:lnTo>
                      <a:pt x="1960" y="2826"/>
                    </a:lnTo>
                    <a:lnTo>
                      <a:pt x="1940" y="2816"/>
                    </a:lnTo>
                    <a:lnTo>
                      <a:pt x="1920" y="2807"/>
                    </a:lnTo>
                    <a:lnTo>
                      <a:pt x="1900" y="2797"/>
                    </a:lnTo>
                    <a:lnTo>
                      <a:pt x="1891" y="2791"/>
                    </a:lnTo>
                    <a:lnTo>
                      <a:pt x="1883" y="2786"/>
                    </a:lnTo>
                    <a:lnTo>
                      <a:pt x="1876" y="2780"/>
                    </a:lnTo>
                    <a:lnTo>
                      <a:pt x="1869" y="2773"/>
                    </a:lnTo>
                    <a:lnTo>
                      <a:pt x="1864" y="2766"/>
                    </a:lnTo>
                    <a:lnTo>
                      <a:pt x="1860" y="2756"/>
                    </a:lnTo>
                    <a:lnTo>
                      <a:pt x="1857" y="2747"/>
                    </a:lnTo>
                    <a:lnTo>
                      <a:pt x="1855" y="2737"/>
                    </a:lnTo>
                    <a:lnTo>
                      <a:pt x="1854" y="2718"/>
                    </a:lnTo>
                    <a:lnTo>
                      <a:pt x="1852" y="2698"/>
                    </a:lnTo>
                    <a:lnTo>
                      <a:pt x="1852" y="2688"/>
                    </a:lnTo>
                    <a:lnTo>
                      <a:pt x="1854" y="2679"/>
                    </a:lnTo>
                    <a:lnTo>
                      <a:pt x="1854" y="2668"/>
                    </a:lnTo>
                    <a:lnTo>
                      <a:pt x="1855" y="2659"/>
                    </a:lnTo>
                    <a:lnTo>
                      <a:pt x="1852" y="2648"/>
                    </a:lnTo>
                    <a:lnTo>
                      <a:pt x="1850" y="2637"/>
                    </a:lnTo>
                    <a:lnTo>
                      <a:pt x="1846" y="2626"/>
                    </a:lnTo>
                    <a:lnTo>
                      <a:pt x="1843" y="2614"/>
                    </a:lnTo>
                    <a:lnTo>
                      <a:pt x="1845" y="2588"/>
                    </a:lnTo>
                    <a:close/>
                    <a:moveTo>
                      <a:pt x="2038" y="712"/>
                    </a:moveTo>
                    <a:lnTo>
                      <a:pt x="2035" y="694"/>
                    </a:lnTo>
                    <a:lnTo>
                      <a:pt x="2032" y="683"/>
                    </a:lnTo>
                    <a:lnTo>
                      <a:pt x="2023" y="681"/>
                    </a:lnTo>
                    <a:lnTo>
                      <a:pt x="2016" y="681"/>
                    </a:lnTo>
                    <a:lnTo>
                      <a:pt x="2010" y="681"/>
                    </a:lnTo>
                    <a:lnTo>
                      <a:pt x="2008" y="679"/>
                    </a:lnTo>
                    <a:lnTo>
                      <a:pt x="2004" y="676"/>
                    </a:lnTo>
                    <a:lnTo>
                      <a:pt x="2001" y="672"/>
                    </a:lnTo>
                    <a:lnTo>
                      <a:pt x="2000" y="664"/>
                    </a:lnTo>
                    <a:lnTo>
                      <a:pt x="2001" y="657"/>
                    </a:lnTo>
                    <a:lnTo>
                      <a:pt x="2005" y="648"/>
                    </a:lnTo>
                    <a:lnTo>
                      <a:pt x="2009" y="640"/>
                    </a:lnTo>
                    <a:lnTo>
                      <a:pt x="2016" y="632"/>
                    </a:lnTo>
                    <a:lnTo>
                      <a:pt x="2022" y="626"/>
                    </a:lnTo>
                    <a:lnTo>
                      <a:pt x="2030" y="620"/>
                    </a:lnTo>
                    <a:lnTo>
                      <a:pt x="2036" y="618"/>
                    </a:lnTo>
                    <a:lnTo>
                      <a:pt x="2039" y="618"/>
                    </a:lnTo>
                    <a:lnTo>
                      <a:pt x="2041" y="619"/>
                    </a:lnTo>
                    <a:lnTo>
                      <a:pt x="2043" y="620"/>
                    </a:lnTo>
                    <a:lnTo>
                      <a:pt x="2045" y="622"/>
                    </a:lnTo>
                    <a:lnTo>
                      <a:pt x="2049" y="628"/>
                    </a:lnTo>
                    <a:lnTo>
                      <a:pt x="2053" y="635"/>
                    </a:lnTo>
                    <a:lnTo>
                      <a:pt x="2060" y="650"/>
                    </a:lnTo>
                    <a:lnTo>
                      <a:pt x="2065" y="662"/>
                    </a:lnTo>
                    <a:lnTo>
                      <a:pt x="2070" y="671"/>
                    </a:lnTo>
                    <a:lnTo>
                      <a:pt x="2076" y="679"/>
                    </a:lnTo>
                    <a:lnTo>
                      <a:pt x="2083" y="684"/>
                    </a:lnTo>
                    <a:lnTo>
                      <a:pt x="2092" y="690"/>
                    </a:lnTo>
                    <a:lnTo>
                      <a:pt x="2107" y="698"/>
                    </a:lnTo>
                    <a:lnTo>
                      <a:pt x="2118" y="703"/>
                    </a:lnTo>
                    <a:lnTo>
                      <a:pt x="2122" y="707"/>
                    </a:lnTo>
                    <a:lnTo>
                      <a:pt x="2126" y="714"/>
                    </a:lnTo>
                    <a:lnTo>
                      <a:pt x="2127" y="720"/>
                    </a:lnTo>
                    <a:lnTo>
                      <a:pt x="2130" y="729"/>
                    </a:lnTo>
                    <a:lnTo>
                      <a:pt x="2132" y="741"/>
                    </a:lnTo>
                    <a:lnTo>
                      <a:pt x="2132" y="752"/>
                    </a:lnTo>
                    <a:lnTo>
                      <a:pt x="2131" y="754"/>
                    </a:lnTo>
                    <a:lnTo>
                      <a:pt x="2127" y="754"/>
                    </a:lnTo>
                    <a:lnTo>
                      <a:pt x="2122" y="754"/>
                    </a:lnTo>
                    <a:lnTo>
                      <a:pt x="2115" y="752"/>
                    </a:lnTo>
                    <a:lnTo>
                      <a:pt x="2105" y="751"/>
                    </a:lnTo>
                    <a:lnTo>
                      <a:pt x="2097" y="749"/>
                    </a:lnTo>
                    <a:lnTo>
                      <a:pt x="2089" y="741"/>
                    </a:lnTo>
                    <a:lnTo>
                      <a:pt x="2082" y="736"/>
                    </a:lnTo>
                    <a:lnTo>
                      <a:pt x="2074" y="730"/>
                    </a:lnTo>
                    <a:lnTo>
                      <a:pt x="2066" y="728"/>
                    </a:lnTo>
                    <a:lnTo>
                      <a:pt x="2058" y="725"/>
                    </a:lnTo>
                    <a:lnTo>
                      <a:pt x="2052" y="721"/>
                    </a:lnTo>
                    <a:lnTo>
                      <a:pt x="2044" y="717"/>
                    </a:lnTo>
                    <a:lnTo>
                      <a:pt x="2038" y="712"/>
                    </a:lnTo>
                    <a:close/>
                    <a:moveTo>
                      <a:pt x="2198" y="601"/>
                    </a:moveTo>
                    <a:lnTo>
                      <a:pt x="2211" y="593"/>
                    </a:lnTo>
                    <a:lnTo>
                      <a:pt x="2223" y="585"/>
                    </a:lnTo>
                    <a:lnTo>
                      <a:pt x="2232" y="579"/>
                    </a:lnTo>
                    <a:lnTo>
                      <a:pt x="2242" y="574"/>
                    </a:lnTo>
                    <a:lnTo>
                      <a:pt x="2249" y="570"/>
                    </a:lnTo>
                    <a:lnTo>
                      <a:pt x="2258" y="565"/>
                    </a:lnTo>
                    <a:lnTo>
                      <a:pt x="2262" y="562"/>
                    </a:lnTo>
                    <a:lnTo>
                      <a:pt x="2267" y="562"/>
                    </a:lnTo>
                    <a:lnTo>
                      <a:pt x="2271" y="562"/>
                    </a:lnTo>
                    <a:lnTo>
                      <a:pt x="2273" y="563"/>
                    </a:lnTo>
                    <a:lnTo>
                      <a:pt x="2275" y="565"/>
                    </a:lnTo>
                    <a:lnTo>
                      <a:pt x="2276" y="567"/>
                    </a:lnTo>
                    <a:lnTo>
                      <a:pt x="2276" y="569"/>
                    </a:lnTo>
                    <a:lnTo>
                      <a:pt x="2275" y="571"/>
                    </a:lnTo>
                    <a:lnTo>
                      <a:pt x="2272" y="575"/>
                    </a:lnTo>
                    <a:lnTo>
                      <a:pt x="2269" y="578"/>
                    </a:lnTo>
                    <a:lnTo>
                      <a:pt x="2262" y="583"/>
                    </a:lnTo>
                    <a:lnTo>
                      <a:pt x="2254" y="588"/>
                    </a:lnTo>
                    <a:lnTo>
                      <a:pt x="2247" y="596"/>
                    </a:lnTo>
                    <a:lnTo>
                      <a:pt x="2242" y="602"/>
                    </a:lnTo>
                    <a:lnTo>
                      <a:pt x="2240" y="605"/>
                    </a:lnTo>
                    <a:lnTo>
                      <a:pt x="2234" y="607"/>
                    </a:lnTo>
                    <a:lnTo>
                      <a:pt x="2229" y="609"/>
                    </a:lnTo>
                    <a:lnTo>
                      <a:pt x="2223" y="610"/>
                    </a:lnTo>
                    <a:lnTo>
                      <a:pt x="2218" y="611"/>
                    </a:lnTo>
                    <a:lnTo>
                      <a:pt x="2211" y="611"/>
                    </a:lnTo>
                    <a:lnTo>
                      <a:pt x="2207" y="610"/>
                    </a:lnTo>
                    <a:lnTo>
                      <a:pt x="2205" y="609"/>
                    </a:lnTo>
                    <a:lnTo>
                      <a:pt x="2198" y="601"/>
                    </a:lnTo>
                    <a:close/>
                    <a:moveTo>
                      <a:pt x="1978" y="768"/>
                    </a:moveTo>
                    <a:lnTo>
                      <a:pt x="1971" y="762"/>
                    </a:lnTo>
                    <a:lnTo>
                      <a:pt x="1966" y="754"/>
                    </a:lnTo>
                    <a:lnTo>
                      <a:pt x="1961" y="746"/>
                    </a:lnTo>
                    <a:lnTo>
                      <a:pt x="1957" y="737"/>
                    </a:lnTo>
                    <a:lnTo>
                      <a:pt x="1956" y="733"/>
                    </a:lnTo>
                    <a:lnTo>
                      <a:pt x="1955" y="730"/>
                    </a:lnTo>
                    <a:lnTo>
                      <a:pt x="1956" y="727"/>
                    </a:lnTo>
                    <a:lnTo>
                      <a:pt x="1959" y="723"/>
                    </a:lnTo>
                    <a:lnTo>
                      <a:pt x="1962" y="719"/>
                    </a:lnTo>
                    <a:lnTo>
                      <a:pt x="1968" y="716"/>
                    </a:lnTo>
                    <a:lnTo>
                      <a:pt x="1974" y="716"/>
                    </a:lnTo>
                    <a:lnTo>
                      <a:pt x="1979" y="717"/>
                    </a:lnTo>
                    <a:lnTo>
                      <a:pt x="1988" y="721"/>
                    </a:lnTo>
                    <a:lnTo>
                      <a:pt x="1997" y="724"/>
                    </a:lnTo>
                    <a:lnTo>
                      <a:pt x="2001" y="729"/>
                    </a:lnTo>
                    <a:lnTo>
                      <a:pt x="2005" y="737"/>
                    </a:lnTo>
                    <a:lnTo>
                      <a:pt x="2009" y="745"/>
                    </a:lnTo>
                    <a:lnTo>
                      <a:pt x="2012" y="751"/>
                    </a:lnTo>
                    <a:lnTo>
                      <a:pt x="2013" y="756"/>
                    </a:lnTo>
                    <a:lnTo>
                      <a:pt x="2013" y="760"/>
                    </a:lnTo>
                    <a:lnTo>
                      <a:pt x="2012" y="764"/>
                    </a:lnTo>
                    <a:lnTo>
                      <a:pt x="2009" y="765"/>
                    </a:lnTo>
                    <a:lnTo>
                      <a:pt x="2003" y="769"/>
                    </a:lnTo>
                    <a:lnTo>
                      <a:pt x="1993" y="769"/>
                    </a:lnTo>
                    <a:lnTo>
                      <a:pt x="1978" y="768"/>
                    </a:lnTo>
                    <a:close/>
                    <a:moveTo>
                      <a:pt x="2109" y="636"/>
                    </a:moveTo>
                    <a:lnTo>
                      <a:pt x="2102" y="636"/>
                    </a:lnTo>
                    <a:lnTo>
                      <a:pt x="2097" y="633"/>
                    </a:lnTo>
                    <a:lnTo>
                      <a:pt x="2095" y="631"/>
                    </a:lnTo>
                    <a:lnTo>
                      <a:pt x="2091" y="626"/>
                    </a:lnTo>
                    <a:lnTo>
                      <a:pt x="2087" y="619"/>
                    </a:lnTo>
                    <a:lnTo>
                      <a:pt x="2084" y="613"/>
                    </a:lnTo>
                    <a:lnTo>
                      <a:pt x="2083" y="610"/>
                    </a:lnTo>
                    <a:lnTo>
                      <a:pt x="2082" y="606"/>
                    </a:lnTo>
                    <a:lnTo>
                      <a:pt x="2082" y="603"/>
                    </a:lnTo>
                    <a:lnTo>
                      <a:pt x="2083" y="600"/>
                    </a:lnTo>
                    <a:lnTo>
                      <a:pt x="2084" y="597"/>
                    </a:lnTo>
                    <a:lnTo>
                      <a:pt x="2085" y="596"/>
                    </a:lnTo>
                    <a:lnTo>
                      <a:pt x="2087" y="596"/>
                    </a:lnTo>
                    <a:lnTo>
                      <a:pt x="2089" y="594"/>
                    </a:lnTo>
                    <a:lnTo>
                      <a:pt x="2093" y="596"/>
                    </a:lnTo>
                    <a:lnTo>
                      <a:pt x="2097" y="598"/>
                    </a:lnTo>
                    <a:lnTo>
                      <a:pt x="2100" y="600"/>
                    </a:lnTo>
                    <a:lnTo>
                      <a:pt x="2104" y="602"/>
                    </a:lnTo>
                    <a:lnTo>
                      <a:pt x="2109" y="606"/>
                    </a:lnTo>
                    <a:lnTo>
                      <a:pt x="2113" y="611"/>
                    </a:lnTo>
                    <a:lnTo>
                      <a:pt x="2117" y="614"/>
                    </a:lnTo>
                    <a:lnTo>
                      <a:pt x="2119" y="616"/>
                    </a:lnTo>
                    <a:lnTo>
                      <a:pt x="2120" y="620"/>
                    </a:lnTo>
                    <a:lnTo>
                      <a:pt x="2122" y="624"/>
                    </a:lnTo>
                    <a:lnTo>
                      <a:pt x="2123" y="628"/>
                    </a:lnTo>
                    <a:lnTo>
                      <a:pt x="2123" y="631"/>
                    </a:lnTo>
                    <a:lnTo>
                      <a:pt x="2122" y="632"/>
                    </a:lnTo>
                    <a:lnTo>
                      <a:pt x="2119" y="635"/>
                    </a:lnTo>
                    <a:lnTo>
                      <a:pt x="2109" y="636"/>
                    </a:lnTo>
                    <a:close/>
                    <a:moveTo>
                      <a:pt x="505" y="2556"/>
                    </a:moveTo>
                    <a:lnTo>
                      <a:pt x="506" y="2554"/>
                    </a:lnTo>
                    <a:lnTo>
                      <a:pt x="508" y="2554"/>
                    </a:lnTo>
                    <a:lnTo>
                      <a:pt x="514" y="2563"/>
                    </a:lnTo>
                    <a:lnTo>
                      <a:pt x="522" y="2570"/>
                    </a:lnTo>
                    <a:lnTo>
                      <a:pt x="530" y="2575"/>
                    </a:lnTo>
                    <a:lnTo>
                      <a:pt x="539" y="2578"/>
                    </a:lnTo>
                    <a:lnTo>
                      <a:pt x="548" y="2580"/>
                    </a:lnTo>
                    <a:lnTo>
                      <a:pt x="558" y="2582"/>
                    </a:lnTo>
                    <a:lnTo>
                      <a:pt x="568" y="2583"/>
                    </a:lnTo>
                    <a:lnTo>
                      <a:pt x="579" y="2583"/>
                    </a:lnTo>
                    <a:lnTo>
                      <a:pt x="585" y="2582"/>
                    </a:lnTo>
                    <a:lnTo>
                      <a:pt x="590" y="2580"/>
                    </a:lnTo>
                    <a:lnTo>
                      <a:pt x="594" y="2578"/>
                    </a:lnTo>
                    <a:lnTo>
                      <a:pt x="600" y="2575"/>
                    </a:lnTo>
                    <a:lnTo>
                      <a:pt x="607" y="2566"/>
                    </a:lnTo>
                    <a:lnTo>
                      <a:pt x="614" y="2557"/>
                    </a:lnTo>
                    <a:lnTo>
                      <a:pt x="619" y="2548"/>
                    </a:lnTo>
                    <a:lnTo>
                      <a:pt x="624" y="2540"/>
                    </a:lnTo>
                    <a:lnTo>
                      <a:pt x="628" y="2534"/>
                    </a:lnTo>
                    <a:lnTo>
                      <a:pt x="633" y="2531"/>
                    </a:lnTo>
                    <a:lnTo>
                      <a:pt x="638" y="2532"/>
                    </a:lnTo>
                    <a:lnTo>
                      <a:pt x="644" y="2536"/>
                    </a:lnTo>
                    <a:lnTo>
                      <a:pt x="647" y="2540"/>
                    </a:lnTo>
                    <a:lnTo>
                      <a:pt x="653" y="2545"/>
                    </a:lnTo>
                    <a:lnTo>
                      <a:pt x="658" y="2550"/>
                    </a:lnTo>
                    <a:lnTo>
                      <a:pt x="663" y="2552"/>
                    </a:lnTo>
                    <a:lnTo>
                      <a:pt x="666" y="2552"/>
                    </a:lnTo>
                    <a:lnTo>
                      <a:pt x="669" y="2552"/>
                    </a:lnTo>
                    <a:lnTo>
                      <a:pt x="673" y="2549"/>
                    </a:lnTo>
                    <a:lnTo>
                      <a:pt x="677" y="2547"/>
                    </a:lnTo>
                    <a:lnTo>
                      <a:pt x="684" y="2540"/>
                    </a:lnTo>
                    <a:lnTo>
                      <a:pt x="690" y="2534"/>
                    </a:lnTo>
                    <a:lnTo>
                      <a:pt x="694" y="2528"/>
                    </a:lnTo>
                    <a:lnTo>
                      <a:pt x="695" y="2525"/>
                    </a:lnTo>
                    <a:lnTo>
                      <a:pt x="697" y="2521"/>
                    </a:lnTo>
                    <a:lnTo>
                      <a:pt x="697" y="2518"/>
                    </a:lnTo>
                    <a:lnTo>
                      <a:pt x="695" y="2516"/>
                    </a:lnTo>
                    <a:lnTo>
                      <a:pt x="693" y="2513"/>
                    </a:lnTo>
                    <a:lnTo>
                      <a:pt x="688" y="2508"/>
                    </a:lnTo>
                    <a:lnTo>
                      <a:pt x="682" y="2503"/>
                    </a:lnTo>
                    <a:lnTo>
                      <a:pt x="680" y="2500"/>
                    </a:lnTo>
                    <a:lnTo>
                      <a:pt x="679" y="2496"/>
                    </a:lnTo>
                    <a:lnTo>
                      <a:pt x="679" y="2492"/>
                    </a:lnTo>
                    <a:lnTo>
                      <a:pt x="679" y="2487"/>
                    </a:lnTo>
                    <a:lnTo>
                      <a:pt x="680" y="2481"/>
                    </a:lnTo>
                    <a:lnTo>
                      <a:pt x="684" y="2475"/>
                    </a:lnTo>
                    <a:lnTo>
                      <a:pt x="686" y="2471"/>
                    </a:lnTo>
                    <a:lnTo>
                      <a:pt x="692" y="2469"/>
                    </a:lnTo>
                    <a:lnTo>
                      <a:pt x="695" y="2466"/>
                    </a:lnTo>
                    <a:lnTo>
                      <a:pt x="699" y="2464"/>
                    </a:lnTo>
                    <a:lnTo>
                      <a:pt x="702" y="2460"/>
                    </a:lnTo>
                    <a:lnTo>
                      <a:pt x="704" y="2455"/>
                    </a:lnTo>
                    <a:lnTo>
                      <a:pt x="707" y="2444"/>
                    </a:lnTo>
                    <a:lnTo>
                      <a:pt x="707" y="2431"/>
                    </a:lnTo>
                    <a:lnTo>
                      <a:pt x="707" y="2420"/>
                    </a:lnTo>
                    <a:lnTo>
                      <a:pt x="708" y="2408"/>
                    </a:lnTo>
                    <a:lnTo>
                      <a:pt x="711" y="2408"/>
                    </a:lnTo>
                    <a:lnTo>
                      <a:pt x="714" y="2409"/>
                    </a:lnTo>
                    <a:lnTo>
                      <a:pt x="715" y="2412"/>
                    </a:lnTo>
                    <a:lnTo>
                      <a:pt x="717" y="2416"/>
                    </a:lnTo>
                    <a:lnTo>
                      <a:pt x="721" y="2424"/>
                    </a:lnTo>
                    <a:lnTo>
                      <a:pt x="725" y="2434"/>
                    </a:lnTo>
                    <a:lnTo>
                      <a:pt x="730" y="2455"/>
                    </a:lnTo>
                    <a:lnTo>
                      <a:pt x="734" y="2470"/>
                    </a:lnTo>
                    <a:lnTo>
                      <a:pt x="737" y="2478"/>
                    </a:lnTo>
                    <a:lnTo>
                      <a:pt x="741" y="2484"/>
                    </a:lnTo>
                    <a:lnTo>
                      <a:pt x="745" y="2490"/>
                    </a:lnTo>
                    <a:lnTo>
                      <a:pt x="749" y="2492"/>
                    </a:lnTo>
                    <a:lnTo>
                      <a:pt x="751" y="2492"/>
                    </a:lnTo>
                    <a:lnTo>
                      <a:pt x="752" y="2492"/>
                    </a:lnTo>
                    <a:lnTo>
                      <a:pt x="755" y="2491"/>
                    </a:lnTo>
                    <a:lnTo>
                      <a:pt x="756" y="2490"/>
                    </a:lnTo>
                    <a:lnTo>
                      <a:pt x="758" y="2483"/>
                    </a:lnTo>
                    <a:lnTo>
                      <a:pt x="758" y="2474"/>
                    </a:lnTo>
                    <a:lnTo>
                      <a:pt x="758" y="2459"/>
                    </a:lnTo>
                    <a:lnTo>
                      <a:pt x="758" y="2442"/>
                    </a:lnTo>
                    <a:lnTo>
                      <a:pt x="759" y="2424"/>
                    </a:lnTo>
                    <a:lnTo>
                      <a:pt x="761" y="2407"/>
                    </a:lnTo>
                    <a:lnTo>
                      <a:pt x="763" y="2390"/>
                    </a:lnTo>
                    <a:lnTo>
                      <a:pt x="763" y="2372"/>
                    </a:lnTo>
                    <a:lnTo>
                      <a:pt x="761" y="2355"/>
                    </a:lnTo>
                    <a:lnTo>
                      <a:pt x="759" y="2339"/>
                    </a:lnTo>
                    <a:lnTo>
                      <a:pt x="742" y="2341"/>
                    </a:lnTo>
                    <a:lnTo>
                      <a:pt x="719" y="2341"/>
                    </a:lnTo>
                    <a:lnTo>
                      <a:pt x="707" y="2339"/>
                    </a:lnTo>
                    <a:lnTo>
                      <a:pt x="698" y="2337"/>
                    </a:lnTo>
                    <a:lnTo>
                      <a:pt x="694" y="2334"/>
                    </a:lnTo>
                    <a:lnTo>
                      <a:pt x="692" y="2332"/>
                    </a:lnTo>
                    <a:lnTo>
                      <a:pt x="690" y="2329"/>
                    </a:lnTo>
                    <a:lnTo>
                      <a:pt x="690" y="2325"/>
                    </a:lnTo>
                    <a:lnTo>
                      <a:pt x="690" y="2321"/>
                    </a:lnTo>
                    <a:lnTo>
                      <a:pt x="692" y="2317"/>
                    </a:lnTo>
                    <a:lnTo>
                      <a:pt x="694" y="2313"/>
                    </a:lnTo>
                    <a:lnTo>
                      <a:pt x="695" y="2311"/>
                    </a:lnTo>
                    <a:lnTo>
                      <a:pt x="701" y="2306"/>
                    </a:lnTo>
                    <a:lnTo>
                      <a:pt x="707" y="2300"/>
                    </a:lnTo>
                    <a:lnTo>
                      <a:pt x="714" y="2295"/>
                    </a:lnTo>
                    <a:lnTo>
                      <a:pt x="719" y="2289"/>
                    </a:lnTo>
                    <a:lnTo>
                      <a:pt x="721" y="2286"/>
                    </a:lnTo>
                    <a:lnTo>
                      <a:pt x="723" y="2282"/>
                    </a:lnTo>
                    <a:lnTo>
                      <a:pt x="724" y="2278"/>
                    </a:lnTo>
                    <a:lnTo>
                      <a:pt x="724" y="2273"/>
                    </a:lnTo>
                    <a:lnTo>
                      <a:pt x="723" y="2255"/>
                    </a:lnTo>
                    <a:lnTo>
                      <a:pt x="719" y="2238"/>
                    </a:lnTo>
                    <a:lnTo>
                      <a:pt x="715" y="2220"/>
                    </a:lnTo>
                    <a:lnTo>
                      <a:pt x="710" y="2202"/>
                    </a:lnTo>
                    <a:lnTo>
                      <a:pt x="704" y="2184"/>
                    </a:lnTo>
                    <a:lnTo>
                      <a:pt x="701" y="2166"/>
                    </a:lnTo>
                    <a:lnTo>
                      <a:pt x="697" y="2149"/>
                    </a:lnTo>
                    <a:lnTo>
                      <a:pt x="697" y="2132"/>
                    </a:lnTo>
                    <a:lnTo>
                      <a:pt x="697" y="2114"/>
                    </a:lnTo>
                    <a:lnTo>
                      <a:pt x="697" y="2100"/>
                    </a:lnTo>
                    <a:lnTo>
                      <a:pt x="694" y="2089"/>
                    </a:lnTo>
                    <a:lnTo>
                      <a:pt x="692" y="2080"/>
                    </a:lnTo>
                    <a:lnTo>
                      <a:pt x="685" y="2072"/>
                    </a:lnTo>
                    <a:lnTo>
                      <a:pt x="677" y="2063"/>
                    </a:lnTo>
                    <a:lnTo>
                      <a:pt x="666" y="2056"/>
                    </a:lnTo>
                    <a:lnTo>
                      <a:pt x="650" y="2045"/>
                    </a:lnTo>
                    <a:lnTo>
                      <a:pt x="616" y="2045"/>
                    </a:lnTo>
                    <a:lnTo>
                      <a:pt x="578" y="2047"/>
                    </a:lnTo>
                    <a:lnTo>
                      <a:pt x="557" y="2047"/>
                    </a:lnTo>
                    <a:lnTo>
                      <a:pt x="539" y="2045"/>
                    </a:lnTo>
                    <a:lnTo>
                      <a:pt x="522" y="2043"/>
                    </a:lnTo>
                    <a:lnTo>
                      <a:pt x="509" y="2039"/>
                    </a:lnTo>
                    <a:lnTo>
                      <a:pt x="500" y="2035"/>
                    </a:lnTo>
                    <a:lnTo>
                      <a:pt x="492" y="2032"/>
                    </a:lnTo>
                    <a:lnTo>
                      <a:pt x="483" y="2031"/>
                    </a:lnTo>
                    <a:lnTo>
                      <a:pt x="476" y="2031"/>
                    </a:lnTo>
                    <a:lnTo>
                      <a:pt x="462" y="2032"/>
                    </a:lnTo>
                    <a:lnTo>
                      <a:pt x="449" y="2035"/>
                    </a:lnTo>
                    <a:lnTo>
                      <a:pt x="438" y="2039"/>
                    </a:lnTo>
                    <a:lnTo>
                      <a:pt x="425" y="2041"/>
                    </a:lnTo>
                    <a:lnTo>
                      <a:pt x="418" y="2043"/>
                    </a:lnTo>
                    <a:lnTo>
                      <a:pt x="412" y="2043"/>
                    </a:lnTo>
                    <a:lnTo>
                      <a:pt x="405" y="2043"/>
                    </a:lnTo>
                    <a:lnTo>
                      <a:pt x="399" y="2041"/>
                    </a:lnTo>
                    <a:lnTo>
                      <a:pt x="400" y="2031"/>
                    </a:lnTo>
                    <a:lnTo>
                      <a:pt x="403" y="2023"/>
                    </a:lnTo>
                    <a:lnTo>
                      <a:pt x="408" y="2015"/>
                    </a:lnTo>
                    <a:lnTo>
                      <a:pt x="414" y="2009"/>
                    </a:lnTo>
                    <a:lnTo>
                      <a:pt x="430" y="1997"/>
                    </a:lnTo>
                    <a:lnTo>
                      <a:pt x="447" y="1988"/>
                    </a:lnTo>
                    <a:lnTo>
                      <a:pt x="454" y="1983"/>
                    </a:lnTo>
                    <a:lnTo>
                      <a:pt x="462" y="1978"/>
                    </a:lnTo>
                    <a:lnTo>
                      <a:pt x="469" y="1973"/>
                    </a:lnTo>
                    <a:lnTo>
                      <a:pt x="473" y="1968"/>
                    </a:lnTo>
                    <a:lnTo>
                      <a:pt x="476" y="1961"/>
                    </a:lnTo>
                    <a:lnTo>
                      <a:pt x="476" y="1953"/>
                    </a:lnTo>
                    <a:lnTo>
                      <a:pt x="475" y="1944"/>
                    </a:lnTo>
                    <a:lnTo>
                      <a:pt x="470" y="1934"/>
                    </a:lnTo>
                    <a:lnTo>
                      <a:pt x="462" y="1921"/>
                    </a:lnTo>
                    <a:lnTo>
                      <a:pt x="453" y="1903"/>
                    </a:lnTo>
                    <a:lnTo>
                      <a:pt x="443" y="1886"/>
                    </a:lnTo>
                    <a:lnTo>
                      <a:pt x="434" y="1874"/>
                    </a:lnTo>
                    <a:lnTo>
                      <a:pt x="426" y="1885"/>
                    </a:lnTo>
                    <a:lnTo>
                      <a:pt x="413" y="1905"/>
                    </a:lnTo>
                    <a:lnTo>
                      <a:pt x="395" y="1935"/>
                    </a:lnTo>
                    <a:lnTo>
                      <a:pt x="374" y="1965"/>
                    </a:lnTo>
                    <a:lnTo>
                      <a:pt x="353" y="1995"/>
                    </a:lnTo>
                    <a:lnTo>
                      <a:pt x="337" y="2015"/>
                    </a:lnTo>
                    <a:lnTo>
                      <a:pt x="329" y="2022"/>
                    </a:lnTo>
                    <a:lnTo>
                      <a:pt x="322" y="2026"/>
                    </a:lnTo>
                    <a:lnTo>
                      <a:pt x="320" y="2026"/>
                    </a:lnTo>
                    <a:lnTo>
                      <a:pt x="318" y="2025"/>
                    </a:lnTo>
                    <a:lnTo>
                      <a:pt x="317" y="2022"/>
                    </a:lnTo>
                    <a:lnTo>
                      <a:pt x="316" y="2019"/>
                    </a:lnTo>
                    <a:lnTo>
                      <a:pt x="317" y="2023"/>
                    </a:lnTo>
                    <a:lnTo>
                      <a:pt x="289" y="2065"/>
                    </a:lnTo>
                    <a:lnTo>
                      <a:pt x="289" y="2071"/>
                    </a:lnTo>
                    <a:lnTo>
                      <a:pt x="287" y="2075"/>
                    </a:lnTo>
                    <a:lnTo>
                      <a:pt x="285" y="2079"/>
                    </a:lnTo>
                    <a:lnTo>
                      <a:pt x="282" y="2083"/>
                    </a:lnTo>
                    <a:lnTo>
                      <a:pt x="272" y="2087"/>
                    </a:lnTo>
                    <a:lnTo>
                      <a:pt x="260" y="2089"/>
                    </a:lnTo>
                    <a:lnTo>
                      <a:pt x="234" y="2092"/>
                    </a:lnTo>
                    <a:lnTo>
                      <a:pt x="212" y="2093"/>
                    </a:lnTo>
                    <a:lnTo>
                      <a:pt x="206" y="2096"/>
                    </a:lnTo>
                    <a:lnTo>
                      <a:pt x="201" y="2098"/>
                    </a:lnTo>
                    <a:lnTo>
                      <a:pt x="197" y="2101"/>
                    </a:lnTo>
                    <a:lnTo>
                      <a:pt x="193" y="2105"/>
                    </a:lnTo>
                    <a:lnTo>
                      <a:pt x="190" y="2109"/>
                    </a:lnTo>
                    <a:lnTo>
                      <a:pt x="189" y="2113"/>
                    </a:lnTo>
                    <a:lnTo>
                      <a:pt x="189" y="2117"/>
                    </a:lnTo>
                    <a:lnTo>
                      <a:pt x="189" y="2122"/>
                    </a:lnTo>
                    <a:lnTo>
                      <a:pt x="191" y="2131"/>
                    </a:lnTo>
                    <a:lnTo>
                      <a:pt x="195" y="2141"/>
                    </a:lnTo>
                    <a:lnTo>
                      <a:pt x="201" y="2150"/>
                    </a:lnTo>
                    <a:lnTo>
                      <a:pt x="206" y="2159"/>
                    </a:lnTo>
                    <a:lnTo>
                      <a:pt x="210" y="2166"/>
                    </a:lnTo>
                    <a:lnTo>
                      <a:pt x="212" y="2171"/>
                    </a:lnTo>
                    <a:lnTo>
                      <a:pt x="212" y="2175"/>
                    </a:lnTo>
                    <a:lnTo>
                      <a:pt x="212" y="2179"/>
                    </a:lnTo>
                    <a:lnTo>
                      <a:pt x="211" y="2181"/>
                    </a:lnTo>
                    <a:lnTo>
                      <a:pt x="208" y="2184"/>
                    </a:lnTo>
                    <a:lnTo>
                      <a:pt x="206" y="2185"/>
                    </a:lnTo>
                    <a:lnTo>
                      <a:pt x="202" y="2186"/>
                    </a:lnTo>
                    <a:lnTo>
                      <a:pt x="182" y="2189"/>
                    </a:lnTo>
                    <a:lnTo>
                      <a:pt x="164" y="2193"/>
                    </a:lnTo>
                    <a:lnTo>
                      <a:pt x="156" y="2197"/>
                    </a:lnTo>
                    <a:lnTo>
                      <a:pt x="150" y="2202"/>
                    </a:lnTo>
                    <a:lnTo>
                      <a:pt x="144" y="2207"/>
                    </a:lnTo>
                    <a:lnTo>
                      <a:pt x="138" y="2214"/>
                    </a:lnTo>
                    <a:lnTo>
                      <a:pt x="134" y="2220"/>
                    </a:lnTo>
                    <a:lnTo>
                      <a:pt x="131" y="2228"/>
                    </a:lnTo>
                    <a:lnTo>
                      <a:pt x="128" y="2236"/>
                    </a:lnTo>
                    <a:lnTo>
                      <a:pt x="127" y="2245"/>
                    </a:lnTo>
                    <a:lnTo>
                      <a:pt x="124" y="2262"/>
                    </a:lnTo>
                    <a:lnTo>
                      <a:pt x="124" y="2278"/>
                    </a:lnTo>
                    <a:lnTo>
                      <a:pt x="127" y="2295"/>
                    </a:lnTo>
                    <a:lnTo>
                      <a:pt x="132" y="2311"/>
                    </a:lnTo>
                    <a:lnTo>
                      <a:pt x="136" y="2321"/>
                    </a:lnTo>
                    <a:lnTo>
                      <a:pt x="141" y="2332"/>
                    </a:lnTo>
                    <a:lnTo>
                      <a:pt x="146" y="2343"/>
                    </a:lnTo>
                    <a:lnTo>
                      <a:pt x="154" y="2354"/>
                    </a:lnTo>
                    <a:lnTo>
                      <a:pt x="162" y="2365"/>
                    </a:lnTo>
                    <a:lnTo>
                      <a:pt x="171" y="2376"/>
                    </a:lnTo>
                    <a:lnTo>
                      <a:pt x="180" y="2386"/>
                    </a:lnTo>
                    <a:lnTo>
                      <a:pt x="190" y="2396"/>
                    </a:lnTo>
                    <a:lnTo>
                      <a:pt x="201" y="2404"/>
                    </a:lnTo>
                    <a:lnTo>
                      <a:pt x="211" y="2413"/>
                    </a:lnTo>
                    <a:lnTo>
                      <a:pt x="223" y="2420"/>
                    </a:lnTo>
                    <a:lnTo>
                      <a:pt x="234" y="2425"/>
                    </a:lnTo>
                    <a:lnTo>
                      <a:pt x="246" y="2429"/>
                    </a:lnTo>
                    <a:lnTo>
                      <a:pt x="258" y="2431"/>
                    </a:lnTo>
                    <a:lnTo>
                      <a:pt x="269" y="2433"/>
                    </a:lnTo>
                    <a:lnTo>
                      <a:pt x="281" y="2431"/>
                    </a:lnTo>
                    <a:lnTo>
                      <a:pt x="287" y="2430"/>
                    </a:lnTo>
                    <a:lnTo>
                      <a:pt x="294" y="2427"/>
                    </a:lnTo>
                    <a:lnTo>
                      <a:pt x="300" y="2425"/>
                    </a:lnTo>
                    <a:lnTo>
                      <a:pt x="307" y="2421"/>
                    </a:lnTo>
                    <a:lnTo>
                      <a:pt x="320" y="2412"/>
                    </a:lnTo>
                    <a:lnTo>
                      <a:pt x="331" y="2404"/>
                    </a:lnTo>
                    <a:lnTo>
                      <a:pt x="344" y="2395"/>
                    </a:lnTo>
                    <a:lnTo>
                      <a:pt x="359" y="2387"/>
                    </a:lnTo>
                    <a:lnTo>
                      <a:pt x="366" y="2385"/>
                    </a:lnTo>
                    <a:lnTo>
                      <a:pt x="374" y="2382"/>
                    </a:lnTo>
                    <a:lnTo>
                      <a:pt x="382" y="2381"/>
                    </a:lnTo>
                    <a:lnTo>
                      <a:pt x="391" y="2381"/>
                    </a:lnTo>
                    <a:lnTo>
                      <a:pt x="395" y="2381"/>
                    </a:lnTo>
                    <a:lnTo>
                      <a:pt x="399" y="2383"/>
                    </a:lnTo>
                    <a:lnTo>
                      <a:pt x="403" y="2386"/>
                    </a:lnTo>
                    <a:lnTo>
                      <a:pt x="406" y="2391"/>
                    </a:lnTo>
                    <a:lnTo>
                      <a:pt x="412" y="2402"/>
                    </a:lnTo>
                    <a:lnTo>
                      <a:pt x="418" y="2414"/>
                    </a:lnTo>
                    <a:lnTo>
                      <a:pt x="426" y="2443"/>
                    </a:lnTo>
                    <a:lnTo>
                      <a:pt x="432" y="2464"/>
                    </a:lnTo>
                    <a:lnTo>
                      <a:pt x="436" y="2473"/>
                    </a:lnTo>
                    <a:lnTo>
                      <a:pt x="441" y="2479"/>
                    </a:lnTo>
                    <a:lnTo>
                      <a:pt x="447" y="2483"/>
                    </a:lnTo>
                    <a:lnTo>
                      <a:pt x="457" y="2487"/>
                    </a:lnTo>
                    <a:lnTo>
                      <a:pt x="466" y="2490"/>
                    </a:lnTo>
                    <a:lnTo>
                      <a:pt x="475" y="2492"/>
                    </a:lnTo>
                    <a:lnTo>
                      <a:pt x="484" y="2495"/>
                    </a:lnTo>
                    <a:lnTo>
                      <a:pt x="491" y="2500"/>
                    </a:lnTo>
                    <a:lnTo>
                      <a:pt x="495" y="2505"/>
                    </a:lnTo>
                    <a:lnTo>
                      <a:pt x="497" y="2510"/>
                    </a:lnTo>
                    <a:lnTo>
                      <a:pt x="498" y="2518"/>
                    </a:lnTo>
                    <a:lnTo>
                      <a:pt x="501" y="2526"/>
                    </a:lnTo>
                    <a:lnTo>
                      <a:pt x="504" y="2543"/>
                    </a:lnTo>
                    <a:lnTo>
                      <a:pt x="508" y="2554"/>
                    </a:lnTo>
                    <a:lnTo>
                      <a:pt x="505" y="2556"/>
                    </a:lnTo>
                    <a:close/>
                    <a:moveTo>
                      <a:pt x="905" y="2677"/>
                    </a:moveTo>
                    <a:lnTo>
                      <a:pt x="917" y="2667"/>
                    </a:lnTo>
                    <a:lnTo>
                      <a:pt x="930" y="2655"/>
                    </a:lnTo>
                    <a:lnTo>
                      <a:pt x="942" y="2648"/>
                    </a:lnTo>
                    <a:lnTo>
                      <a:pt x="953" y="2639"/>
                    </a:lnTo>
                    <a:lnTo>
                      <a:pt x="964" y="2628"/>
                    </a:lnTo>
                    <a:lnTo>
                      <a:pt x="973" y="2617"/>
                    </a:lnTo>
                    <a:lnTo>
                      <a:pt x="977" y="2613"/>
                    </a:lnTo>
                    <a:lnTo>
                      <a:pt x="983" y="2607"/>
                    </a:lnTo>
                    <a:lnTo>
                      <a:pt x="988" y="2604"/>
                    </a:lnTo>
                    <a:lnTo>
                      <a:pt x="995" y="2601"/>
                    </a:lnTo>
                    <a:lnTo>
                      <a:pt x="1005" y="2598"/>
                    </a:lnTo>
                    <a:lnTo>
                      <a:pt x="1014" y="2598"/>
                    </a:lnTo>
                    <a:lnTo>
                      <a:pt x="1023" y="2600"/>
                    </a:lnTo>
                    <a:lnTo>
                      <a:pt x="1034" y="2600"/>
                    </a:lnTo>
                    <a:lnTo>
                      <a:pt x="1037" y="2601"/>
                    </a:lnTo>
                    <a:lnTo>
                      <a:pt x="1041" y="2602"/>
                    </a:lnTo>
                    <a:lnTo>
                      <a:pt x="1044" y="2604"/>
                    </a:lnTo>
                    <a:lnTo>
                      <a:pt x="1045" y="2605"/>
                    </a:lnTo>
                    <a:lnTo>
                      <a:pt x="1045" y="2607"/>
                    </a:lnTo>
                    <a:lnTo>
                      <a:pt x="1044" y="2609"/>
                    </a:lnTo>
                    <a:lnTo>
                      <a:pt x="1041" y="2611"/>
                    </a:lnTo>
                    <a:lnTo>
                      <a:pt x="1037" y="2614"/>
                    </a:lnTo>
                    <a:lnTo>
                      <a:pt x="1030" y="2619"/>
                    </a:lnTo>
                    <a:lnTo>
                      <a:pt x="1024" y="2626"/>
                    </a:lnTo>
                    <a:lnTo>
                      <a:pt x="1023" y="2631"/>
                    </a:lnTo>
                    <a:lnTo>
                      <a:pt x="1023" y="2637"/>
                    </a:lnTo>
                    <a:lnTo>
                      <a:pt x="1027" y="2652"/>
                    </a:lnTo>
                    <a:lnTo>
                      <a:pt x="1031" y="2667"/>
                    </a:lnTo>
                    <a:lnTo>
                      <a:pt x="1031" y="2674"/>
                    </a:lnTo>
                    <a:lnTo>
                      <a:pt x="1031" y="2680"/>
                    </a:lnTo>
                    <a:lnTo>
                      <a:pt x="1028" y="2684"/>
                    </a:lnTo>
                    <a:lnTo>
                      <a:pt x="1026" y="2688"/>
                    </a:lnTo>
                    <a:lnTo>
                      <a:pt x="1015" y="2693"/>
                    </a:lnTo>
                    <a:lnTo>
                      <a:pt x="1004" y="2697"/>
                    </a:lnTo>
                    <a:lnTo>
                      <a:pt x="993" y="2702"/>
                    </a:lnTo>
                    <a:lnTo>
                      <a:pt x="982" y="2707"/>
                    </a:lnTo>
                    <a:lnTo>
                      <a:pt x="971" y="2714"/>
                    </a:lnTo>
                    <a:lnTo>
                      <a:pt x="961" y="2719"/>
                    </a:lnTo>
                    <a:lnTo>
                      <a:pt x="948" y="2723"/>
                    </a:lnTo>
                    <a:lnTo>
                      <a:pt x="936" y="2725"/>
                    </a:lnTo>
                    <a:lnTo>
                      <a:pt x="923" y="2727"/>
                    </a:lnTo>
                    <a:lnTo>
                      <a:pt x="910" y="2729"/>
                    </a:lnTo>
                    <a:lnTo>
                      <a:pt x="905" y="2731"/>
                    </a:lnTo>
                    <a:lnTo>
                      <a:pt x="901" y="2731"/>
                    </a:lnTo>
                    <a:lnTo>
                      <a:pt x="899" y="2731"/>
                    </a:lnTo>
                    <a:lnTo>
                      <a:pt x="895" y="2731"/>
                    </a:lnTo>
                    <a:lnTo>
                      <a:pt x="891" y="2727"/>
                    </a:lnTo>
                    <a:lnTo>
                      <a:pt x="890" y="2721"/>
                    </a:lnTo>
                    <a:lnTo>
                      <a:pt x="888" y="2707"/>
                    </a:lnTo>
                    <a:lnTo>
                      <a:pt x="888" y="2694"/>
                    </a:lnTo>
                    <a:lnTo>
                      <a:pt x="905" y="2677"/>
                    </a:lnTo>
                    <a:close/>
                    <a:moveTo>
                      <a:pt x="943" y="879"/>
                    </a:moveTo>
                    <a:lnTo>
                      <a:pt x="956" y="870"/>
                    </a:lnTo>
                    <a:lnTo>
                      <a:pt x="975" y="856"/>
                    </a:lnTo>
                    <a:lnTo>
                      <a:pt x="984" y="848"/>
                    </a:lnTo>
                    <a:lnTo>
                      <a:pt x="992" y="841"/>
                    </a:lnTo>
                    <a:lnTo>
                      <a:pt x="995" y="837"/>
                    </a:lnTo>
                    <a:lnTo>
                      <a:pt x="996" y="834"/>
                    </a:lnTo>
                    <a:lnTo>
                      <a:pt x="997" y="830"/>
                    </a:lnTo>
                    <a:lnTo>
                      <a:pt x="997" y="828"/>
                    </a:lnTo>
                    <a:lnTo>
                      <a:pt x="991" y="822"/>
                    </a:lnTo>
                    <a:lnTo>
                      <a:pt x="979" y="816"/>
                    </a:lnTo>
                    <a:lnTo>
                      <a:pt x="966" y="808"/>
                    </a:lnTo>
                    <a:lnTo>
                      <a:pt x="957" y="803"/>
                    </a:lnTo>
                    <a:lnTo>
                      <a:pt x="966" y="793"/>
                    </a:lnTo>
                    <a:lnTo>
                      <a:pt x="982" y="780"/>
                    </a:lnTo>
                    <a:lnTo>
                      <a:pt x="983" y="777"/>
                    </a:lnTo>
                    <a:lnTo>
                      <a:pt x="983" y="773"/>
                    </a:lnTo>
                    <a:lnTo>
                      <a:pt x="982" y="769"/>
                    </a:lnTo>
                    <a:lnTo>
                      <a:pt x="982" y="767"/>
                    </a:lnTo>
                    <a:lnTo>
                      <a:pt x="978" y="760"/>
                    </a:lnTo>
                    <a:lnTo>
                      <a:pt x="973" y="754"/>
                    </a:lnTo>
                    <a:lnTo>
                      <a:pt x="969" y="746"/>
                    </a:lnTo>
                    <a:lnTo>
                      <a:pt x="964" y="739"/>
                    </a:lnTo>
                    <a:lnTo>
                      <a:pt x="960" y="733"/>
                    </a:lnTo>
                    <a:lnTo>
                      <a:pt x="958" y="727"/>
                    </a:lnTo>
                    <a:lnTo>
                      <a:pt x="958" y="723"/>
                    </a:lnTo>
                    <a:lnTo>
                      <a:pt x="960" y="720"/>
                    </a:lnTo>
                    <a:lnTo>
                      <a:pt x="962" y="717"/>
                    </a:lnTo>
                    <a:lnTo>
                      <a:pt x="965" y="715"/>
                    </a:lnTo>
                    <a:lnTo>
                      <a:pt x="971" y="711"/>
                    </a:lnTo>
                    <a:lnTo>
                      <a:pt x="979" y="707"/>
                    </a:lnTo>
                    <a:lnTo>
                      <a:pt x="996" y="705"/>
                    </a:lnTo>
                    <a:lnTo>
                      <a:pt x="1010" y="703"/>
                    </a:lnTo>
                    <a:lnTo>
                      <a:pt x="1010" y="716"/>
                    </a:lnTo>
                    <a:lnTo>
                      <a:pt x="1010" y="730"/>
                    </a:lnTo>
                    <a:lnTo>
                      <a:pt x="1011" y="737"/>
                    </a:lnTo>
                    <a:lnTo>
                      <a:pt x="1014" y="743"/>
                    </a:lnTo>
                    <a:lnTo>
                      <a:pt x="1018" y="749"/>
                    </a:lnTo>
                    <a:lnTo>
                      <a:pt x="1023" y="754"/>
                    </a:lnTo>
                    <a:lnTo>
                      <a:pt x="1037" y="760"/>
                    </a:lnTo>
                    <a:lnTo>
                      <a:pt x="1048" y="764"/>
                    </a:lnTo>
                    <a:lnTo>
                      <a:pt x="1057" y="765"/>
                    </a:lnTo>
                    <a:lnTo>
                      <a:pt x="1065" y="765"/>
                    </a:lnTo>
                    <a:lnTo>
                      <a:pt x="1070" y="763"/>
                    </a:lnTo>
                    <a:lnTo>
                      <a:pt x="1075" y="758"/>
                    </a:lnTo>
                    <a:lnTo>
                      <a:pt x="1079" y="752"/>
                    </a:lnTo>
                    <a:lnTo>
                      <a:pt x="1083" y="746"/>
                    </a:lnTo>
                    <a:lnTo>
                      <a:pt x="1088" y="730"/>
                    </a:lnTo>
                    <a:lnTo>
                      <a:pt x="1093" y="714"/>
                    </a:lnTo>
                    <a:lnTo>
                      <a:pt x="1097" y="706"/>
                    </a:lnTo>
                    <a:lnTo>
                      <a:pt x="1101" y="699"/>
                    </a:lnTo>
                    <a:lnTo>
                      <a:pt x="1107" y="693"/>
                    </a:lnTo>
                    <a:lnTo>
                      <a:pt x="1114" y="689"/>
                    </a:lnTo>
                    <a:lnTo>
                      <a:pt x="1137" y="677"/>
                    </a:lnTo>
                    <a:lnTo>
                      <a:pt x="1162" y="667"/>
                    </a:lnTo>
                    <a:lnTo>
                      <a:pt x="1175" y="662"/>
                    </a:lnTo>
                    <a:lnTo>
                      <a:pt x="1188" y="658"/>
                    </a:lnTo>
                    <a:lnTo>
                      <a:pt x="1201" y="655"/>
                    </a:lnTo>
                    <a:lnTo>
                      <a:pt x="1214" y="653"/>
                    </a:lnTo>
                    <a:lnTo>
                      <a:pt x="1234" y="649"/>
                    </a:lnTo>
                    <a:lnTo>
                      <a:pt x="1247" y="646"/>
                    </a:lnTo>
                    <a:lnTo>
                      <a:pt x="1250" y="648"/>
                    </a:lnTo>
                    <a:lnTo>
                      <a:pt x="1252" y="649"/>
                    </a:lnTo>
                    <a:lnTo>
                      <a:pt x="1254" y="650"/>
                    </a:lnTo>
                    <a:lnTo>
                      <a:pt x="1254" y="653"/>
                    </a:lnTo>
                    <a:lnTo>
                      <a:pt x="1254" y="663"/>
                    </a:lnTo>
                    <a:lnTo>
                      <a:pt x="1251" y="677"/>
                    </a:lnTo>
                    <a:lnTo>
                      <a:pt x="1249" y="688"/>
                    </a:lnTo>
                    <a:lnTo>
                      <a:pt x="1245" y="697"/>
                    </a:lnTo>
                    <a:lnTo>
                      <a:pt x="1241" y="706"/>
                    </a:lnTo>
                    <a:lnTo>
                      <a:pt x="1236" y="714"/>
                    </a:lnTo>
                    <a:lnTo>
                      <a:pt x="1230" y="720"/>
                    </a:lnTo>
                    <a:lnTo>
                      <a:pt x="1224" y="727"/>
                    </a:lnTo>
                    <a:lnTo>
                      <a:pt x="1216" y="734"/>
                    </a:lnTo>
                    <a:lnTo>
                      <a:pt x="1207" y="741"/>
                    </a:lnTo>
                    <a:lnTo>
                      <a:pt x="1197" y="747"/>
                    </a:lnTo>
                    <a:lnTo>
                      <a:pt x="1185" y="752"/>
                    </a:lnTo>
                    <a:lnTo>
                      <a:pt x="1181" y="756"/>
                    </a:lnTo>
                    <a:lnTo>
                      <a:pt x="1180" y="759"/>
                    </a:lnTo>
                    <a:lnTo>
                      <a:pt x="1184" y="763"/>
                    </a:lnTo>
                    <a:lnTo>
                      <a:pt x="1192" y="767"/>
                    </a:lnTo>
                    <a:lnTo>
                      <a:pt x="1201" y="771"/>
                    </a:lnTo>
                    <a:lnTo>
                      <a:pt x="1206" y="773"/>
                    </a:lnTo>
                    <a:lnTo>
                      <a:pt x="1208" y="776"/>
                    </a:lnTo>
                    <a:lnTo>
                      <a:pt x="1208" y="780"/>
                    </a:lnTo>
                    <a:lnTo>
                      <a:pt x="1206" y="781"/>
                    </a:lnTo>
                    <a:lnTo>
                      <a:pt x="1202" y="784"/>
                    </a:lnTo>
                    <a:lnTo>
                      <a:pt x="1195" y="785"/>
                    </a:lnTo>
                    <a:lnTo>
                      <a:pt x="1188" y="786"/>
                    </a:lnTo>
                    <a:lnTo>
                      <a:pt x="1155" y="791"/>
                    </a:lnTo>
                    <a:lnTo>
                      <a:pt x="1131" y="794"/>
                    </a:lnTo>
                    <a:lnTo>
                      <a:pt x="1122" y="796"/>
                    </a:lnTo>
                    <a:lnTo>
                      <a:pt x="1115" y="798"/>
                    </a:lnTo>
                    <a:lnTo>
                      <a:pt x="1113" y="800"/>
                    </a:lnTo>
                    <a:lnTo>
                      <a:pt x="1111" y="803"/>
                    </a:lnTo>
                    <a:lnTo>
                      <a:pt x="1114" y="809"/>
                    </a:lnTo>
                    <a:lnTo>
                      <a:pt x="1120" y="816"/>
                    </a:lnTo>
                    <a:lnTo>
                      <a:pt x="1123" y="820"/>
                    </a:lnTo>
                    <a:lnTo>
                      <a:pt x="1127" y="825"/>
                    </a:lnTo>
                    <a:lnTo>
                      <a:pt x="1129" y="829"/>
                    </a:lnTo>
                    <a:lnTo>
                      <a:pt x="1129" y="834"/>
                    </a:lnTo>
                    <a:lnTo>
                      <a:pt x="1129" y="839"/>
                    </a:lnTo>
                    <a:lnTo>
                      <a:pt x="1127" y="844"/>
                    </a:lnTo>
                    <a:lnTo>
                      <a:pt x="1123" y="850"/>
                    </a:lnTo>
                    <a:lnTo>
                      <a:pt x="1115" y="856"/>
                    </a:lnTo>
                    <a:lnTo>
                      <a:pt x="1106" y="861"/>
                    </a:lnTo>
                    <a:lnTo>
                      <a:pt x="1096" y="864"/>
                    </a:lnTo>
                    <a:lnTo>
                      <a:pt x="1087" y="865"/>
                    </a:lnTo>
                    <a:lnTo>
                      <a:pt x="1076" y="865"/>
                    </a:lnTo>
                    <a:lnTo>
                      <a:pt x="1057" y="861"/>
                    </a:lnTo>
                    <a:lnTo>
                      <a:pt x="1036" y="857"/>
                    </a:lnTo>
                    <a:lnTo>
                      <a:pt x="1031" y="857"/>
                    </a:lnTo>
                    <a:lnTo>
                      <a:pt x="1026" y="859"/>
                    </a:lnTo>
                    <a:lnTo>
                      <a:pt x="1022" y="860"/>
                    </a:lnTo>
                    <a:lnTo>
                      <a:pt x="1018" y="863"/>
                    </a:lnTo>
                    <a:lnTo>
                      <a:pt x="1013" y="870"/>
                    </a:lnTo>
                    <a:lnTo>
                      <a:pt x="1008" y="881"/>
                    </a:lnTo>
                    <a:lnTo>
                      <a:pt x="1002" y="890"/>
                    </a:lnTo>
                    <a:lnTo>
                      <a:pt x="996" y="900"/>
                    </a:lnTo>
                    <a:lnTo>
                      <a:pt x="991" y="904"/>
                    </a:lnTo>
                    <a:lnTo>
                      <a:pt x="986" y="907"/>
                    </a:lnTo>
                    <a:lnTo>
                      <a:pt x="979" y="909"/>
                    </a:lnTo>
                    <a:lnTo>
                      <a:pt x="973" y="912"/>
                    </a:lnTo>
                    <a:lnTo>
                      <a:pt x="956" y="916"/>
                    </a:lnTo>
                    <a:lnTo>
                      <a:pt x="942" y="921"/>
                    </a:lnTo>
                    <a:lnTo>
                      <a:pt x="935" y="921"/>
                    </a:lnTo>
                    <a:lnTo>
                      <a:pt x="930" y="918"/>
                    </a:lnTo>
                    <a:lnTo>
                      <a:pt x="925" y="914"/>
                    </a:lnTo>
                    <a:lnTo>
                      <a:pt x="920" y="909"/>
                    </a:lnTo>
                    <a:lnTo>
                      <a:pt x="916" y="903"/>
                    </a:lnTo>
                    <a:lnTo>
                      <a:pt x="913" y="898"/>
                    </a:lnTo>
                    <a:lnTo>
                      <a:pt x="913" y="891"/>
                    </a:lnTo>
                    <a:lnTo>
                      <a:pt x="914" y="886"/>
                    </a:lnTo>
                    <a:lnTo>
                      <a:pt x="943" y="879"/>
                    </a:lnTo>
                    <a:close/>
                    <a:moveTo>
                      <a:pt x="833" y="974"/>
                    </a:moveTo>
                    <a:lnTo>
                      <a:pt x="822" y="965"/>
                    </a:lnTo>
                    <a:lnTo>
                      <a:pt x="813" y="955"/>
                    </a:lnTo>
                    <a:lnTo>
                      <a:pt x="806" y="945"/>
                    </a:lnTo>
                    <a:lnTo>
                      <a:pt x="796" y="933"/>
                    </a:lnTo>
                    <a:lnTo>
                      <a:pt x="793" y="926"/>
                    </a:lnTo>
                    <a:lnTo>
                      <a:pt x="791" y="920"/>
                    </a:lnTo>
                    <a:lnTo>
                      <a:pt x="791" y="916"/>
                    </a:lnTo>
                    <a:lnTo>
                      <a:pt x="793" y="913"/>
                    </a:lnTo>
                    <a:lnTo>
                      <a:pt x="794" y="910"/>
                    </a:lnTo>
                    <a:lnTo>
                      <a:pt x="796" y="909"/>
                    </a:lnTo>
                    <a:lnTo>
                      <a:pt x="806" y="909"/>
                    </a:lnTo>
                    <a:lnTo>
                      <a:pt x="815" y="912"/>
                    </a:lnTo>
                    <a:lnTo>
                      <a:pt x="828" y="910"/>
                    </a:lnTo>
                    <a:lnTo>
                      <a:pt x="839" y="908"/>
                    </a:lnTo>
                    <a:lnTo>
                      <a:pt x="844" y="907"/>
                    </a:lnTo>
                    <a:lnTo>
                      <a:pt x="851" y="907"/>
                    </a:lnTo>
                    <a:lnTo>
                      <a:pt x="856" y="907"/>
                    </a:lnTo>
                    <a:lnTo>
                      <a:pt x="863" y="907"/>
                    </a:lnTo>
                    <a:lnTo>
                      <a:pt x="869" y="909"/>
                    </a:lnTo>
                    <a:lnTo>
                      <a:pt x="873" y="914"/>
                    </a:lnTo>
                    <a:lnTo>
                      <a:pt x="875" y="920"/>
                    </a:lnTo>
                    <a:lnTo>
                      <a:pt x="878" y="926"/>
                    </a:lnTo>
                    <a:lnTo>
                      <a:pt x="879" y="939"/>
                    </a:lnTo>
                    <a:lnTo>
                      <a:pt x="882" y="952"/>
                    </a:lnTo>
                    <a:lnTo>
                      <a:pt x="883" y="956"/>
                    </a:lnTo>
                    <a:lnTo>
                      <a:pt x="883" y="958"/>
                    </a:lnTo>
                    <a:lnTo>
                      <a:pt x="883" y="961"/>
                    </a:lnTo>
                    <a:lnTo>
                      <a:pt x="882" y="965"/>
                    </a:lnTo>
                    <a:lnTo>
                      <a:pt x="879" y="969"/>
                    </a:lnTo>
                    <a:lnTo>
                      <a:pt x="874" y="973"/>
                    </a:lnTo>
                    <a:lnTo>
                      <a:pt x="868" y="975"/>
                    </a:lnTo>
                    <a:lnTo>
                      <a:pt x="861" y="977"/>
                    </a:lnTo>
                    <a:lnTo>
                      <a:pt x="855" y="978"/>
                    </a:lnTo>
                    <a:lnTo>
                      <a:pt x="848" y="978"/>
                    </a:lnTo>
                    <a:lnTo>
                      <a:pt x="833" y="974"/>
                    </a:lnTo>
                    <a:close/>
                    <a:moveTo>
                      <a:pt x="798" y="1040"/>
                    </a:moveTo>
                    <a:lnTo>
                      <a:pt x="790" y="1035"/>
                    </a:lnTo>
                    <a:lnTo>
                      <a:pt x="785" y="1030"/>
                    </a:lnTo>
                    <a:lnTo>
                      <a:pt x="781" y="1024"/>
                    </a:lnTo>
                    <a:lnTo>
                      <a:pt x="776" y="1017"/>
                    </a:lnTo>
                    <a:lnTo>
                      <a:pt x="773" y="1010"/>
                    </a:lnTo>
                    <a:lnTo>
                      <a:pt x="772" y="1002"/>
                    </a:lnTo>
                    <a:lnTo>
                      <a:pt x="773" y="1000"/>
                    </a:lnTo>
                    <a:lnTo>
                      <a:pt x="774" y="997"/>
                    </a:lnTo>
                    <a:lnTo>
                      <a:pt x="778" y="996"/>
                    </a:lnTo>
                    <a:lnTo>
                      <a:pt x="782" y="996"/>
                    </a:lnTo>
                    <a:lnTo>
                      <a:pt x="796" y="996"/>
                    </a:lnTo>
                    <a:lnTo>
                      <a:pt x="812" y="999"/>
                    </a:lnTo>
                    <a:lnTo>
                      <a:pt x="815" y="999"/>
                    </a:lnTo>
                    <a:lnTo>
                      <a:pt x="818" y="999"/>
                    </a:lnTo>
                    <a:lnTo>
                      <a:pt x="821" y="1000"/>
                    </a:lnTo>
                    <a:lnTo>
                      <a:pt x="822" y="1002"/>
                    </a:lnTo>
                    <a:lnTo>
                      <a:pt x="830" y="1014"/>
                    </a:lnTo>
                    <a:lnTo>
                      <a:pt x="835" y="1026"/>
                    </a:lnTo>
                    <a:lnTo>
                      <a:pt x="837" y="1030"/>
                    </a:lnTo>
                    <a:lnTo>
                      <a:pt x="835" y="1032"/>
                    </a:lnTo>
                    <a:lnTo>
                      <a:pt x="834" y="1036"/>
                    </a:lnTo>
                    <a:lnTo>
                      <a:pt x="830" y="1037"/>
                    </a:lnTo>
                    <a:lnTo>
                      <a:pt x="824" y="1041"/>
                    </a:lnTo>
                    <a:lnTo>
                      <a:pt x="817" y="1044"/>
                    </a:lnTo>
                    <a:lnTo>
                      <a:pt x="798" y="1040"/>
                    </a:lnTo>
                    <a:close/>
                    <a:moveTo>
                      <a:pt x="737" y="1124"/>
                    </a:moveTo>
                    <a:lnTo>
                      <a:pt x="738" y="1111"/>
                    </a:lnTo>
                    <a:lnTo>
                      <a:pt x="741" y="1092"/>
                    </a:lnTo>
                    <a:lnTo>
                      <a:pt x="743" y="1083"/>
                    </a:lnTo>
                    <a:lnTo>
                      <a:pt x="746" y="1074"/>
                    </a:lnTo>
                    <a:lnTo>
                      <a:pt x="749" y="1069"/>
                    </a:lnTo>
                    <a:lnTo>
                      <a:pt x="752" y="1065"/>
                    </a:lnTo>
                    <a:lnTo>
                      <a:pt x="759" y="1063"/>
                    </a:lnTo>
                    <a:lnTo>
                      <a:pt x="769" y="1063"/>
                    </a:lnTo>
                    <a:lnTo>
                      <a:pt x="780" y="1065"/>
                    </a:lnTo>
                    <a:lnTo>
                      <a:pt x="783" y="1066"/>
                    </a:lnTo>
                    <a:lnTo>
                      <a:pt x="782" y="1075"/>
                    </a:lnTo>
                    <a:lnTo>
                      <a:pt x="780" y="1084"/>
                    </a:lnTo>
                    <a:lnTo>
                      <a:pt x="777" y="1093"/>
                    </a:lnTo>
                    <a:lnTo>
                      <a:pt x="773" y="1101"/>
                    </a:lnTo>
                    <a:lnTo>
                      <a:pt x="771" y="1113"/>
                    </a:lnTo>
                    <a:lnTo>
                      <a:pt x="769" y="1124"/>
                    </a:lnTo>
                    <a:lnTo>
                      <a:pt x="767" y="1136"/>
                    </a:lnTo>
                    <a:lnTo>
                      <a:pt x="764" y="1148"/>
                    </a:lnTo>
                    <a:lnTo>
                      <a:pt x="764" y="1153"/>
                    </a:lnTo>
                    <a:lnTo>
                      <a:pt x="761" y="1157"/>
                    </a:lnTo>
                    <a:lnTo>
                      <a:pt x="759" y="1159"/>
                    </a:lnTo>
                    <a:lnTo>
                      <a:pt x="755" y="1162"/>
                    </a:lnTo>
                    <a:lnTo>
                      <a:pt x="751" y="1162"/>
                    </a:lnTo>
                    <a:lnTo>
                      <a:pt x="749" y="1161"/>
                    </a:lnTo>
                    <a:lnTo>
                      <a:pt x="747" y="1158"/>
                    </a:lnTo>
                    <a:lnTo>
                      <a:pt x="746" y="1155"/>
                    </a:lnTo>
                    <a:lnTo>
                      <a:pt x="745" y="1148"/>
                    </a:lnTo>
                    <a:lnTo>
                      <a:pt x="745" y="1141"/>
                    </a:lnTo>
                    <a:lnTo>
                      <a:pt x="737" y="1124"/>
                    </a:lnTo>
                    <a:close/>
                    <a:moveTo>
                      <a:pt x="1010" y="1176"/>
                    </a:moveTo>
                    <a:lnTo>
                      <a:pt x="1011" y="1168"/>
                    </a:lnTo>
                    <a:lnTo>
                      <a:pt x="1013" y="1159"/>
                    </a:lnTo>
                    <a:lnTo>
                      <a:pt x="1013" y="1149"/>
                    </a:lnTo>
                    <a:lnTo>
                      <a:pt x="1011" y="1140"/>
                    </a:lnTo>
                    <a:lnTo>
                      <a:pt x="1009" y="1131"/>
                    </a:lnTo>
                    <a:lnTo>
                      <a:pt x="1005" y="1124"/>
                    </a:lnTo>
                    <a:lnTo>
                      <a:pt x="1001" y="1123"/>
                    </a:lnTo>
                    <a:lnTo>
                      <a:pt x="999" y="1122"/>
                    </a:lnTo>
                    <a:lnTo>
                      <a:pt x="995" y="1122"/>
                    </a:lnTo>
                    <a:lnTo>
                      <a:pt x="989" y="1123"/>
                    </a:lnTo>
                    <a:lnTo>
                      <a:pt x="980" y="1126"/>
                    </a:lnTo>
                    <a:lnTo>
                      <a:pt x="971" y="1126"/>
                    </a:lnTo>
                    <a:lnTo>
                      <a:pt x="965" y="1124"/>
                    </a:lnTo>
                    <a:lnTo>
                      <a:pt x="958" y="1122"/>
                    </a:lnTo>
                    <a:lnTo>
                      <a:pt x="953" y="1118"/>
                    </a:lnTo>
                    <a:lnTo>
                      <a:pt x="949" y="1114"/>
                    </a:lnTo>
                    <a:lnTo>
                      <a:pt x="945" y="1107"/>
                    </a:lnTo>
                    <a:lnTo>
                      <a:pt x="943" y="1102"/>
                    </a:lnTo>
                    <a:lnTo>
                      <a:pt x="940" y="1089"/>
                    </a:lnTo>
                    <a:lnTo>
                      <a:pt x="940" y="1079"/>
                    </a:lnTo>
                    <a:lnTo>
                      <a:pt x="942" y="1075"/>
                    </a:lnTo>
                    <a:lnTo>
                      <a:pt x="942" y="1071"/>
                    </a:lnTo>
                    <a:lnTo>
                      <a:pt x="944" y="1070"/>
                    </a:lnTo>
                    <a:lnTo>
                      <a:pt x="945" y="1070"/>
                    </a:lnTo>
                    <a:lnTo>
                      <a:pt x="953" y="1072"/>
                    </a:lnTo>
                    <a:lnTo>
                      <a:pt x="961" y="1075"/>
                    </a:lnTo>
                    <a:lnTo>
                      <a:pt x="970" y="1076"/>
                    </a:lnTo>
                    <a:lnTo>
                      <a:pt x="978" y="1076"/>
                    </a:lnTo>
                    <a:lnTo>
                      <a:pt x="982" y="1076"/>
                    </a:lnTo>
                    <a:lnTo>
                      <a:pt x="986" y="1075"/>
                    </a:lnTo>
                    <a:lnTo>
                      <a:pt x="989" y="1072"/>
                    </a:lnTo>
                    <a:lnTo>
                      <a:pt x="992" y="1071"/>
                    </a:lnTo>
                    <a:lnTo>
                      <a:pt x="993" y="1067"/>
                    </a:lnTo>
                    <a:lnTo>
                      <a:pt x="996" y="1065"/>
                    </a:lnTo>
                    <a:lnTo>
                      <a:pt x="997" y="1059"/>
                    </a:lnTo>
                    <a:lnTo>
                      <a:pt x="997" y="1054"/>
                    </a:lnTo>
                    <a:lnTo>
                      <a:pt x="997" y="1043"/>
                    </a:lnTo>
                    <a:lnTo>
                      <a:pt x="997" y="1028"/>
                    </a:lnTo>
                    <a:lnTo>
                      <a:pt x="997" y="1021"/>
                    </a:lnTo>
                    <a:lnTo>
                      <a:pt x="1000" y="1015"/>
                    </a:lnTo>
                    <a:lnTo>
                      <a:pt x="1002" y="1010"/>
                    </a:lnTo>
                    <a:lnTo>
                      <a:pt x="1006" y="1006"/>
                    </a:lnTo>
                    <a:lnTo>
                      <a:pt x="1013" y="1019"/>
                    </a:lnTo>
                    <a:lnTo>
                      <a:pt x="1027" y="1044"/>
                    </a:lnTo>
                    <a:lnTo>
                      <a:pt x="1035" y="1054"/>
                    </a:lnTo>
                    <a:lnTo>
                      <a:pt x="1041" y="1061"/>
                    </a:lnTo>
                    <a:lnTo>
                      <a:pt x="1044" y="1061"/>
                    </a:lnTo>
                    <a:lnTo>
                      <a:pt x="1046" y="1059"/>
                    </a:lnTo>
                    <a:lnTo>
                      <a:pt x="1049" y="1056"/>
                    </a:lnTo>
                    <a:lnTo>
                      <a:pt x="1049" y="1050"/>
                    </a:lnTo>
                    <a:lnTo>
                      <a:pt x="1052" y="1041"/>
                    </a:lnTo>
                    <a:lnTo>
                      <a:pt x="1056" y="1032"/>
                    </a:lnTo>
                    <a:lnTo>
                      <a:pt x="1063" y="1021"/>
                    </a:lnTo>
                    <a:lnTo>
                      <a:pt x="1071" y="1009"/>
                    </a:lnTo>
                    <a:lnTo>
                      <a:pt x="1080" y="1000"/>
                    </a:lnTo>
                    <a:lnTo>
                      <a:pt x="1091" y="992"/>
                    </a:lnTo>
                    <a:lnTo>
                      <a:pt x="1094" y="990"/>
                    </a:lnTo>
                    <a:lnTo>
                      <a:pt x="1100" y="988"/>
                    </a:lnTo>
                    <a:lnTo>
                      <a:pt x="1103" y="988"/>
                    </a:lnTo>
                    <a:lnTo>
                      <a:pt x="1107" y="990"/>
                    </a:lnTo>
                    <a:lnTo>
                      <a:pt x="1110" y="1001"/>
                    </a:lnTo>
                    <a:lnTo>
                      <a:pt x="1110" y="1012"/>
                    </a:lnTo>
                    <a:lnTo>
                      <a:pt x="1110" y="1023"/>
                    </a:lnTo>
                    <a:lnTo>
                      <a:pt x="1109" y="1034"/>
                    </a:lnTo>
                    <a:lnTo>
                      <a:pt x="1102" y="1054"/>
                    </a:lnTo>
                    <a:lnTo>
                      <a:pt x="1094" y="1074"/>
                    </a:lnTo>
                    <a:lnTo>
                      <a:pt x="1087" y="1094"/>
                    </a:lnTo>
                    <a:lnTo>
                      <a:pt x="1079" y="1114"/>
                    </a:lnTo>
                    <a:lnTo>
                      <a:pt x="1075" y="1124"/>
                    </a:lnTo>
                    <a:lnTo>
                      <a:pt x="1072" y="1135"/>
                    </a:lnTo>
                    <a:lnTo>
                      <a:pt x="1071" y="1145"/>
                    </a:lnTo>
                    <a:lnTo>
                      <a:pt x="1071" y="1157"/>
                    </a:lnTo>
                    <a:lnTo>
                      <a:pt x="1072" y="1172"/>
                    </a:lnTo>
                    <a:lnTo>
                      <a:pt x="1076" y="1193"/>
                    </a:lnTo>
                    <a:lnTo>
                      <a:pt x="1080" y="1202"/>
                    </a:lnTo>
                    <a:lnTo>
                      <a:pt x="1084" y="1212"/>
                    </a:lnTo>
                    <a:lnTo>
                      <a:pt x="1087" y="1220"/>
                    </a:lnTo>
                    <a:lnTo>
                      <a:pt x="1091" y="1225"/>
                    </a:lnTo>
                    <a:lnTo>
                      <a:pt x="1100" y="1233"/>
                    </a:lnTo>
                    <a:lnTo>
                      <a:pt x="1106" y="1238"/>
                    </a:lnTo>
                    <a:lnTo>
                      <a:pt x="1113" y="1240"/>
                    </a:lnTo>
                    <a:lnTo>
                      <a:pt x="1119" y="1241"/>
                    </a:lnTo>
                    <a:lnTo>
                      <a:pt x="1125" y="1240"/>
                    </a:lnTo>
                    <a:lnTo>
                      <a:pt x="1132" y="1240"/>
                    </a:lnTo>
                    <a:lnTo>
                      <a:pt x="1138" y="1241"/>
                    </a:lnTo>
                    <a:lnTo>
                      <a:pt x="1145" y="1243"/>
                    </a:lnTo>
                    <a:lnTo>
                      <a:pt x="1146" y="1254"/>
                    </a:lnTo>
                    <a:lnTo>
                      <a:pt x="1145" y="1262"/>
                    </a:lnTo>
                    <a:lnTo>
                      <a:pt x="1142" y="1267"/>
                    </a:lnTo>
                    <a:lnTo>
                      <a:pt x="1140" y="1271"/>
                    </a:lnTo>
                    <a:lnTo>
                      <a:pt x="1128" y="1276"/>
                    </a:lnTo>
                    <a:lnTo>
                      <a:pt x="1113" y="1282"/>
                    </a:lnTo>
                    <a:lnTo>
                      <a:pt x="1103" y="1293"/>
                    </a:lnTo>
                    <a:lnTo>
                      <a:pt x="1094" y="1306"/>
                    </a:lnTo>
                    <a:lnTo>
                      <a:pt x="1091" y="1308"/>
                    </a:lnTo>
                    <a:lnTo>
                      <a:pt x="1085" y="1311"/>
                    </a:lnTo>
                    <a:lnTo>
                      <a:pt x="1080" y="1312"/>
                    </a:lnTo>
                    <a:lnTo>
                      <a:pt x="1075" y="1313"/>
                    </a:lnTo>
                    <a:lnTo>
                      <a:pt x="1063" y="1313"/>
                    </a:lnTo>
                    <a:lnTo>
                      <a:pt x="1053" y="1312"/>
                    </a:lnTo>
                    <a:lnTo>
                      <a:pt x="1053" y="1309"/>
                    </a:lnTo>
                    <a:lnTo>
                      <a:pt x="1056" y="1306"/>
                    </a:lnTo>
                    <a:lnTo>
                      <a:pt x="1059" y="1300"/>
                    </a:lnTo>
                    <a:lnTo>
                      <a:pt x="1065" y="1295"/>
                    </a:lnTo>
                    <a:lnTo>
                      <a:pt x="1070" y="1289"/>
                    </a:lnTo>
                    <a:lnTo>
                      <a:pt x="1075" y="1284"/>
                    </a:lnTo>
                    <a:lnTo>
                      <a:pt x="1078" y="1277"/>
                    </a:lnTo>
                    <a:lnTo>
                      <a:pt x="1079" y="1272"/>
                    </a:lnTo>
                    <a:lnTo>
                      <a:pt x="1079" y="1268"/>
                    </a:lnTo>
                    <a:lnTo>
                      <a:pt x="1078" y="1265"/>
                    </a:lnTo>
                    <a:lnTo>
                      <a:pt x="1075" y="1262"/>
                    </a:lnTo>
                    <a:lnTo>
                      <a:pt x="1072" y="1259"/>
                    </a:lnTo>
                    <a:lnTo>
                      <a:pt x="1065" y="1255"/>
                    </a:lnTo>
                    <a:lnTo>
                      <a:pt x="1056" y="1252"/>
                    </a:lnTo>
                    <a:lnTo>
                      <a:pt x="1037" y="1247"/>
                    </a:lnTo>
                    <a:lnTo>
                      <a:pt x="1022" y="1246"/>
                    </a:lnTo>
                    <a:lnTo>
                      <a:pt x="1009" y="1242"/>
                    </a:lnTo>
                    <a:lnTo>
                      <a:pt x="1000" y="1240"/>
                    </a:lnTo>
                    <a:lnTo>
                      <a:pt x="997" y="1237"/>
                    </a:lnTo>
                    <a:lnTo>
                      <a:pt x="995" y="1236"/>
                    </a:lnTo>
                    <a:lnTo>
                      <a:pt x="992" y="1233"/>
                    </a:lnTo>
                    <a:lnTo>
                      <a:pt x="992" y="1230"/>
                    </a:lnTo>
                    <a:lnTo>
                      <a:pt x="992" y="1216"/>
                    </a:lnTo>
                    <a:lnTo>
                      <a:pt x="995" y="1194"/>
                    </a:lnTo>
                    <a:lnTo>
                      <a:pt x="1010" y="1176"/>
                    </a:lnTo>
                    <a:close/>
                    <a:moveTo>
                      <a:pt x="881" y="1593"/>
                    </a:moveTo>
                    <a:lnTo>
                      <a:pt x="892" y="1596"/>
                    </a:lnTo>
                    <a:lnTo>
                      <a:pt x="907" y="1596"/>
                    </a:lnTo>
                    <a:lnTo>
                      <a:pt x="920" y="1594"/>
                    </a:lnTo>
                    <a:lnTo>
                      <a:pt x="931" y="1591"/>
                    </a:lnTo>
                    <a:lnTo>
                      <a:pt x="922" y="1578"/>
                    </a:lnTo>
                    <a:lnTo>
                      <a:pt x="912" y="1559"/>
                    </a:lnTo>
                    <a:lnTo>
                      <a:pt x="926" y="1553"/>
                    </a:lnTo>
                    <a:lnTo>
                      <a:pt x="939" y="1545"/>
                    </a:lnTo>
                    <a:lnTo>
                      <a:pt x="942" y="1543"/>
                    </a:lnTo>
                    <a:lnTo>
                      <a:pt x="943" y="1540"/>
                    </a:lnTo>
                    <a:lnTo>
                      <a:pt x="943" y="1539"/>
                    </a:lnTo>
                    <a:lnTo>
                      <a:pt x="943" y="1536"/>
                    </a:lnTo>
                    <a:lnTo>
                      <a:pt x="942" y="1534"/>
                    </a:lnTo>
                    <a:lnTo>
                      <a:pt x="939" y="1531"/>
                    </a:lnTo>
                    <a:lnTo>
                      <a:pt x="935" y="1528"/>
                    </a:lnTo>
                    <a:lnTo>
                      <a:pt x="930" y="1526"/>
                    </a:lnTo>
                    <a:lnTo>
                      <a:pt x="917" y="1522"/>
                    </a:lnTo>
                    <a:lnTo>
                      <a:pt x="903" y="1515"/>
                    </a:lnTo>
                    <a:lnTo>
                      <a:pt x="896" y="1513"/>
                    </a:lnTo>
                    <a:lnTo>
                      <a:pt x="891" y="1508"/>
                    </a:lnTo>
                    <a:lnTo>
                      <a:pt x="890" y="1505"/>
                    </a:lnTo>
                    <a:lnTo>
                      <a:pt x="888" y="1502"/>
                    </a:lnTo>
                    <a:lnTo>
                      <a:pt x="888" y="1499"/>
                    </a:lnTo>
                    <a:lnTo>
                      <a:pt x="888" y="1496"/>
                    </a:lnTo>
                    <a:lnTo>
                      <a:pt x="895" y="1486"/>
                    </a:lnTo>
                    <a:lnTo>
                      <a:pt x="907" y="1474"/>
                    </a:lnTo>
                    <a:lnTo>
                      <a:pt x="920" y="1462"/>
                    </a:lnTo>
                    <a:lnTo>
                      <a:pt x="929" y="1455"/>
                    </a:lnTo>
                    <a:lnTo>
                      <a:pt x="935" y="1449"/>
                    </a:lnTo>
                    <a:lnTo>
                      <a:pt x="942" y="1446"/>
                    </a:lnTo>
                    <a:lnTo>
                      <a:pt x="945" y="1443"/>
                    </a:lnTo>
                    <a:lnTo>
                      <a:pt x="951" y="1442"/>
                    </a:lnTo>
                    <a:lnTo>
                      <a:pt x="954" y="1443"/>
                    </a:lnTo>
                    <a:lnTo>
                      <a:pt x="958" y="1446"/>
                    </a:lnTo>
                    <a:lnTo>
                      <a:pt x="961" y="1451"/>
                    </a:lnTo>
                    <a:lnTo>
                      <a:pt x="964" y="1460"/>
                    </a:lnTo>
                    <a:lnTo>
                      <a:pt x="971" y="1483"/>
                    </a:lnTo>
                    <a:lnTo>
                      <a:pt x="982" y="1505"/>
                    </a:lnTo>
                    <a:lnTo>
                      <a:pt x="992" y="1527"/>
                    </a:lnTo>
                    <a:lnTo>
                      <a:pt x="1001" y="1549"/>
                    </a:lnTo>
                    <a:lnTo>
                      <a:pt x="1008" y="1565"/>
                    </a:lnTo>
                    <a:lnTo>
                      <a:pt x="1013" y="1580"/>
                    </a:lnTo>
                    <a:lnTo>
                      <a:pt x="1015" y="1588"/>
                    </a:lnTo>
                    <a:lnTo>
                      <a:pt x="1015" y="1596"/>
                    </a:lnTo>
                    <a:lnTo>
                      <a:pt x="1014" y="1604"/>
                    </a:lnTo>
                    <a:lnTo>
                      <a:pt x="1011" y="1613"/>
                    </a:lnTo>
                    <a:lnTo>
                      <a:pt x="1008" y="1619"/>
                    </a:lnTo>
                    <a:lnTo>
                      <a:pt x="1002" y="1624"/>
                    </a:lnTo>
                    <a:lnTo>
                      <a:pt x="997" y="1628"/>
                    </a:lnTo>
                    <a:lnTo>
                      <a:pt x="991" y="1631"/>
                    </a:lnTo>
                    <a:lnTo>
                      <a:pt x="986" y="1632"/>
                    </a:lnTo>
                    <a:lnTo>
                      <a:pt x="978" y="1633"/>
                    </a:lnTo>
                    <a:lnTo>
                      <a:pt x="971" y="1633"/>
                    </a:lnTo>
                    <a:lnTo>
                      <a:pt x="964" y="1632"/>
                    </a:lnTo>
                    <a:lnTo>
                      <a:pt x="934" y="1627"/>
                    </a:lnTo>
                    <a:lnTo>
                      <a:pt x="908" y="1622"/>
                    </a:lnTo>
                    <a:lnTo>
                      <a:pt x="887" y="1622"/>
                    </a:lnTo>
                    <a:lnTo>
                      <a:pt x="857" y="1616"/>
                    </a:lnTo>
                    <a:lnTo>
                      <a:pt x="851" y="1615"/>
                    </a:lnTo>
                    <a:lnTo>
                      <a:pt x="846" y="1613"/>
                    </a:lnTo>
                    <a:lnTo>
                      <a:pt x="840" y="1610"/>
                    </a:lnTo>
                    <a:lnTo>
                      <a:pt x="838" y="1607"/>
                    </a:lnTo>
                    <a:lnTo>
                      <a:pt x="837" y="1604"/>
                    </a:lnTo>
                    <a:lnTo>
                      <a:pt x="837" y="1600"/>
                    </a:lnTo>
                    <a:lnTo>
                      <a:pt x="840" y="1594"/>
                    </a:lnTo>
                    <a:lnTo>
                      <a:pt x="846" y="1589"/>
                    </a:lnTo>
                    <a:lnTo>
                      <a:pt x="881" y="1593"/>
                    </a:lnTo>
                    <a:close/>
                    <a:moveTo>
                      <a:pt x="754" y="1851"/>
                    </a:moveTo>
                    <a:lnTo>
                      <a:pt x="756" y="1846"/>
                    </a:lnTo>
                    <a:lnTo>
                      <a:pt x="758" y="1841"/>
                    </a:lnTo>
                    <a:lnTo>
                      <a:pt x="758" y="1833"/>
                    </a:lnTo>
                    <a:lnTo>
                      <a:pt x="758" y="1826"/>
                    </a:lnTo>
                    <a:lnTo>
                      <a:pt x="758" y="1820"/>
                    </a:lnTo>
                    <a:lnTo>
                      <a:pt x="755" y="1815"/>
                    </a:lnTo>
                    <a:lnTo>
                      <a:pt x="752" y="1813"/>
                    </a:lnTo>
                    <a:lnTo>
                      <a:pt x="751" y="1812"/>
                    </a:lnTo>
                    <a:lnTo>
                      <a:pt x="749" y="1812"/>
                    </a:lnTo>
                    <a:lnTo>
                      <a:pt x="745" y="1813"/>
                    </a:lnTo>
                    <a:lnTo>
                      <a:pt x="738" y="1819"/>
                    </a:lnTo>
                    <a:lnTo>
                      <a:pt x="730" y="1826"/>
                    </a:lnTo>
                    <a:lnTo>
                      <a:pt x="723" y="1830"/>
                    </a:lnTo>
                    <a:lnTo>
                      <a:pt x="710" y="1835"/>
                    </a:lnTo>
                    <a:lnTo>
                      <a:pt x="703" y="1837"/>
                    </a:lnTo>
                    <a:lnTo>
                      <a:pt x="698" y="1838"/>
                    </a:lnTo>
                    <a:lnTo>
                      <a:pt x="695" y="1838"/>
                    </a:lnTo>
                    <a:lnTo>
                      <a:pt x="693" y="1837"/>
                    </a:lnTo>
                    <a:lnTo>
                      <a:pt x="692" y="1835"/>
                    </a:lnTo>
                    <a:lnTo>
                      <a:pt x="690" y="1834"/>
                    </a:lnTo>
                    <a:lnTo>
                      <a:pt x="703" y="1817"/>
                    </a:lnTo>
                    <a:lnTo>
                      <a:pt x="719" y="1798"/>
                    </a:lnTo>
                    <a:lnTo>
                      <a:pt x="723" y="1790"/>
                    </a:lnTo>
                    <a:lnTo>
                      <a:pt x="729" y="1778"/>
                    </a:lnTo>
                    <a:lnTo>
                      <a:pt x="733" y="1773"/>
                    </a:lnTo>
                    <a:lnTo>
                      <a:pt x="737" y="1769"/>
                    </a:lnTo>
                    <a:lnTo>
                      <a:pt x="739" y="1768"/>
                    </a:lnTo>
                    <a:lnTo>
                      <a:pt x="741" y="1767"/>
                    </a:lnTo>
                    <a:lnTo>
                      <a:pt x="743" y="1767"/>
                    </a:lnTo>
                    <a:lnTo>
                      <a:pt x="745" y="1768"/>
                    </a:lnTo>
                    <a:lnTo>
                      <a:pt x="752" y="1773"/>
                    </a:lnTo>
                    <a:lnTo>
                      <a:pt x="758" y="1777"/>
                    </a:lnTo>
                    <a:lnTo>
                      <a:pt x="764" y="1780"/>
                    </a:lnTo>
                    <a:lnTo>
                      <a:pt x="773" y="1782"/>
                    </a:lnTo>
                    <a:lnTo>
                      <a:pt x="780" y="1784"/>
                    </a:lnTo>
                    <a:lnTo>
                      <a:pt x="786" y="1787"/>
                    </a:lnTo>
                    <a:lnTo>
                      <a:pt x="791" y="1793"/>
                    </a:lnTo>
                    <a:lnTo>
                      <a:pt x="795" y="1798"/>
                    </a:lnTo>
                    <a:lnTo>
                      <a:pt x="802" y="1810"/>
                    </a:lnTo>
                    <a:lnTo>
                      <a:pt x="808" y="1822"/>
                    </a:lnTo>
                    <a:lnTo>
                      <a:pt x="815" y="1834"/>
                    </a:lnTo>
                    <a:lnTo>
                      <a:pt x="817" y="1846"/>
                    </a:lnTo>
                    <a:lnTo>
                      <a:pt x="818" y="1850"/>
                    </a:lnTo>
                    <a:lnTo>
                      <a:pt x="818" y="1855"/>
                    </a:lnTo>
                    <a:lnTo>
                      <a:pt x="817" y="1859"/>
                    </a:lnTo>
                    <a:lnTo>
                      <a:pt x="816" y="1863"/>
                    </a:lnTo>
                    <a:lnTo>
                      <a:pt x="815" y="1867"/>
                    </a:lnTo>
                    <a:lnTo>
                      <a:pt x="812" y="1870"/>
                    </a:lnTo>
                    <a:lnTo>
                      <a:pt x="808" y="1873"/>
                    </a:lnTo>
                    <a:lnTo>
                      <a:pt x="804" y="1876"/>
                    </a:lnTo>
                    <a:lnTo>
                      <a:pt x="793" y="1879"/>
                    </a:lnTo>
                    <a:lnTo>
                      <a:pt x="780" y="1883"/>
                    </a:lnTo>
                    <a:lnTo>
                      <a:pt x="763" y="1890"/>
                    </a:lnTo>
                    <a:lnTo>
                      <a:pt x="746" y="1898"/>
                    </a:lnTo>
                    <a:lnTo>
                      <a:pt x="739" y="1899"/>
                    </a:lnTo>
                    <a:lnTo>
                      <a:pt x="733" y="1899"/>
                    </a:lnTo>
                    <a:lnTo>
                      <a:pt x="730" y="1898"/>
                    </a:lnTo>
                    <a:lnTo>
                      <a:pt x="729" y="1894"/>
                    </a:lnTo>
                    <a:lnTo>
                      <a:pt x="729" y="1890"/>
                    </a:lnTo>
                    <a:lnTo>
                      <a:pt x="730" y="1885"/>
                    </a:lnTo>
                    <a:lnTo>
                      <a:pt x="734" y="1881"/>
                    </a:lnTo>
                    <a:lnTo>
                      <a:pt x="738" y="1876"/>
                    </a:lnTo>
                    <a:lnTo>
                      <a:pt x="754" y="1851"/>
                    </a:lnTo>
                    <a:close/>
                    <a:moveTo>
                      <a:pt x="864" y="1790"/>
                    </a:moveTo>
                    <a:lnTo>
                      <a:pt x="875" y="1785"/>
                    </a:lnTo>
                    <a:lnTo>
                      <a:pt x="885" y="1780"/>
                    </a:lnTo>
                    <a:lnTo>
                      <a:pt x="892" y="1772"/>
                    </a:lnTo>
                    <a:lnTo>
                      <a:pt x="899" y="1763"/>
                    </a:lnTo>
                    <a:lnTo>
                      <a:pt x="905" y="1754"/>
                    </a:lnTo>
                    <a:lnTo>
                      <a:pt x="918" y="1740"/>
                    </a:lnTo>
                    <a:lnTo>
                      <a:pt x="923" y="1734"/>
                    </a:lnTo>
                    <a:lnTo>
                      <a:pt x="930" y="1730"/>
                    </a:lnTo>
                    <a:lnTo>
                      <a:pt x="931" y="1729"/>
                    </a:lnTo>
                    <a:lnTo>
                      <a:pt x="934" y="1730"/>
                    </a:lnTo>
                    <a:lnTo>
                      <a:pt x="935" y="1732"/>
                    </a:lnTo>
                    <a:lnTo>
                      <a:pt x="936" y="1734"/>
                    </a:lnTo>
                    <a:lnTo>
                      <a:pt x="939" y="1746"/>
                    </a:lnTo>
                    <a:lnTo>
                      <a:pt x="940" y="1756"/>
                    </a:lnTo>
                    <a:lnTo>
                      <a:pt x="940" y="1760"/>
                    </a:lnTo>
                    <a:lnTo>
                      <a:pt x="939" y="1765"/>
                    </a:lnTo>
                    <a:lnTo>
                      <a:pt x="936" y="1769"/>
                    </a:lnTo>
                    <a:lnTo>
                      <a:pt x="931" y="1775"/>
                    </a:lnTo>
                    <a:lnTo>
                      <a:pt x="917" y="1786"/>
                    </a:lnTo>
                    <a:lnTo>
                      <a:pt x="903" y="1799"/>
                    </a:lnTo>
                    <a:lnTo>
                      <a:pt x="896" y="1806"/>
                    </a:lnTo>
                    <a:lnTo>
                      <a:pt x="890" y="1812"/>
                    </a:lnTo>
                    <a:lnTo>
                      <a:pt x="885" y="1819"/>
                    </a:lnTo>
                    <a:lnTo>
                      <a:pt x="879" y="1826"/>
                    </a:lnTo>
                    <a:lnTo>
                      <a:pt x="875" y="1832"/>
                    </a:lnTo>
                    <a:lnTo>
                      <a:pt x="870" y="1837"/>
                    </a:lnTo>
                    <a:lnTo>
                      <a:pt x="864" y="1841"/>
                    </a:lnTo>
                    <a:lnTo>
                      <a:pt x="859" y="1843"/>
                    </a:lnTo>
                    <a:lnTo>
                      <a:pt x="852" y="1843"/>
                    </a:lnTo>
                    <a:lnTo>
                      <a:pt x="848" y="1841"/>
                    </a:lnTo>
                    <a:lnTo>
                      <a:pt x="847" y="1837"/>
                    </a:lnTo>
                    <a:lnTo>
                      <a:pt x="846" y="1833"/>
                    </a:lnTo>
                    <a:lnTo>
                      <a:pt x="847" y="1822"/>
                    </a:lnTo>
                    <a:lnTo>
                      <a:pt x="848" y="1813"/>
                    </a:lnTo>
                    <a:lnTo>
                      <a:pt x="864" y="1790"/>
                    </a:lnTo>
                    <a:close/>
                    <a:moveTo>
                      <a:pt x="923" y="1996"/>
                    </a:moveTo>
                    <a:lnTo>
                      <a:pt x="935" y="1979"/>
                    </a:lnTo>
                    <a:lnTo>
                      <a:pt x="948" y="1957"/>
                    </a:lnTo>
                    <a:lnTo>
                      <a:pt x="953" y="1947"/>
                    </a:lnTo>
                    <a:lnTo>
                      <a:pt x="960" y="1938"/>
                    </a:lnTo>
                    <a:lnTo>
                      <a:pt x="966" y="1930"/>
                    </a:lnTo>
                    <a:lnTo>
                      <a:pt x="973" y="1925"/>
                    </a:lnTo>
                    <a:lnTo>
                      <a:pt x="978" y="1922"/>
                    </a:lnTo>
                    <a:lnTo>
                      <a:pt x="983" y="1920"/>
                    </a:lnTo>
                    <a:lnTo>
                      <a:pt x="986" y="1917"/>
                    </a:lnTo>
                    <a:lnTo>
                      <a:pt x="988" y="1916"/>
                    </a:lnTo>
                    <a:lnTo>
                      <a:pt x="989" y="1913"/>
                    </a:lnTo>
                    <a:lnTo>
                      <a:pt x="991" y="1911"/>
                    </a:lnTo>
                    <a:lnTo>
                      <a:pt x="992" y="1882"/>
                    </a:lnTo>
                    <a:lnTo>
                      <a:pt x="992" y="1850"/>
                    </a:lnTo>
                    <a:lnTo>
                      <a:pt x="993" y="1834"/>
                    </a:lnTo>
                    <a:lnTo>
                      <a:pt x="996" y="1819"/>
                    </a:lnTo>
                    <a:lnTo>
                      <a:pt x="997" y="1812"/>
                    </a:lnTo>
                    <a:lnTo>
                      <a:pt x="1000" y="1806"/>
                    </a:lnTo>
                    <a:lnTo>
                      <a:pt x="1004" y="1799"/>
                    </a:lnTo>
                    <a:lnTo>
                      <a:pt x="1008" y="1794"/>
                    </a:lnTo>
                    <a:lnTo>
                      <a:pt x="1011" y="1789"/>
                    </a:lnTo>
                    <a:lnTo>
                      <a:pt x="1014" y="1785"/>
                    </a:lnTo>
                    <a:lnTo>
                      <a:pt x="1015" y="1780"/>
                    </a:lnTo>
                    <a:lnTo>
                      <a:pt x="1015" y="1775"/>
                    </a:lnTo>
                    <a:lnTo>
                      <a:pt x="1014" y="1775"/>
                    </a:lnTo>
                    <a:lnTo>
                      <a:pt x="1009" y="1775"/>
                    </a:lnTo>
                    <a:lnTo>
                      <a:pt x="1001" y="1777"/>
                    </a:lnTo>
                    <a:lnTo>
                      <a:pt x="993" y="1780"/>
                    </a:lnTo>
                    <a:lnTo>
                      <a:pt x="984" y="1785"/>
                    </a:lnTo>
                    <a:lnTo>
                      <a:pt x="969" y="1795"/>
                    </a:lnTo>
                    <a:lnTo>
                      <a:pt x="957" y="1804"/>
                    </a:lnTo>
                    <a:lnTo>
                      <a:pt x="956" y="1806"/>
                    </a:lnTo>
                    <a:lnTo>
                      <a:pt x="956" y="1807"/>
                    </a:lnTo>
                    <a:lnTo>
                      <a:pt x="957" y="1808"/>
                    </a:lnTo>
                    <a:lnTo>
                      <a:pt x="960" y="1810"/>
                    </a:lnTo>
                    <a:lnTo>
                      <a:pt x="964" y="1812"/>
                    </a:lnTo>
                    <a:lnTo>
                      <a:pt x="966" y="1815"/>
                    </a:lnTo>
                    <a:lnTo>
                      <a:pt x="969" y="1821"/>
                    </a:lnTo>
                    <a:lnTo>
                      <a:pt x="971" y="1828"/>
                    </a:lnTo>
                    <a:lnTo>
                      <a:pt x="973" y="1830"/>
                    </a:lnTo>
                    <a:lnTo>
                      <a:pt x="973" y="1834"/>
                    </a:lnTo>
                    <a:lnTo>
                      <a:pt x="971" y="1837"/>
                    </a:lnTo>
                    <a:lnTo>
                      <a:pt x="970" y="1841"/>
                    </a:lnTo>
                    <a:lnTo>
                      <a:pt x="964" y="1850"/>
                    </a:lnTo>
                    <a:lnTo>
                      <a:pt x="956" y="1857"/>
                    </a:lnTo>
                    <a:lnTo>
                      <a:pt x="949" y="1863"/>
                    </a:lnTo>
                    <a:lnTo>
                      <a:pt x="942" y="1870"/>
                    </a:lnTo>
                    <a:lnTo>
                      <a:pt x="939" y="1874"/>
                    </a:lnTo>
                    <a:lnTo>
                      <a:pt x="936" y="1879"/>
                    </a:lnTo>
                    <a:lnTo>
                      <a:pt x="935" y="1883"/>
                    </a:lnTo>
                    <a:lnTo>
                      <a:pt x="935" y="1886"/>
                    </a:lnTo>
                    <a:lnTo>
                      <a:pt x="939" y="1890"/>
                    </a:lnTo>
                    <a:lnTo>
                      <a:pt x="944" y="1892"/>
                    </a:lnTo>
                    <a:lnTo>
                      <a:pt x="947" y="1894"/>
                    </a:lnTo>
                    <a:lnTo>
                      <a:pt x="948" y="1896"/>
                    </a:lnTo>
                    <a:lnTo>
                      <a:pt x="949" y="1899"/>
                    </a:lnTo>
                    <a:lnTo>
                      <a:pt x="951" y="1903"/>
                    </a:lnTo>
                    <a:lnTo>
                      <a:pt x="949" y="1907"/>
                    </a:lnTo>
                    <a:lnTo>
                      <a:pt x="945" y="1911"/>
                    </a:lnTo>
                    <a:lnTo>
                      <a:pt x="942" y="1914"/>
                    </a:lnTo>
                    <a:lnTo>
                      <a:pt x="936" y="1918"/>
                    </a:lnTo>
                    <a:lnTo>
                      <a:pt x="925" y="1925"/>
                    </a:lnTo>
                    <a:lnTo>
                      <a:pt x="917" y="1930"/>
                    </a:lnTo>
                    <a:lnTo>
                      <a:pt x="904" y="1942"/>
                    </a:lnTo>
                    <a:lnTo>
                      <a:pt x="892" y="1953"/>
                    </a:lnTo>
                    <a:lnTo>
                      <a:pt x="883" y="1965"/>
                    </a:lnTo>
                    <a:lnTo>
                      <a:pt x="873" y="1978"/>
                    </a:lnTo>
                    <a:lnTo>
                      <a:pt x="865" y="1988"/>
                    </a:lnTo>
                    <a:lnTo>
                      <a:pt x="857" y="1999"/>
                    </a:lnTo>
                    <a:lnTo>
                      <a:pt x="851" y="2005"/>
                    </a:lnTo>
                    <a:lnTo>
                      <a:pt x="844" y="2013"/>
                    </a:lnTo>
                    <a:lnTo>
                      <a:pt x="838" y="2027"/>
                    </a:lnTo>
                    <a:lnTo>
                      <a:pt x="830" y="2043"/>
                    </a:lnTo>
                    <a:lnTo>
                      <a:pt x="828" y="2049"/>
                    </a:lnTo>
                    <a:lnTo>
                      <a:pt x="825" y="2057"/>
                    </a:lnTo>
                    <a:lnTo>
                      <a:pt x="824" y="2061"/>
                    </a:lnTo>
                    <a:lnTo>
                      <a:pt x="824" y="2065"/>
                    </a:lnTo>
                    <a:lnTo>
                      <a:pt x="825" y="2069"/>
                    </a:lnTo>
                    <a:lnTo>
                      <a:pt x="828" y="2071"/>
                    </a:lnTo>
                    <a:lnTo>
                      <a:pt x="833" y="2074"/>
                    </a:lnTo>
                    <a:lnTo>
                      <a:pt x="838" y="2074"/>
                    </a:lnTo>
                    <a:lnTo>
                      <a:pt x="846" y="2071"/>
                    </a:lnTo>
                    <a:lnTo>
                      <a:pt x="852" y="2069"/>
                    </a:lnTo>
                    <a:lnTo>
                      <a:pt x="865" y="2060"/>
                    </a:lnTo>
                    <a:lnTo>
                      <a:pt x="874" y="2053"/>
                    </a:lnTo>
                    <a:lnTo>
                      <a:pt x="886" y="2041"/>
                    </a:lnTo>
                    <a:lnTo>
                      <a:pt x="897" y="2031"/>
                    </a:lnTo>
                    <a:lnTo>
                      <a:pt x="903" y="2025"/>
                    </a:lnTo>
                    <a:lnTo>
                      <a:pt x="908" y="2017"/>
                    </a:lnTo>
                    <a:lnTo>
                      <a:pt x="916" y="2010"/>
                    </a:lnTo>
                    <a:lnTo>
                      <a:pt x="923" y="2005"/>
                    </a:lnTo>
                    <a:lnTo>
                      <a:pt x="923" y="1996"/>
                    </a:lnTo>
                    <a:close/>
                    <a:moveTo>
                      <a:pt x="977" y="2034"/>
                    </a:moveTo>
                    <a:lnTo>
                      <a:pt x="978" y="2018"/>
                    </a:lnTo>
                    <a:lnTo>
                      <a:pt x="979" y="2003"/>
                    </a:lnTo>
                    <a:lnTo>
                      <a:pt x="980" y="1987"/>
                    </a:lnTo>
                    <a:lnTo>
                      <a:pt x="982" y="1971"/>
                    </a:lnTo>
                    <a:lnTo>
                      <a:pt x="982" y="1968"/>
                    </a:lnTo>
                    <a:lnTo>
                      <a:pt x="984" y="1962"/>
                    </a:lnTo>
                    <a:lnTo>
                      <a:pt x="987" y="1958"/>
                    </a:lnTo>
                    <a:lnTo>
                      <a:pt x="991" y="1955"/>
                    </a:lnTo>
                    <a:lnTo>
                      <a:pt x="996" y="1952"/>
                    </a:lnTo>
                    <a:lnTo>
                      <a:pt x="1001" y="1951"/>
                    </a:lnTo>
                    <a:lnTo>
                      <a:pt x="1006" y="1951"/>
                    </a:lnTo>
                    <a:lnTo>
                      <a:pt x="1010" y="1953"/>
                    </a:lnTo>
                    <a:lnTo>
                      <a:pt x="1013" y="1956"/>
                    </a:lnTo>
                    <a:lnTo>
                      <a:pt x="1014" y="1958"/>
                    </a:lnTo>
                    <a:lnTo>
                      <a:pt x="1014" y="1964"/>
                    </a:lnTo>
                    <a:lnTo>
                      <a:pt x="1014" y="1968"/>
                    </a:lnTo>
                    <a:lnTo>
                      <a:pt x="1014" y="1977"/>
                    </a:lnTo>
                    <a:lnTo>
                      <a:pt x="1013" y="1984"/>
                    </a:lnTo>
                    <a:lnTo>
                      <a:pt x="1013" y="1999"/>
                    </a:lnTo>
                    <a:lnTo>
                      <a:pt x="1011" y="2013"/>
                    </a:lnTo>
                    <a:lnTo>
                      <a:pt x="1011" y="2027"/>
                    </a:lnTo>
                    <a:lnTo>
                      <a:pt x="1009" y="2041"/>
                    </a:lnTo>
                    <a:lnTo>
                      <a:pt x="1009" y="2045"/>
                    </a:lnTo>
                    <a:lnTo>
                      <a:pt x="1006" y="2050"/>
                    </a:lnTo>
                    <a:lnTo>
                      <a:pt x="1005" y="2054"/>
                    </a:lnTo>
                    <a:lnTo>
                      <a:pt x="1000" y="2056"/>
                    </a:lnTo>
                    <a:lnTo>
                      <a:pt x="993" y="2056"/>
                    </a:lnTo>
                    <a:lnTo>
                      <a:pt x="987" y="2054"/>
                    </a:lnTo>
                    <a:lnTo>
                      <a:pt x="984" y="2053"/>
                    </a:lnTo>
                    <a:lnTo>
                      <a:pt x="982" y="2050"/>
                    </a:lnTo>
                    <a:lnTo>
                      <a:pt x="980" y="2048"/>
                    </a:lnTo>
                    <a:lnTo>
                      <a:pt x="979" y="2044"/>
                    </a:lnTo>
                    <a:lnTo>
                      <a:pt x="977" y="2034"/>
                    </a:lnTo>
                    <a:close/>
                    <a:moveTo>
                      <a:pt x="1040" y="1855"/>
                    </a:moveTo>
                    <a:lnTo>
                      <a:pt x="1041" y="1848"/>
                    </a:lnTo>
                    <a:lnTo>
                      <a:pt x="1044" y="1842"/>
                    </a:lnTo>
                    <a:lnTo>
                      <a:pt x="1048" y="1835"/>
                    </a:lnTo>
                    <a:lnTo>
                      <a:pt x="1052" y="1829"/>
                    </a:lnTo>
                    <a:lnTo>
                      <a:pt x="1057" y="1822"/>
                    </a:lnTo>
                    <a:lnTo>
                      <a:pt x="1062" y="1816"/>
                    </a:lnTo>
                    <a:lnTo>
                      <a:pt x="1067" y="1812"/>
                    </a:lnTo>
                    <a:lnTo>
                      <a:pt x="1072" y="1810"/>
                    </a:lnTo>
                    <a:lnTo>
                      <a:pt x="1083" y="1806"/>
                    </a:lnTo>
                    <a:lnTo>
                      <a:pt x="1091" y="1799"/>
                    </a:lnTo>
                    <a:lnTo>
                      <a:pt x="1098" y="1793"/>
                    </a:lnTo>
                    <a:lnTo>
                      <a:pt x="1106" y="1785"/>
                    </a:lnTo>
                    <a:lnTo>
                      <a:pt x="1119" y="1775"/>
                    </a:lnTo>
                    <a:lnTo>
                      <a:pt x="1131" y="1768"/>
                    </a:lnTo>
                    <a:lnTo>
                      <a:pt x="1132" y="1767"/>
                    </a:lnTo>
                    <a:lnTo>
                      <a:pt x="1135" y="1768"/>
                    </a:lnTo>
                    <a:lnTo>
                      <a:pt x="1136" y="1768"/>
                    </a:lnTo>
                    <a:lnTo>
                      <a:pt x="1137" y="1771"/>
                    </a:lnTo>
                    <a:lnTo>
                      <a:pt x="1138" y="1777"/>
                    </a:lnTo>
                    <a:lnTo>
                      <a:pt x="1137" y="1787"/>
                    </a:lnTo>
                    <a:lnTo>
                      <a:pt x="1136" y="1799"/>
                    </a:lnTo>
                    <a:lnTo>
                      <a:pt x="1135" y="1811"/>
                    </a:lnTo>
                    <a:lnTo>
                      <a:pt x="1132" y="1822"/>
                    </a:lnTo>
                    <a:lnTo>
                      <a:pt x="1129" y="1834"/>
                    </a:lnTo>
                    <a:lnTo>
                      <a:pt x="1127" y="1837"/>
                    </a:lnTo>
                    <a:lnTo>
                      <a:pt x="1125" y="1839"/>
                    </a:lnTo>
                    <a:lnTo>
                      <a:pt x="1122" y="1841"/>
                    </a:lnTo>
                    <a:lnTo>
                      <a:pt x="1119" y="1842"/>
                    </a:lnTo>
                    <a:lnTo>
                      <a:pt x="1111" y="1842"/>
                    </a:lnTo>
                    <a:lnTo>
                      <a:pt x="1102" y="1841"/>
                    </a:lnTo>
                    <a:lnTo>
                      <a:pt x="1093" y="1841"/>
                    </a:lnTo>
                    <a:lnTo>
                      <a:pt x="1085" y="1843"/>
                    </a:lnTo>
                    <a:lnTo>
                      <a:pt x="1081" y="1844"/>
                    </a:lnTo>
                    <a:lnTo>
                      <a:pt x="1079" y="1848"/>
                    </a:lnTo>
                    <a:lnTo>
                      <a:pt x="1076" y="1852"/>
                    </a:lnTo>
                    <a:lnTo>
                      <a:pt x="1074" y="1857"/>
                    </a:lnTo>
                    <a:lnTo>
                      <a:pt x="1071" y="1870"/>
                    </a:lnTo>
                    <a:lnTo>
                      <a:pt x="1065" y="1883"/>
                    </a:lnTo>
                    <a:lnTo>
                      <a:pt x="1061" y="1887"/>
                    </a:lnTo>
                    <a:lnTo>
                      <a:pt x="1058" y="1890"/>
                    </a:lnTo>
                    <a:lnTo>
                      <a:pt x="1054" y="1890"/>
                    </a:lnTo>
                    <a:lnTo>
                      <a:pt x="1052" y="1889"/>
                    </a:lnTo>
                    <a:lnTo>
                      <a:pt x="1046" y="1882"/>
                    </a:lnTo>
                    <a:lnTo>
                      <a:pt x="1043" y="1872"/>
                    </a:lnTo>
                    <a:lnTo>
                      <a:pt x="1040" y="1855"/>
                    </a:lnTo>
                    <a:close/>
                    <a:moveTo>
                      <a:pt x="1262" y="4474"/>
                    </a:moveTo>
                    <a:lnTo>
                      <a:pt x="1269" y="4475"/>
                    </a:lnTo>
                    <a:lnTo>
                      <a:pt x="1278" y="4474"/>
                    </a:lnTo>
                    <a:lnTo>
                      <a:pt x="1289" y="4472"/>
                    </a:lnTo>
                    <a:lnTo>
                      <a:pt x="1300" y="4469"/>
                    </a:lnTo>
                    <a:lnTo>
                      <a:pt x="1311" y="4466"/>
                    </a:lnTo>
                    <a:lnTo>
                      <a:pt x="1320" y="4464"/>
                    </a:lnTo>
                    <a:lnTo>
                      <a:pt x="1324" y="4464"/>
                    </a:lnTo>
                    <a:lnTo>
                      <a:pt x="1328" y="4464"/>
                    </a:lnTo>
                    <a:lnTo>
                      <a:pt x="1331" y="4465"/>
                    </a:lnTo>
                    <a:lnTo>
                      <a:pt x="1334" y="4468"/>
                    </a:lnTo>
                    <a:lnTo>
                      <a:pt x="1342" y="4473"/>
                    </a:lnTo>
                    <a:lnTo>
                      <a:pt x="1351" y="4481"/>
                    </a:lnTo>
                    <a:lnTo>
                      <a:pt x="1356" y="4483"/>
                    </a:lnTo>
                    <a:lnTo>
                      <a:pt x="1360" y="4487"/>
                    </a:lnTo>
                    <a:lnTo>
                      <a:pt x="1364" y="4491"/>
                    </a:lnTo>
                    <a:lnTo>
                      <a:pt x="1365" y="4495"/>
                    </a:lnTo>
                    <a:lnTo>
                      <a:pt x="1365" y="4499"/>
                    </a:lnTo>
                    <a:lnTo>
                      <a:pt x="1363" y="4501"/>
                    </a:lnTo>
                    <a:lnTo>
                      <a:pt x="1360" y="4504"/>
                    </a:lnTo>
                    <a:lnTo>
                      <a:pt x="1356" y="4507"/>
                    </a:lnTo>
                    <a:lnTo>
                      <a:pt x="1348" y="4512"/>
                    </a:lnTo>
                    <a:lnTo>
                      <a:pt x="1341" y="4514"/>
                    </a:lnTo>
                    <a:lnTo>
                      <a:pt x="1331" y="4521"/>
                    </a:lnTo>
                    <a:lnTo>
                      <a:pt x="1321" y="4529"/>
                    </a:lnTo>
                    <a:lnTo>
                      <a:pt x="1315" y="4531"/>
                    </a:lnTo>
                    <a:lnTo>
                      <a:pt x="1309" y="4534"/>
                    </a:lnTo>
                    <a:lnTo>
                      <a:pt x="1303" y="4535"/>
                    </a:lnTo>
                    <a:lnTo>
                      <a:pt x="1298" y="4534"/>
                    </a:lnTo>
                    <a:lnTo>
                      <a:pt x="1291" y="4531"/>
                    </a:lnTo>
                    <a:lnTo>
                      <a:pt x="1285" y="4530"/>
                    </a:lnTo>
                    <a:lnTo>
                      <a:pt x="1280" y="4527"/>
                    </a:lnTo>
                    <a:lnTo>
                      <a:pt x="1273" y="4522"/>
                    </a:lnTo>
                    <a:lnTo>
                      <a:pt x="1268" y="4517"/>
                    </a:lnTo>
                    <a:lnTo>
                      <a:pt x="1262" y="4510"/>
                    </a:lnTo>
                    <a:lnTo>
                      <a:pt x="1256" y="4503"/>
                    </a:lnTo>
                    <a:lnTo>
                      <a:pt x="1251" y="4494"/>
                    </a:lnTo>
                    <a:lnTo>
                      <a:pt x="1262" y="4474"/>
                    </a:lnTo>
                    <a:close/>
                    <a:moveTo>
                      <a:pt x="878" y="5110"/>
                    </a:moveTo>
                    <a:lnTo>
                      <a:pt x="877" y="5112"/>
                    </a:lnTo>
                    <a:lnTo>
                      <a:pt x="877" y="5113"/>
                    </a:lnTo>
                    <a:lnTo>
                      <a:pt x="869" y="5106"/>
                    </a:lnTo>
                    <a:lnTo>
                      <a:pt x="861" y="5101"/>
                    </a:lnTo>
                    <a:lnTo>
                      <a:pt x="859" y="5099"/>
                    </a:lnTo>
                    <a:lnTo>
                      <a:pt x="855" y="5095"/>
                    </a:lnTo>
                    <a:lnTo>
                      <a:pt x="852" y="5091"/>
                    </a:lnTo>
                    <a:lnTo>
                      <a:pt x="851" y="5086"/>
                    </a:lnTo>
                    <a:lnTo>
                      <a:pt x="848" y="5075"/>
                    </a:lnTo>
                    <a:lnTo>
                      <a:pt x="848" y="5065"/>
                    </a:lnTo>
                    <a:lnTo>
                      <a:pt x="850" y="5061"/>
                    </a:lnTo>
                    <a:lnTo>
                      <a:pt x="851" y="5058"/>
                    </a:lnTo>
                    <a:lnTo>
                      <a:pt x="853" y="5056"/>
                    </a:lnTo>
                    <a:lnTo>
                      <a:pt x="856" y="5055"/>
                    </a:lnTo>
                    <a:lnTo>
                      <a:pt x="859" y="5053"/>
                    </a:lnTo>
                    <a:lnTo>
                      <a:pt x="861" y="5053"/>
                    </a:lnTo>
                    <a:lnTo>
                      <a:pt x="865" y="5055"/>
                    </a:lnTo>
                    <a:lnTo>
                      <a:pt x="868" y="5056"/>
                    </a:lnTo>
                    <a:lnTo>
                      <a:pt x="878" y="5062"/>
                    </a:lnTo>
                    <a:lnTo>
                      <a:pt x="888" y="5067"/>
                    </a:lnTo>
                    <a:lnTo>
                      <a:pt x="895" y="5071"/>
                    </a:lnTo>
                    <a:lnTo>
                      <a:pt x="903" y="5075"/>
                    </a:lnTo>
                    <a:lnTo>
                      <a:pt x="907" y="5078"/>
                    </a:lnTo>
                    <a:lnTo>
                      <a:pt x="908" y="5080"/>
                    </a:lnTo>
                    <a:lnTo>
                      <a:pt x="909" y="5084"/>
                    </a:lnTo>
                    <a:lnTo>
                      <a:pt x="909" y="5090"/>
                    </a:lnTo>
                    <a:lnTo>
                      <a:pt x="908" y="5095"/>
                    </a:lnTo>
                    <a:lnTo>
                      <a:pt x="907" y="5099"/>
                    </a:lnTo>
                    <a:lnTo>
                      <a:pt x="904" y="5101"/>
                    </a:lnTo>
                    <a:lnTo>
                      <a:pt x="903" y="5104"/>
                    </a:lnTo>
                    <a:lnTo>
                      <a:pt x="896" y="5108"/>
                    </a:lnTo>
                    <a:lnTo>
                      <a:pt x="888" y="5114"/>
                    </a:lnTo>
                    <a:lnTo>
                      <a:pt x="878" y="5110"/>
                    </a:lnTo>
                    <a:close/>
                    <a:moveTo>
                      <a:pt x="794" y="4952"/>
                    </a:moveTo>
                    <a:lnTo>
                      <a:pt x="791" y="4955"/>
                    </a:lnTo>
                    <a:lnTo>
                      <a:pt x="789" y="4957"/>
                    </a:lnTo>
                    <a:lnTo>
                      <a:pt x="782" y="4961"/>
                    </a:lnTo>
                    <a:lnTo>
                      <a:pt x="776" y="4964"/>
                    </a:lnTo>
                    <a:lnTo>
                      <a:pt x="772" y="4964"/>
                    </a:lnTo>
                    <a:lnTo>
                      <a:pt x="768" y="4963"/>
                    </a:lnTo>
                    <a:lnTo>
                      <a:pt x="765" y="4961"/>
                    </a:lnTo>
                    <a:lnTo>
                      <a:pt x="764" y="4957"/>
                    </a:lnTo>
                    <a:lnTo>
                      <a:pt x="763" y="4953"/>
                    </a:lnTo>
                    <a:lnTo>
                      <a:pt x="763" y="4948"/>
                    </a:lnTo>
                    <a:lnTo>
                      <a:pt x="764" y="4944"/>
                    </a:lnTo>
                    <a:lnTo>
                      <a:pt x="768" y="4942"/>
                    </a:lnTo>
                    <a:lnTo>
                      <a:pt x="776" y="4934"/>
                    </a:lnTo>
                    <a:lnTo>
                      <a:pt x="782" y="4924"/>
                    </a:lnTo>
                    <a:lnTo>
                      <a:pt x="786" y="4919"/>
                    </a:lnTo>
                    <a:lnTo>
                      <a:pt x="790" y="4913"/>
                    </a:lnTo>
                    <a:lnTo>
                      <a:pt x="794" y="4911"/>
                    </a:lnTo>
                    <a:lnTo>
                      <a:pt x="799" y="4908"/>
                    </a:lnTo>
                    <a:lnTo>
                      <a:pt x="803" y="4909"/>
                    </a:lnTo>
                    <a:lnTo>
                      <a:pt x="807" y="4911"/>
                    </a:lnTo>
                    <a:lnTo>
                      <a:pt x="809" y="4913"/>
                    </a:lnTo>
                    <a:lnTo>
                      <a:pt x="811" y="4917"/>
                    </a:lnTo>
                    <a:lnTo>
                      <a:pt x="808" y="4926"/>
                    </a:lnTo>
                    <a:lnTo>
                      <a:pt x="803" y="4934"/>
                    </a:lnTo>
                    <a:lnTo>
                      <a:pt x="794" y="495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4" name="Freeform 13"/>
              <p:cNvSpPr>
                <a:spLocks/>
              </p:cNvSpPr>
              <p:nvPr/>
            </p:nvSpPr>
            <p:spPr bwMode="auto">
              <a:xfrm>
                <a:off x="8488413" y="2958858"/>
                <a:ext cx="375268" cy="205919"/>
              </a:xfrm>
              <a:custGeom>
                <a:avLst/>
                <a:gdLst/>
                <a:ahLst/>
                <a:cxnLst>
                  <a:cxn ang="0">
                    <a:pos x="465" y="52"/>
                  </a:cxn>
                  <a:cxn ang="0">
                    <a:pos x="488" y="75"/>
                  </a:cxn>
                  <a:cxn ang="0">
                    <a:pos x="518" y="88"/>
                  </a:cxn>
                  <a:cxn ang="0">
                    <a:pos x="565" y="97"/>
                  </a:cxn>
                  <a:cxn ang="0">
                    <a:pos x="610" y="116"/>
                  </a:cxn>
                  <a:cxn ang="0">
                    <a:pos x="652" y="122"/>
                  </a:cxn>
                  <a:cxn ang="0">
                    <a:pos x="711" y="115"/>
                  </a:cxn>
                  <a:cxn ang="0">
                    <a:pos x="755" y="115"/>
                  </a:cxn>
                  <a:cxn ang="0">
                    <a:pos x="782" y="124"/>
                  </a:cxn>
                  <a:cxn ang="0">
                    <a:pos x="804" y="142"/>
                  </a:cxn>
                  <a:cxn ang="0">
                    <a:pos x="819" y="173"/>
                  </a:cxn>
                  <a:cxn ang="0">
                    <a:pos x="824" y="211"/>
                  </a:cxn>
                  <a:cxn ang="0">
                    <a:pos x="819" y="256"/>
                  </a:cxn>
                  <a:cxn ang="0">
                    <a:pos x="784" y="368"/>
                  </a:cxn>
                  <a:cxn ang="0">
                    <a:pos x="767" y="446"/>
                  </a:cxn>
                  <a:cxn ang="0">
                    <a:pos x="703" y="455"/>
                  </a:cxn>
                  <a:cxn ang="0">
                    <a:pos x="642" y="457"/>
                  </a:cxn>
                  <a:cxn ang="0">
                    <a:pos x="543" y="449"/>
                  </a:cxn>
                  <a:cxn ang="0">
                    <a:pos x="426" y="438"/>
                  </a:cxn>
                  <a:cxn ang="0">
                    <a:pos x="329" y="433"/>
                  </a:cxn>
                  <a:cxn ang="0">
                    <a:pos x="193" y="407"/>
                  </a:cxn>
                  <a:cxn ang="0">
                    <a:pos x="0" y="348"/>
                  </a:cxn>
                  <a:cxn ang="0">
                    <a:pos x="32" y="295"/>
                  </a:cxn>
                  <a:cxn ang="0">
                    <a:pos x="50" y="262"/>
                  </a:cxn>
                  <a:cxn ang="0">
                    <a:pos x="57" y="221"/>
                  </a:cxn>
                  <a:cxn ang="0">
                    <a:pos x="70" y="181"/>
                  </a:cxn>
                  <a:cxn ang="0">
                    <a:pos x="83" y="164"/>
                  </a:cxn>
                  <a:cxn ang="0">
                    <a:pos x="97" y="159"/>
                  </a:cxn>
                  <a:cxn ang="0">
                    <a:pos x="131" y="158"/>
                  </a:cxn>
                  <a:cxn ang="0">
                    <a:pos x="155" y="151"/>
                  </a:cxn>
                  <a:cxn ang="0">
                    <a:pos x="192" y="136"/>
                  </a:cxn>
                  <a:cxn ang="0">
                    <a:pos x="201" y="136"/>
                  </a:cxn>
                  <a:cxn ang="0">
                    <a:pos x="234" y="176"/>
                  </a:cxn>
                  <a:cxn ang="0">
                    <a:pos x="253" y="175"/>
                  </a:cxn>
                  <a:cxn ang="0">
                    <a:pos x="275" y="171"/>
                  </a:cxn>
                  <a:cxn ang="0">
                    <a:pos x="308" y="180"/>
                  </a:cxn>
                  <a:cxn ang="0">
                    <a:pos x="338" y="185"/>
                  </a:cxn>
                  <a:cxn ang="0">
                    <a:pos x="359" y="183"/>
                  </a:cxn>
                  <a:cxn ang="0">
                    <a:pos x="370" y="172"/>
                  </a:cxn>
                  <a:cxn ang="0">
                    <a:pos x="377" y="145"/>
                  </a:cxn>
                  <a:cxn ang="0">
                    <a:pos x="373" y="71"/>
                  </a:cxn>
                  <a:cxn ang="0">
                    <a:pos x="376" y="44"/>
                  </a:cxn>
                  <a:cxn ang="0">
                    <a:pos x="386" y="27"/>
                  </a:cxn>
                  <a:cxn ang="0">
                    <a:pos x="401" y="17"/>
                  </a:cxn>
                  <a:cxn ang="0">
                    <a:pos x="413" y="6"/>
                  </a:cxn>
                </a:cxnLst>
                <a:rect l="0" t="0" r="r" b="b"/>
                <a:pathLst>
                  <a:path w="824" h="457">
                    <a:moveTo>
                      <a:pt x="414" y="0"/>
                    </a:moveTo>
                    <a:lnTo>
                      <a:pt x="453" y="40"/>
                    </a:lnTo>
                    <a:lnTo>
                      <a:pt x="465" y="52"/>
                    </a:lnTo>
                    <a:lnTo>
                      <a:pt x="477" y="63"/>
                    </a:lnTo>
                    <a:lnTo>
                      <a:pt x="482" y="70"/>
                    </a:lnTo>
                    <a:lnTo>
                      <a:pt x="488" y="75"/>
                    </a:lnTo>
                    <a:lnTo>
                      <a:pt x="496" y="79"/>
                    </a:lnTo>
                    <a:lnTo>
                      <a:pt x="504" y="83"/>
                    </a:lnTo>
                    <a:lnTo>
                      <a:pt x="518" y="88"/>
                    </a:lnTo>
                    <a:lnTo>
                      <a:pt x="534" y="89"/>
                    </a:lnTo>
                    <a:lnTo>
                      <a:pt x="549" y="92"/>
                    </a:lnTo>
                    <a:lnTo>
                      <a:pt x="565" y="97"/>
                    </a:lnTo>
                    <a:lnTo>
                      <a:pt x="582" y="106"/>
                    </a:lnTo>
                    <a:lnTo>
                      <a:pt x="596" y="113"/>
                    </a:lnTo>
                    <a:lnTo>
                      <a:pt x="610" y="116"/>
                    </a:lnTo>
                    <a:lnTo>
                      <a:pt x="623" y="120"/>
                    </a:lnTo>
                    <a:lnTo>
                      <a:pt x="637" y="122"/>
                    </a:lnTo>
                    <a:lnTo>
                      <a:pt x="652" y="122"/>
                    </a:lnTo>
                    <a:lnTo>
                      <a:pt x="668" y="120"/>
                    </a:lnTo>
                    <a:lnTo>
                      <a:pt x="688" y="118"/>
                    </a:lnTo>
                    <a:lnTo>
                      <a:pt x="711" y="115"/>
                    </a:lnTo>
                    <a:lnTo>
                      <a:pt x="733" y="114"/>
                    </a:lnTo>
                    <a:lnTo>
                      <a:pt x="745" y="115"/>
                    </a:lnTo>
                    <a:lnTo>
                      <a:pt x="755" y="115"/>
                    </a:lnTo>
                    <a:lnTo>
                      <a:pt x="764" y="118"/>
                    </a:lnTo>
                    <a:lnTo>
                      <a:pt x="773" y="120"/>
                    </a:lnTo>
                    <a:lnTo>
                      <a:pt x="782" y="124"/>
                    </a:lnTo>
                    <a:lnTo>
                      <a:pt x="790" y="129"/>
                    </a:lnTo>
                    <a:lnTo>
                      <a:pt x="798" y="136"/>
                    </a:lnTo>
                    <a:lnTo>
                      <a:pt x="804" y="142"/>
                    </a:lnTo>
                    <a:lnTo>
                      <a:pt x="810" y="151"/>
                    </a:lnTo>
                    <a:lnTo>
                      <a:pt x="815" y="162"/>
                    </a:lnTo>
                    <a:lnTo>
                      <a:pt x="819" y="173"/>
                    </a:lnTo>
                    <a:lnTo>
                      <a:pt x="821" y="188"/>
                    </a:lnTo>
                    <a:lnTo>
                      <a:pt x="823" y="199"/>
                    </a:lnTo>
                    <a:lnTo>
                      <a:pt x="824" y="211"/>
                    </a:lnTo>
                    <a:lnTo>
                      <a:pt x="824" y="221"/>
                    </a:lnTo>
                    <a:lnTo>
                      <a:pt x="823" y="233"/>
                    </a:lnTo>
                    <a:lnTo>
                      <a:pt x="819" y="256"/>
                    </a:lnTo>
                    <a:lnTo>
                      <a:pt x="812" y="278"/>
                    </a:lnTo>
                    <a:lnTo>
                      <a:pt x="798" y="324"/>
                    </a:lnTo>
                    <a:lnTo>
                      <a:pt x="784" y="368"/>
                    </a:lnTo>
                    <a:lnTo>
                      <a:pt x="789" y="440"/>
                    </a:lnTo>
                    <a:lnTo>
                      <a:pt x="789" y="440"/>
                    </a:lnTo>
                    <a:lnTo>
                      <a:pt x="767" y="446"/>
                    </a:lnTo>
                    <a:lnTo>
                      <a:pt x="745" y="449"/>
                    </a:lnTo>
                    <a:lnTo>
                      <a:pt x="724" y="453"/>
                    </a:lnTo>
                    <a:lnTo>
                      <a:pt x="703" y="455"/>
                    </a:lnTo>
                    <a:lnTo>
                      <a:pt x="683" y="456"/>
                    </a:lnTo>
                    <a:lnTo>
                      <a:pt x="663" y="457"/>
                    </a:lnTo>
                    <a:lnTo>
                      <a:pt x="642" y="457"/>
                    </a:lnTo>
                    <a:lnTo>
                      <a:pt x="623" y="456"/>
                    </a:lnTo>
                    <a:lnTo>
                      <a:pt x="583" y="453"/>
                    </a:lnTo>
                    <a:lnTo>
                      <a:pt x="543" y="449"/>
                    </a:lnTo>
                    <a:lnTo>
                      <a:pt x="501" y="444"/>
                    </a:lnTo>
                    <a:lnTo>
                      <a:pt x="458" y="439"/>
                    </a:lnTo>
                    <a:lnTo>
                      <a:pt x="426" y="438"/>
                    </a:lnTo>
                    <a:lnTo>
                      <a:pt x="394" y="436"/>
                    </a:lnTo>
                    <a:lnTo>
                      <a:pt x="361" y="435"/>
                    </a:lnTo>
                    <a:lnTo>
                      <a:pt x="329" y="433"/>
                    </a:lnTo>
                    <a:lnTo>
                      <a:pt x="284" y="426"/>
                    </a:lnTo>
                    <a:lnTo>
                      <a:pt x="238" y="417"/>
                    </a:lnTo>
                    <a:lnTo>
                      <a:pt x="193" y="407"/>
                    </a:lnTo>
                    <a:lnTo>
                      <a:pt x="148" y="396"/>
                    </a:lnTo>
                    <a:lnTo>
                      <a:pt x="0" y="348"/>
                    </a:lnTo>
                    <a:lnTo>
                      <a:pt x="0" y="348"/>
                    </a:lnTo>
                    <a:lnTo>
                      <a:pt x="10" y="330"/>
                    </a:lnTo>
                    <a:lnTo>
                      <a:pt x="21" y="312"/>
                    </a:lnTo>
                    <a:lnTo>
                      <a:pt x="32" y="295"/>
                    </a:lnTo>
                    <a:lnTo>
                      <a:pt x="43" y="278"/>
                    </a:lnTo>
                    <a:lnTo>
                      <a:pt x="48" y="271"/>
                    </a:lnTo>
                    <a:lnTo>
                      <a:pt x="50" y="262"/>
                    </a:lnTo>
                    <a:lnTo>
                      <a:pt x="53" y="251"/>
                    </a:lnTo>
                    <a:lnTo>
                      <a:pt x="54" y="242"/>
                    </a:lnTo>
                    <a:lnTo>
                      <a:pt x="57" y="221"/>
                    </a:lnTo>
                    <a:lnTo>
                      <a:pt x="62" y="202"/>
                    </a:lnTo>
                    <a:lnTo>
                      <a:pt x="66" y="192"/>
                    </a:lnTo>
                    <a:lnTo>
                      <a:pt x="70" y="181"/>
                    </a:lnTo>
                    <a:lnTo>
                      <a:pt x="74" y="175"/>
                    </a:lnTo>
                    <a:lnTo>
                      <a:pt x="78" y="168"/>
                    </a:lnTo>
                    <a:lnTo>
                      <a:pt x="83" y="164"/>
                    </a:lnTo>
                    <a:lnTo>
                      <a:pt x="87" y="162"/>
                    </a:lnTo>
                    <a:lnTo>
                      <a:pt x="92" y="161"/>
                    </a:lnTo>
                    <a:lnTo>
                      <a:pt x="97" y="159"/>
                    </a:lnTo>
                    <a:lnTo>
                      <a:pt x="110" y="158"/>
                    </a:lnTo>
                    <a:lnTo>
                      <a:pt x="123" y="158"/>
                    </a:lnTo>
                    <a:lnTo>
                      <a:pt x="131" y="158"/>
                    </a:lnTo>
                    <a:lnTo>
                      <a:pt x="138" y="157"/>
                    </a:lnTo>
                    <a:lnTo>
                      <a:pt x="146" y="154"/>
                    </a:lnTo>
                    <a:lnTo>
                      <a:pt x="155" y="151"/>
                    </a:lnTo>
                    <a:lnTo>
                      <a:pt x="175" y="142"/>
                    </a:lnTo>
                    <a:lnTo>
                      <a:pt x="188" y="137"/>
                    </a:lnTo>
                    <a:lnTo>
                      <a:pt x="192" y="136"/>
                    </a:lnTo>
                    <a:lnTo>
                      <a:pt x="195" y="136"/>
                    </a:lnTo>
                    <a:lnTo>
                      <a:pt x="198" y="136"/>
                    </a:lnTo>
                    <a:lnTo>
                      <a:pt x="201" y="136"/>
                    </a:lnTo>
                    <a:lnTo>
                      <a:pt x="208" y="148"/>
                    </a:lnTo>
                    <a:lnTo>
                      <a:pt x="229" y="172"/>
                    </a:lnTo>
                    <a:lnTo>
                      <a:pt x="234" y="176"/>
                    </a:lnTo>
                    <a:lnTo>
                      <a:pt x="240" y="177"/>
                    </a:lnTo>
                    <a:lnTo>
                      <a:pt x="246" y="176"/>
                    </a:lnTo>
                    <a:lnTo>
                      <a:pt x="253" y="175"/>
                    </a:lnTo>
                    <a:lnTo>
                      <a:pt x="260" y="172"/>
                    </a:lnTo>
                    <a:lnTo>
                      <a:pt x="268" y="171"/>
                    </a:lnTo>
                    <a:lnTo>
                      <a:pt x="275" y="171"/>
                    </a:lnTo>
                    <a:lnTo>
                      <a:pt x="281" y="172"/>
                    </a:lnTo>
                    <a:lnTo>
                      <a:pt x="295" y="176"/>
                    </a:lnTo>
                    <a:lnTo>
                      <a:pt x="308" y="180"/>
                    </a:lnTo>
                    <a:lnTo>
                      <a:pt x="319" y="183"/>
                    </a:lnTo>
                    <a:lnTo>
                      <a:pt x="329" y="185"/>
                    </a:lnTo>
                    <a:lnTo>
                      <a:pt x="338" y="185"/>
                    </a:lnTo>
                    <a:lnTo>
                      <a:pt x="346" y="185"/>
                    </a:lnTo>
                    <a:lnTo>
                      <a:pt x="352" y="184"/>
                    </a:lnTo>
                    <a:lnTo>
                      <a:pt x="359" y="183"/>
                    </a:lnTo>
                    <a:lnTo>
                      <a:pt x="363" y="179"/>
                    </a:lnTo>
                    <a:lnTo>
                      <a:pt x="368" y="176"/>
                    </a:lnTo>
                    <a:lnTo>
                      <a:pt x="370" y="172"/>
                    </a:lnTo>
                    <a:lnTo>
                      <a:pt x="373" y="167"/>
                    </a:lnTo>
                    <a:lnTo>
                      <a:pt x="376" y="157"/>
                    </a:lnTo>
                    <a:lnTo>
                      <a:pt x="377" y="145"/>
                    </a:lnTo>
                    <a:lnTo>
                      <a:pt x="376" y="116"/>
                    </a:lnTo>
                    <a:lnTo>
                      <a:pt x="373" y="85"/>
                    </a:lnTo>
                    <a:lnTo>
                      <a:pt x="373" y="71"/>
                    </a:lnTo>
                    <a:lnTo>
                      <a:pt x="373" y="57"/>
                    </a:lnTo>
                    <a:lnTo>
                      <a:pt x="374" y="50"/>
                    </a:lnTo>
                    <a:lnTo>
                      <a:pt x="376" y="44"/>
                    </a:lnTo>
                    <a:lnTo>
                      <a:pt x="378" y="39"/>
                    </a:lnTo>
                    <a:lnTo>
                      <a:pt x="381" y="32"/>
                    </a:lnTo>
                    <a:lnTo>
                      <a:pt x="386" y="27"/>
                    </a:lnTo>
                    <a:lnTo>
                      <a:pt x="391" y="22"/>
                    </a:lnTo>
                    <a:lnTo>
                      <a:pt x="396" y="19"/>
                    </a:lnTo>
                    <a:lnTo>
                      <a:pt x="401" y="17"/>
                    </a:lnTo>
                    <a:lnTo>
                      <a:pt x="407" y="14"/>
                    </a:lnTo>
                    <a:lnTo>
                      <a:pt x="411" y="12"/>
                    </a:lnTo>
                    <a:lnTo>
                      <a:pt x="413" y="6"/>
                    </a:lnTo>
                    <a:lnTo>
                      <a:pt x="414" y="0"/>
                    </a:lnTo>
                    <a:lnTo>
                      <a:pt x="414" y="0"/>
                    </a:lnTo>
                    <a:close/>
                  </a:path>
                </a:pathLst>
              </a:custGeom>
              <a:solidFill>
                <a:schemeClr val="bg1">
                  <a:lumMod val="65000"/>
                </a:schemeClr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5" name="Freeform 10"/>
              <p:cNvSpPr>
                <a:spLocks noEditPoints="1"/>
              </p:cNvSpPr>
              <p:nvPr/>
            </p:nvSpPr>
            <p:spPr bwMode="auto">
              <a:xfrm>
                <a:off x="6929045" y="-381000"/>
                <a:ext cx="2386415" cy="2651655"/>
              </a:xfrm>
              <a:custGeom>
                <a:avLst/>
                <a:gdLst/>
                <a:ahLst/>
                <a:cxnLst>
                  <a:cxn ang="0">
                    <a:pos x="3911" y="293"/>
                  </a:cxn>
                  <a:cxn ang="0">
                    <a:pos x="4077" y="253"/>
                  </a:cxn>
                  <a:cxn ang="0">
                    <a:pos x="3488" y="504"/>
                  </a:cxn>
                  <a:cxn ang="0">
                    <a:pos x="3241" y="752"/>
                  </a:cxn>
                  <a:cxn ang="0">
                    <a:pos x="3013" y="858"/>
                  </a:cxn>
                  <a:cxn ang="0">
                    <a:pos x="2784" y="1004"/>
                  </a:cxn>
                  <a:cxn ang="0">
                    <a:pos x="2672" y="1126"/>
                  </a:cxn>
                  <a:cxn ang="0">
                    <a:pos x="2885" y="1129"/>
                  </a:cxn>
                  <a:cxn ang="0">
                    <a:pos x="2596" y="1314"/>
                  </a:cxn>
                  <a:cxn ang="0">
                    <a:pos x="2237" y="1507"/>
                  </a:cxn>
                  <a:cxn ang="0">
                    <a:pos x="1066" y="3387"/>
                  </a:cxn>
                  <a:cxn ang="0">
                    <a:pos x="211" y="4631"/>
                  </a:cxn>
                  <a:cxn ang="0">
                    <a:pos x="121" y="4953"/>
                  </a:cxn>
                  <a:cxn ang="0">
                    <a:pos x="1344" y="5444"/>
                  </a:cxn>
                  <a:cxn ang="0">
                    <a:pos x="1199" y="5431"/>
                  </a:cxn>
                  <a:cxn ang="0">
                    <a:pos x="847" y="5674"/>
                  </a:cxn>
                  <a:cxn ang="0">
                    <a:pos x="237" y="5762"/>
                  </a:cxn>
                  <a:cxn ang="0">
                    <a:pos x="220" y="5220"/>
                  </a:cxn>
                  <a:cxn ang="0">
                    <a:pos x="72" y="5042"/>
                  </a:cxn>
                  <a:cxn ang="0">
                    <a:pos x="356" y="4797"/>
                  </a:cxn>
                  <a:cxn ang="0">
                    <a:pos x="222" y="4804"/>
                  </a:cxn>
                  <a:cxn ang="0">
                    <a:pos x="241" y="4499"/>
                  </a:cxn>
                  <a:cxn ang="0">
                    <a:pos x="732" y="4458"/>
                  </a:cxn>
                  <a:cxn ang="0">
                    <a:pos x="532" y="4334"/>
                  </a:cxn>
                  <a:cxn ang="0">
                    <a:pos x="224" y="4122"/>
                  </a:cxn>
                  <a:cxn ang="0">
                    <a:pos x="307" y="3963"/>
                  </a:cxn>
                  <a:cxn ang="0">
                    <a:pos x="612" y="3977"/>
                  </a:cxn>
                  <a:cxn ang="0">
                    <a:pos x="577" y="3830"/>
                  </a:cxn>
                  <a:cxn ang="0">
                    <a:pos x="822" y="3784"/>
                  </a:cxn>
                  <a:cxn ang="0">
                    <a:pos x="919" y="3631"/>
                  </a:cxn>
                  <a:cxn ang="0">
                    <a:pos x="1107" y="3571"/>
                  </a:cxn>
                  <a:cxn ang="0">
                    <a:pos x="1427" y="3498"/>
                  </a:cxn>
                  <a:cxn ang="0">
                    <a:pos x="1666" y="3292"/>
                  </a:cxn>
                  <a:cxn ang="0">
                    <a:pos x="1349" y="3326"/>
                  </a:cxn>
                  <a:cxn ang="0">
                    <a:pos x="1782" y="3052"/>
                  </a:cxn>
                  <a:cxn ang="0">
                    <a:pos x="1759" y="2832"/>
                  </a:cxn>
                  <a:cxn ang="0">
                    <a:pos x="2063" y="2587"/>
                  </a:cxn>
                  <a:cxn ang="0">
                    <a:pos x="2188" y="2282"/>
                  </a:cxn>
                  <a:cxn ang="0">
                    <a:pos x="2320" y="2042"/>
                  </a:cxn>
                  <a:cxn ang="0">
                    <a:pos x="2693" y="1822"/>
                  </a:cxn>
                  <a:cxn ang="0">
                    <a:pos x="2628" y="1683"/>
                  </a:cxn>
                  <a:cxn ang="0">
                    <a:pos x="2667" y="1539"/>
                  </a:cxn>
                  <a:cxn ang="0">
                    <a:pos x="2802" y="1473"/>
                  </a:cxn>
                  <a:cxn ang="0">
                    <a:pos x="3071" y="1247"/>
                  </a:cxn>
                  <a:cxn ang="0">
                    <a:pos x="3180" y="826"/>
                  </a:cxn>
                  <a:cxn ang="0">
                    <a:pos x="3361" y="846"/>
                  </a:cxn>
                  <a:cxn ang="0">
                    <a:pos x="3514" y="828"/>
                  </a:cxn>
                  <a:cxn ang="0">
                    <a:pos x="3672" y="437"/>
                  </a:cxn>
                  <a:cxn ang="0">
                    <a:pos x="4043" y="573"/>
                  </a:cxn>
                  <a:cxn ang="0">
                    <a:pos x="4146" y="195"/>
                  </a:cxn>
                  <a:cxn ang="0">
                    <a:pos x="4321" y="376"/>
                  </a:cxn>
                  <a:cxn ang="0">
                    <a:pos x="4570" y="193"/>
                  </a:cxn>
                  <a:cxn ang="0">
                    <a:pos x="4707" y="86"/>
                  </a:cxn>
                  <a:cxn ang="0">
                    <a:pos x="4729" y="239"/>
                  </a:cxn>
                  <a:cxn ang="0">
                    <a:pos x="5000" y="195"/>
                  </a:cxn>
                  <a:cxn ang="0">
                    <a:pos x="5034" y="547"/>
                  </a:cxn>
                  <a:cxn ang="0">
                    <a:pos x="5145" y="762"/>
                  </a:cxn>
                  <a:cxn ang="0">
                    <a:pos x="4674" y="524"/>
                  </a:cxn>
                  <a:cxn ang="0">
                    <a:pos x="4220" y="1169"/>
                  </a:cxn>
                  <a:cxn ang="0">
                    <a:pos x="3358" y="1276"/>
                  </a:cxn>
                  <a:cxn ang="0">
                    <a:pos x="2648" y="2091"/>
                  </a:cxn>
                  <a:cxn ang="0">
                    <a:pos x="1978" y="3315"/>
                  </a:cxn>
                  <a:cxn ang="0">
                    <a:pos x="1773" y="4687"/>
                  </a:cxn>
                </a:cxnLst>
                <a:rect l="0" t="0" r="r" b="b"/>
                <a:pathLst>
                  <a:path w="5239" h="5872">
                    <a:moveTo>
                      <a:pt x="4312" y="82"/>
                    </a:moveTo>
                    <a:lnTo>
                      <a:pt x="4306" y="79"/>
                    </a:lnTo>
                    <a:lnTo>
                      <a:pt x="4299" y="75"/>
                    </a:lnTo>
                    <a:lnTo>
                      <a:pt x="4294" y="69"/>
                    </a:lnTo>
                    <a:lnTo>
                      <a:pt x="4290" y="64"/>
                    </a:lnTo>
                    <a:lnTo>
                      <a:pt x="4293" y="56"/>
                    </a:lnTo>
                    <a:lnTo>
                      <a:pt x="4301" y="42"/>
                    </a:lnTo>
                    <a:lnTo>
                      <a:pt x="4310" y="26"/>
                    </a:lnTo>
                    <a:lnTo>
                      <a:pt x="4315" y="16"/>
                    </a:lnTo>
                    <a:lnTo>
                      <a:pt x="4317" y="13"/>
                    </a:lnTo>
                    <a:lnTo>
                      <a:pt x="4319" y="11"/>
                    </a:lnTo>
                    <a:lnTo>
                      <a:pt x="4321" y="8"/>
                    </a:lnTo>
                    <a:lnTo>
                      <a:pt x="4324" y="8"/>
                    </a:lnTo>
                    <a:lnTo>
                      <a:pt x="4327" y="8"/>
                    </a:lnTo>
                    <a:lnTo>
                      <a:pt x="4329" y="8"/>
                    </a:lnTo>
                    <a:lnTo>
                      <a:pt x="4332" y="11"/>
                    </a:lnTo>
                    <a:lnTo>
                      <a:pt x="4333" y="13"/>
                    </a:lnTo>
                    <a:lnTo>
                      <a:pt x="4338" y="25"/>
                    </a:lnTo>
                    <a:lnTo>
                      <a:pt x="4343" y="37"/>
                    </a:lnTo>
                    <a:lnTo>
                      <a:pt x="4347" y="50"/>
                    </a:lnTo>
                    <a:lnTo>
                      <a:pt x="4349" y="61"/>
                    </a:lnTo>
                    <a:lnTo>
                      <a:pt x="4346" y="73"/>
                    </a:lnTo>
                    <a:lnTo>
                      <a:pt x="4342" y="85"/>
                    </a:lnTo>
                    <a:lnTo>
                      <a:pt x="4341" y="91"/>
                    </a:lnTo>
                    <a:lnTo>
                      <a:pt x="4337" y="95"/>
                    </a:lnTo>
                    <a:lnTo>
                      <a:pt x="4332" y="98"/>
                    </a:lnTo>
                    <a:lnTo>
                      <a:pt x="4325" y="100"/>
                    </a:lnTo>
                    <a:lnTo>
                      <a:pt x="4312" y="82"/>
                    </a:lnTo>
                    <a:close/>
                    <a:moveTo>
                      <a:pt x="3804" y="303"/>
                    </a:moveTo>
                    <a:lnTo>
                      <a:pt x="3804" y="298"/>
                    </a:lnTo>
                    <a:lnTo>
                      <a:pt x="3803" y="294"/>
                    </a:lnTo>
                    <a:lnTo>
                      <a:pt x="3802" y="289"/>
                    </a:lnTo>
                    <a:lnTo>
                      <a:pt x="3799" y="285"/>
                    </a:lnTo>
                    <a:lnTo>
                      <a:pt x="3782" y="283"/>
                    </a:lnTo>
                    <a:lnTo>
                      <a:pt x="3766" y="279"/>
                    </a:lnTo>
                    <a:lnTo>
                      <a:pt x="3762" y="278"/>
                    </a:lnTo>
                    <a:lnTo>
                      <a:pt x="3759" y="276"/>
                    </a:lnTo>
                    <a:lnTo>
                      <a:pt x="3758" y="274"/>
                    </a:lnTo>
                    <a:lnTo>
                      <a:pt x="3755" y="270"/>
                    </a:lnTo>
                    <a:lnTo>
                      <a:pt x="3755" y="267"/>
                    </a:lnTo>
                    <a:lnTo>
                      <a:pt x="3755" y="262"/>
                    </a:lnTo>
                    <a:lnTo>
                      <a:pt x="3757" y="258"/>
                    </a:lnTo>
                    <a:lnTo>
                      <a:pt x="3760" y="252"/>
                    </a:lnTo>
                    <a:lnTo>
                      <a:pt x="3766" y="243"/>
                    </a:lnTo>
                    <a:lnTo>
                      <a:pt x="3773" y="235"/>
                    </a:lnTo>
                    <a:lnTo>
                      <a:pt x="3780" y="231"/>
                    </a:lnTo>
                    <a:lnTo>
                      <a:pt x="3786" y="228"/>
                    </a:lnTo>
                    <a:lnTo>
                      <a:pt x="3794" y="228"/>
                    </a:lnTo>
                    <a:lnTo>
                      <a:pt x="3801" y="230"/>
                    </a:lnTo>
                    <a:lnTo>
                      <a:pt x="3808" y="231"/>
                    </a:lnTo>
                    <a:lnTo>
                      <a:pt x="3816" y="235"/>
                    </a:lnTo>
                    <a:lnTo>
                      <a:pt x="3830" y="241"/>
                    </a:lnTo>
                    <a:lnTo>
                      <a:pt x="3843" y="246"/>
                    </a:lnTo>
                    <a:lnTo>
                      <a:pt x="3850" y="248"/>
                    </a:lnTo>
                    <a:lnTo>
                      <a:pt x="3856" y="248"/>
                    </a:lnTo>
                    <a:lnTo>
                      <a:pt x="3863" y="245"/>
                    </a:lnTo>
                    <a:lnTo>
                      <a:pt x="3868" y="241"/>
                    </a:lnTo>
                    <a:lnTo>
                      <a:pt x="3874" y="231"/>
                    </a:lnTo>
                    <a:lnTo>
                      <a:pt x="3882" y="219"/>
                    </a:lnTo>
                    <a:lnTo>
                      <a:pt x="3891" y="214"/>
                    </a:lnTo>
                    <a:lnTo>
                      <a:pt x="3899" y="209"/>
                    </a:lnTo>
                    <a:lnTo>
                      <a:pt x="3907" y="202"/>
                    </a:lnTo>
                    <a:lnTo>
                      <a:pt x="3915" y="195"/>
                    </a:lnTo>
                    <a:lnTo>
                      <a:pt x="3921" y="183"/>
                    </a:lnTo>
                    <a:lnTo>
                      <a:pt x="3929" y="174"/>
                    </a:lnTo>
                    <a:lnTo>
                      <a:pt x="3933" y="171"/>
                    </a:lnTo>
                    <a:lnTo>
                      <a:pt x="3938" y="169"/>
                    </a:lnTo>
                    <a:lnTo>
                      <a:pt x="3943" y="166"/>
                    </a:lnTo>
                    <a:lnTo>
                      <a:pt x="3951" y="166"/>
                    </a:lnTo>
                    <a:lnTo>
                      <a:pt x="3953" y="170"/>
                    </a:lnTo>
                    <a:lnTo>
                      <a:pt x="3953" y="177"/>
                    </a:lnTo>
                    <a:lnTo>
                      <a:pt x="3953" y="186"/>
                    </a:lnTo>
                    <a:lnTo>
                      <a:pt x="3952" y="193"/>
                    </a:lnTo>
                    <a:lnTo>
                      <a:pt x="3950" y="212"/>
                    </a:lnTo>
                    <a:lnTo>
                      <a:pt x="3948" y="226"/>
                    </a:lnTo>
                    <a:lnTo>
                      <a:pt x="3947" y="239"/>
                    </a:lnTo>
                    <a:lnTo>
                      <a:pt x="3943" y="250"/>
                    </a:lnTo>
                    <a:lnTo>
                      <a:pt x="3937" y="263"/>
                    </a:lnTo>
                    <a:lnTo>
                      <a:pt x="3930" y="274"/>
                    </a:lnTo>
                    <a:lnTo>
                      <a:pt x="3921" y="284"/>
                    </a:lnTo>
                    <a:lnTo>
                      <a:pt x="3911" y="293"/>
                    </a:lnTo>
                    <a:lnTo>
                      <a:pt x="3899" y="300"/>
                    </a:lnTo>
                    <a:lnTo>
                      <a:pt x="3887" y="305"/>
                    </a:lnTo>
                    <a:lnTo>
                      <a:pt x="3876" y="306"/>
                    </a:lnTo>
                    <a:lnTo>
                      <a:pt x="3864" y="305"/>
                    </a:lnTo>
                    <a:lnTo>
                      <a:pt x="3859" y="305"/>
                    </a:lnTo>
                    <a:lnTo>
                      <a:pt x="3852" y="305"/>
                    </a:lnTo>
                    <a:lnTo>
                      <a:pt x="3847" y="306"/>
                    </a:lnTo>
                    <a:lnTo>
                      <a:pt x="3842" y="309"/>
                    </a:lnTo>
                    <a:lnTo>
                      <a:pt x="3834" y="316"/>
                    </a:lnTo>
                    <a:lnTo>
                      <a:pt x="3829" y="322"/>
                    </a:lnTo>
                    <a:lnTo>
                      <a:pt x="3825" y="322"/>
                    </a:lnTo>
                    <a:lnTo>
                      <a:pt x="3821" y="322"/>
                    </a:lnTo>
                    <a:lnTo>
                      <a:pt x="3815" y="320"/>
                    </a:lnTo>
                    <a:lnTo>
                      <a:pt x="3807" y="318"/>
                    </a:lnTo>
                    <a:lnTo>
                      <a:pt x="3804" y="303"/>
                    </a:lnTo>
                    <a:close/>
                    <a:moveTo>
                      <a:pt x="3948" y="375"/>
                    </a:moveTo>
                    <a:lnTo>
                      <a:pt x="3943" y="373"/>
                    </a:lnTo>
                    <a:lnTo>
                      <a:pt x="3940" y="371"/>
                    </a:lnTo>
                    <a:lnTo>
                      <a:pt x="3937" y="368"/>
                    </a:lnTo>
                    <a:lnTo>
                      <a:pt x="3934" y="364"/>
                    </a:lnTo>
                    <a:lnTo>
                      <a:pt x="3929" y="355"/>
                    </a:lnTo>
                    <a:lnTo>
                      <a:pt x="3925" y="346"/>
                    </a:lnTo>
                    <a:lnTo>
                      <a:pt x="3925" y="342"/>
                    </a:lnTo>
                    <a:lnTo>
                      <a:pt x="3926" y="338"/>
                    </a:lnTo>
                    <a:lnTo>
                      <a:pt x="3929" y="336"/>
                    </a:lnTo>
                    <a:lnTo>
                      <a:pt x="3931" y="332"/>
                    </a:lnTo>
                    <a:lnTo>
                      <a:pt x="3944" y="323"/>
                    </a:lnTo>
                    <a:lnTo>
                      <a:pt x="3956" y="314"/>
                    </a:lnTo>
                    <a:lnTo>
                      <a:pt x="3961" y="309"/>
                    </a:lnTo>
                    <a:lnTo>
                      <a:pt x="3969" y="301"/>
                    </a:lnTo>
                    <a:lnTo>
                      <a:pt x="3974" y="298"/>
                    </a:lnTo>
                    <a:lnTo>
                      <a:pt x="3978" y="296"/>
                    </a:lnTo>
                    <a:lnTo>
                      <a:pt x="3982" y="296"/>
                    </a:lnTo>
                    <a:lnTo>
                      <a:pt x="3985" y="298"/>
                    </a:lnTo>
                    <a:lnTo>
                      <a:pt x="3986" y="311"/>
                    </a:lnTo>
                    <a:lnTo>
                      <a:pt x="3985" y="326"/>
                    </a:lnTo>
                    <a:lnTo>
                      <a:pt x="3983" y="336"/>
                    </a:lnTo>
                    <a:lnTo>
                      <a:pt x="3981" y="346"/>
                    </a:lnTo>
                    <a:lnTo>
                      <a:pt x="3979" y="351"/>
                    </a:lnTo>
                    <a:lnTo>
                      <a:pt x="3978" y="355"/>
                    </a:lnTo>
                    <a:lnTo>
                      <a:pt x="3978" y="360"/>
                    </a:lnTo>
                    <a:lnTo>
                      <a:pt x="3979" y="366"/>
                    </a:lnTo>
                    <a:lnTo>
                      <a:pt x="3981" y="372"/>
                    </a:lnTo>
                    <a:lnTo>
                      <a:pt x="3981" y="380"/>
                    </a:lnTo>
                    <a:lnTo>
                      <a:pt x="3977" y="383"/>
                    </a:lnTo>
                    <a:lnTo>
                      <a:pt x="3972" y="385"/>
                    </a:lnTo>
                    <a:lnTo>
                      <a:pt x="3966" y="388"/>
                    </a:lnTo>
                    <a:lnTo>
                      <a:pt x="3963" y="386"/>
                    </a:lnTo>
                    <a:lnTo>
                      <a:pt x="3948" y="375"/>
                    </a:lnTo>
                    <a:close/>
                    <a:moveTo>
                      <a:pt x="4047" y="276"/>
                    </a:moveTo>
                    <a:lnTo>
                      <a:pt x="4044" y="278"/>
                    </a:lnTo>
                    <a:lnTo>
                      <a:pt x="4040" y="276"/>
                    </a:lnTo>
                    <a:lnTo>
                      <a:pt x="4038" y="275"/>
                    </a:lnTo>
                    <a:lnTo>
                      <a:pt x="4034" y="272"/>
                    </a:lnTo>
                    <a:lnTo>
                      <a:pt x="4027" y="267"/>
                    </a:lnTo>
                    <a:lnTo>
                      <a:pt x="4022" y="262"/>
                    </a:lnTo>
                    <a:lnTo>
                      <a:pt x="4020" y="258"/>
                    </a:lnTo>
                    <a:lnTo>
                      <a:pt x="4017" y="254"/>
                    </a:lnTo>
                    <a:lnTo>
                      <a:pt x="4014" y="248"/>
                    </a:lnTo>
                    <a:lnTo>
                      <a:pt x="4013" y="243"/>
                    </a:lnTo>
                    <a:lnTo>
                      <a:pt x="4012" y="236"/>
                    </a:lnTo>
                    <a:lnTo>
                      <a:pt x="4013" y="231"/>
                    </a:lnTo>
                    <a:lnTo>
                      <a:pt x="4014" y="226"/>
                    </a:lnTo>
                    <a:lnTo>
                      <a:pt x="4017" y="221"/>
                    </a:lnTo>
                    <a:lnTo>
                      <a:pt x="4020" y="218"/>
                    </a:lnTo>
                    <a:lnTo>
                      <a:pt x="4022" y="217"/>
                    </a:lnTo>
                    <a:lnTo>
                      <a:pt x="4023" y="217"/>
                    </a:lnTo>
                    <a:lnTo>
                      <a:pt x="4026" y="218"/>
                    </a:lnTo>
                    <a:lnTo>
                      <a:pt x="4030" y="222"/>
                    </a:lnTo>
                    <a:lnTo>
                      <a:pt x="4032" y="227"/>
                    </a:lnTo>
                    <a:lnTo>
                      <a:pt x="4038" y="230"/>
                    </a:lnTo>
                    <a:lnTo>
                      <a:pt x="4045" y="230"/>
                    </a:lnTo>
                    <a:lnTo>
                      <a:pt x="4053" y="228"/>
                    </a:lnTo>
                    <a:lnTo>
                      <a:pt x="4061" y="228"/>
                    </a:lnTo>
                    <a:lnTo>
                      <a:pt x="4067" y="227"/>
                    </a:lnTo>
                    <a:lnTo>
                      <a:pt x="4074" y="230"/>
                    </a:lnTo>
                    <a:lnTo>
                      <a:pt x="4075" y="231"/>
                    </a:lnTo>
                    <a:lnTo>
                      <a:pt x="4077" y="234"/>
                    </a:lnTo>
                    <a:lnTo>
                      <a:pt x="4078" y="237"/>
                    </a:lnTo>
                    <a:lnTo>
                      <a:pt x="4078" y="241"/>
                    </a:lnTo>
                    <a:lnTo>
                      <a:pt x="4077" y="253"/>
                    </a:lnTo>
                    <a:lnTo>
                      <a:pt x="4075" y="263"/>
                    </a:lnTo>
                    <a:lnTo>
                      <a:pt x="4074" y="267"/>
                    </a:lnTo>
                    <a:lnTo>
                      <a:pt x="4071" y="272"/>
                    </a:lnTo>
                    <a:lnTo>
                      <a:pt x="4067" y="276"/>
                    </a:lnTo>
                    <a:lnTo>
                      <a:pt x="4062" y="279"/>
                    </a:lnTo>
                    <a:lnTo>
                      <a:pt x="4047" y="276"/>
                    </a:lnTo>
                    <a:close/>
                    <a:moveTo>
                      <a:pt x="3924" y="401"/>
                    </a:moveTo>
                    <a:lnTo>
                      <a:pt x="3913" y="397"/>
                    </a:lnTo>
                    <a:lnTo>
                      <a:pt x="3903" y="395"/>
                    </a:lnTo>
                    <a:lnTo>
                      <a:pt x="3895" y="395"/>
                    </a:lnTo>
                    <a:lnTo>
                      <a:pt x="3885" y="395"/>
                    </a:lnTo>
                    <a:lnTo>
                      <a:pt x="3876" y="397"/>
                    </a:lnTo>
                    <a:lnTo>
                      <a:pt x="3869" y="399"/>
                    </a:lnTo>
                    <a:lnTo>
                      <a:pt x="3865" y="403"/>
                    </a:lnTo>
                    <a:lnTo>
                      <a:pt x="3864" y="408"/>
                    </a:lnTo>
                    <a:lnTo>
                      <a:pt x="3864" y="414"/>
                    </a:lnTo>
                    <a:lnTo>
                      <a:pt x="3867" y="417"/>
                    </a:lnTo>
                    <a:lnTo>
                      <a:pt x="3871" y="420"/>
                    </a:lnTo>
                    <a:lnTo>
                      <a:pt x="3874" y="421"/>
                    </a:lnTo>
                    <a:lnTo>
                      <a:pt x="3878" y="423"/>
                    </a:lnTo>
                    <a:lnTo>
                      <a:pt x="3882" y="423"/>
                    </a:lnTo>
                    <a:lnTo>
                      <a:pt x="3887" y="424"/>
                    </a:lnTo>
                    <a:lnTo>
                      <a:pt x="3893" y="424"/>
                    </a:lnTo>
                    <a:lnTo>
                      <a:pt x="3900" y="429"/>
                    </a:lnTo>
                    <a:lnTo>
                      <a:pt x="3909" y="433"/>
                    </a:lnTo>
                    <a:lnTo>
                      <a:pt x="3915" y="433"/>
                    </a:lnTo>
                    <a:lnTo>
                      <a:pt x="3920" y="430"/>
                    </a:lnTo>
                    <a:lnTo>
                      <a:pt x="3925" y="427"/>
                    </a:lnTo>
                    <a:lnTo>
                      <a:pt x="3930" y="423"/>
                    </a:lnTo>
                    <a:lnTo>
                      <a:pt x="3924" y="401"/>
                    </a:lnTo>
                    <a:close/>
                    <a:moveTo>
                      <a:pt x="3583" y="535"/>
                    </a:moveTo>
                    <a:lnTo>
                      <a:pt x="3584" y="526"/>
                    </a:lnTo>
                    <a:lnTo>
                      <a:pt x="3584" y="517"/>
                    </a:lnTo>
                    <a:lnTo>
                      <a:pt x="3586" y="509"/>
                    </a:lnTo>
                    <a:lnTo>
                      <a:pt x="3587" y="502"/>
                    </a:lnTo>
                    <a:lnTo>
                      <a:pt x="3587" y="498"/>
                    </a:lnTo>
                    <a:lnTo>
                      <a:pt x="3589" y="494"/>
                    </a:lnTo>
                    <a:lnTo>
                      <a:pt x="3591" y="490"/>
                    </a:lnTo>
                    <a:lnTo>
                      <a:pt x="3593" y="487"/>
                    </a:lnTo>
                    <a:lnTo>
                      <a:pt x="3596" y="487"/>
                    </a:lnTo>
                    <a:lnTo>
                      <a:pt x="3597" y="487"/>
                    </a:lnTo>
                    <a:lnTo>
                      <a:pt x="3600" y="489"/>
                    </a:lnTo>
                    <a:lnTo>
                      <a:pt x="3601" y="490"/>
                    </a:lnTo>
                    <a:lnTo>
                      <a:pt x="3605" y="494"/>
                    </a:lnTo>
                    <a:lnTo>
                      <a:pt x="3608" y="496"/>
                    </a:lnTo>
                    <a:lnTo>
                      <a:pt x="3617" y="500"/>
                    </a:lnTo>
                    <a:lnTo>
                      <a:pt x="3624" y="506"/>
                    </a:lnTo>
                    <a:lnTo>
                      <a:pt x="3624" y="511"/>
                    </a:lnTo>
                    <a:lnTo>
                      <a:pt x="3623" y="517"/>
                    </a:lnTo>
                    <a:lnTo>
                      <a:pt x="3620" y="525"/>
                    </a:lnTo>
                    <a:lnTo>
                      <a:pt x="3618" y="530"/>
                    </a:lnTo>
                    <a:lnTo>
                      <a:pt x="3615" y="537"/>
                    </a:lnTo>
                    <a:lnTo>
                      <a:pt x="3610" y="541"/>
                    </a:lnTo>
                    <a:lnTo>
                      <a:pt x="3604" y="544"/>
                    </a:lnTo>
                    <a:lnTo>
                      <a:pt x="3597" y="546"/>
                    </a:lnTo>
                    <a:lnTo>
                      <a:pt x="3583" y="535"/>
                    </a:lnTo>
                    <a:close/>
                    <a:moveTo>
                      <a:pt x="3451" y="524"/>
                    </a:moveTo>
                    <a:lnTo>
                      <a:pt x="3449" y="511"/>
                    </a:lnTo>
                    <a:lnTo>
                      <a:pt x="3444" y="499"/>
                    </a:lnTo>
                    <a:lnTo>
                      <a:pt x="3440" y="489"/>
                    </a:lnTo>
                    <a:lnTo>
                      <a:pt x="3437" y="478"/>
                    </a:lnTo>
                    <a:lnTo>
                      <a:pt x="3435" y="472"/>
                    </a:lnTo>
                    <a:lnTo>
                      <a:pt x="3435" y="467"/>
                    </a:lnTo>
                    <a:lnTo>
                      <a:pt x="3437" y="462"/>
                    </a:lnTo>
                    <a:lnTo>
                      <a:pt x="3438" y="456"/>
                    </a:lnTo>
                    <a:lnTo>
                      <a:pt x="3440" y="454"/>
                    </a:lnTo>
                    <a:lnTo>
                      <a:pt x="3443" y="451"/>
                    </a:lnTo>
                    <a:lnTo>
                      <a:pt x="3446" y="450"/>
                    </a:lnTo>
                    <a:lnTo>
                      <a:pt x="3448" y="450"/>
                    </a:lnTo>
                    <a:lnTo>
                      <a:pt x="3451" y="451"/>
                    </a:lnTo>
                    <a:lnTo>
                      <a:pt x="3452" y="452"/>
                    </a:lnTo>
                    <a:lnTo>
                      <a:pt x="3455" y="455"/>
                    </a:lnTo>
                    <a:lnTo>
                      <a:pt x="3456" y="459"/>
                    </a:lnTo>
                    <a:lnTo>
                      <a:pt x="3459" y="465"/>
                    </a:lnTo>
                    <a:lnTo>
                      <a:pt x="3462" y="472"/>
                    </a:lnTo>
                    <a:lnTo>
                      <a:pt x="3466" y="477"/>
                    </a:lnTo>
                    <a:lnTo>
                      <a:pt x="3472" y="482"/>
                    </a:lnTo>
                    <a:lnTo>
                      <a:pt x="3478" y="489"/>
                    </a:lnTo>
                    <a:lnTo>
                      <a:pt x="3484" y="496"/>
                    </a:lnTo>
                    <a:lnTo>
                      <a:pt x="3487" y="500"/>
                    </a:lnTo>
                    <a:lnTo>
                      <a:pt x="3488" y="504"/>
                    </a:lnTo>
                    <a:lnTo>
                      <a:pt x="3490" y="509"/>
                    </a:lnTo>
                    <a:lnTo>
                      <a:pt x="3488" y="515"/>
                    </a:lnTo>
                    <a:lnTo>
                      <a:pt x="3486" y="519"/>
                    </a:lnTo>
                    <a:lnTo>
                      <a:pt x="3483" y="522"/>
                    </a:lnTo>
                    <a:lnTo>
                      <a:pt x="3481" y="528"/>
                    </a:lnTo>
                    <a:lnTo>
                      <a:pt x="3475" y="531"/>
                    </a:lnTo>
                    <a:lnTo>
                      <a:pt x="3472" y="534"/>
                    </a:lnTo>
                    <a:lnTo>
                      <a:pt x="3468" y="535"/>
                    </a:lnTo>
                    <a:lnTo>
                      <a:pt x="3462" y="534"/>
                    </a:lnTo>
                    <a:lnTo>
                      <a:pt x="3459" y="531"/>
                    </a:lnTo>
                    <a:lnTo>
                      <a:pt x="3451" y="524"/>
                    </a:lnTo>
                    <a:close/>
                    <a:moveTo>
                      <a:pt x="3415" y="560"/>
                    </a:moveTo>
                    <a:lnTo>
                      <a:pt x="3407" y="560"/>
                    </a:lnTo>
                    <a:lnTo>
                      <a:pt x="3399" y="560"/>
                    </a:lnTo>
                    <a:lnTo>
                      <a:pt x="3391" y="559"/>
                    </a:lnTo>
                    <a:lnTo>
                      <a:pt x="3385" y="557"/>
                    </a:lnTo>
                    <a:lnTo>
                      <a:pt x="3377" y="552"/>
                    </a:lnTo>
                    <a:lnTo>
                      <a:pt x="3369" y="547"/>
                    </a:lnTo>
                    <a:lnTo>
                      <a:pt x="3365" y="544"/>
                    </a:lnTo>
                    <a:lnTo>
                      <a:pt x="3361" y="543"/>
                    </a:lnTo>
                    <a:lnTo>
                      <a:pt x="3356" y="543"/>
                    </a:lnTo>
                    <a:lnTo>
                      <a:pt x="3351" y="544"/>
                    </a:lnTo>
                    <a:lnTo>
                      <a:pt x="3348" y="546"/>
                    </a:lnTo>
                    <a:lnTo>
                      <a:pt x="3347" y="548"/>
                    </a:lnTo>
                    <a:lnTo>
                      <a:pt x="3345" y="551"/>
                    </a:lnTo>
                    <a:lnTo>
                      <a:pt x="3345" y="555"/>
                    </a:lnTo>
                    <a:lnTo>
                      <a:pt x="3342" y="561"/>
                    </a:lnTo>
                    <a:lnTo>
                      <a:pt x="3341" y="568"/>
                    </a:lnTo>
                    <a:lnTo>
                      <a:pt x="3337" y="572"/>
                    </a:lnTo>
                    <a:lnTo>
                      <a:pt x="3332" y="577"/>
                    </a:lnTo>
                    <a:lnTo>
                      <a:pt x="3326" y="581"/>
                    </a:lnTo>
                    <a:lnTo>
                      <a:pt x="3321" y="585"/>
                    </a:lnTo>
                    <a:lnTo>
                      <a:pt x="3315" y="590"/>
                    </a:lnTo>
                    <a:lnTo>
                      <a:pt x="3311" y="594"/>
                    </a:lnTo>
                    <a:lnTo>
                      <a:pt x="3307" y="599"/>
                    </a:lnTo>
                    <a:lnTo>
                      <a:pt x="3306" y="603"/>
                    </a:lnTo>
                    <a:lnTo>
                      <a:pt x="3310" y="609"/>
                    </a:lnTo>
                    <a:lnTo>
                      <a:pt x="3315" y="613"/>
                    </a:lnTo>
                    <a:lnTo>
                      <a:pt x="3321" y="629"/>
                    </a:lnTo>
                    <a:lnTo>
                      <a:pt x="3330" y="642"/>
                    </a:lnTo>
                    <a:lnTo>
                      <a:pt x="3338" y="643"/>
                    </a:lnTo>
                    <a:lnTo>
                      <a:pt x="3345" y="644"/>
                    </a:lnTo>
                    <a:lnTo>
                      <a:pt x="3352" y="642"/>
                    </a:lnTo>
                    <a:lnTo>
                      <a:pt x="3359" y="639"/>
                    </a:lnTo>
                    <a:lnTo>
                      <a:pt x="3370" y="629"/>
                    </a:lnTo>
                    <a:lnTo>
                      <a:pt x="3380" y="618"/>
                    </a:lnTo>
                    <a:lnTo>
                      <a:pt x="3390" y="608"/>
                    </a:lnTo>
                    <a:lnTo>
                      <a:pt x="3399" y="598"/>
                    </a:lnTo>
                    <a:lnTo>
                      <a:pt x="3408" y="586"/>
                    </a:lnTo>
                    <a:lnTo>
                      <a:pt x="3416" y="574"/>
                    </a:lnTo>
                    <a:lnTo>
                      <a:pt x="3415" y="560"/>
                    </a:lnTo>
                    <a:close/>
                    <a:moveTo>
                      <a:pt x="3383" y="487"/>
                    </a:moveTo>
                    <a:lnTo>
                      <a:pt x="3382" y="474"/>
                    </a:lnTo>
                    <a:lnTo>
                      <a:pt x="3381" y="463"/>
                    </a:lnTo>
                    <a:lnTo>
                      <a:pt x="3378" y="456"/>
                    </a:lnTo>
                    <a:lnTo>
                      <a:pt x="3374" y="451"/>
                    </a:lnTo>
                    <a:lnTo>
                      <a:pt x="3372" y="449"/>
                    </a:lnTo>
                    <a:lnTo>
                      <a:pt x="3369" y="446"/>
                    </a:lnTo>
                    <a:lnTo>
                      <a:pt x="3367" y="445"/>
                    </a:lnTo>
                    <a:lnTo>
                      <a:pt x="3364" y="445"/>
                    </a:lnTo>
                    <a:lnTo>
                      <a:pt x="3358" y="445"/>
                    </a:lnTo>
                    <a:lnTo>
                      <a:pt x="3352" y="447"/>
                    </a:lnTo>
                    <a:lnTo>
                      <a:pt x="3348" y="450"/>
                    </a:lnTo>
                    <a:lnTo>
                      <a:pt x="3345" y="454"/>
                    </a:lnTo>
                    <a:lnTo>
                      <a:pt x="3339" y="464"/>
                    </a:lnTo>
                    <a:lnTo>
                      <a:pt x="3337" y="476"/>
                    </a:lnTo>
                    <a:lnTo>
                      <a:pt x="3335" y="482"/>
                    </a:lnTo>
                    <a:lnTo>
                      <a:pt x="3335" y="487"/>
                    </a:lnTo>
                    <a:lnTo>
                      <a:pt x="3337" y="493"/>
                    </a:lnTo>
                    <a:lnTo>
                      <a:pt x="3339" y="499"/>
                    </a:lnTo>
                    <a:lnTo>
                      <a:pt x="3342" y="504"/>
                    </a:lnTo>
                    <a:lnTo>
                      <a:pt x="3346" y="507"/>
                    </a:lnTo>
                    <a:lnTo>
                      <a:pt x="3351" y="508"/>
                    </a:lnTo>
                    <a:lnTo>
                      <a:pt x="3356" y="508"/>
                    </a:lnTo>
                    <a:lnTo>
                      <a:pt x="3367" y="507"/>
                    </a:lnTo>
                    <a:lnTo>
                      <a:pt x="3376" y="503"/>
                    </a:lnTo>
                    <a:lnTo>
                      <a:pt x="3383" y="487"/>
                    </a:lnTo>
                    <a:close/>
                    <a:moveTo>
                      <a:pt x="3210" y="749"/>
                    </a:moveTo>
                    <a:lnTo>
                      <a:pt x="3219" y="752"/>
                    </a:lnTo>
                    <a:lnTo>
                      <a:pt x="3229" y="752"/>
                    </a:lnTo>
                    <a:lnTo>
                      <a:pt x="3241" y="752"/>
                    </a:lnTo>
                    <a:lnTo>
                      <a:pt x="3254" y="752"/>
                    </a:lnTo>
                    <a:lnTo>
                      <a:pt x="3266" y="749"/>
                    </a:lnTo>
                    <a:lnTo>
                      <a:pt x="3277" y="747"/>
                    </a:lnTo>
                    <a:lnTo>
                      <a:pt x="3286" y="743"/>
                    </a:lnTo>
                    <a:lnTo>
                      <a:pt x="3294" y="737"/>
                    </a:lnTo>
                    <a:lnTo>
                      <a:pt x="3301" y="731"/>
                    </a:lnTo>
                    <a:lnTo>
                      <a:pt x="3306" y="726"/>
                    </a:lnTo>
                    <a:lnTo>
                      <a:pt x="3308" y="721"/>
                    </a:lnTo>
                    <a:lnTo>
                      <a:pt x="3310" y="715"/>
                    </a:lnTo>
                    <a:lnTo>
                      <a:pt x="3308" y="704"/>
                    </a:lnTo>
                    <a:lnTo>
                      <a:pt x="3304" y="688"/>
                    </a:lnTo>
                    <a:lnTo>
                      <a:pt x="3303" y="677"/>
                    </a:lnTo>
                    <a:lnTo>
                      <a:pt x="3301" y="662"/>
                    </a:lnTo>
                    <a:lnTo>
                      <a:pt x="3299" y="656"/>
                    </a:lnTo>
                    <a:lnTo>
                      <a:pt x="3297" y="649"/>
                    </a:lnTo>
                    <a:lnTo>
                      <a:pt x="3293" y="644"/>
                    </a:lnTo>
                    <a:lnTo>
                      <a:pt x="3286" y="642"/>
                    </a:lnTo>
                    <a:lnTo>
                      <a:pt x="3282" y="639"/>
                    </a:lnTo>
                    <a:lnTo>
                      <a:pt x="3277" y="639"/>
                    </a:lnTo>
                    <a:lnTo>
                      <a:pt x="3275" y="640"/>
                    </a:lnTo>
                    <a:lnTo>
                      <a:pt x="3271" y="642"/>
                    </a:lnTo>
                    <a:lnTo>
                      <a:pt x="3267" y="645"/>
                    </a:lnTo>
                    <a:lnTo>
                      <a:pt x="3263" y="653"/>
                    </a:lnTo>
                    <a:lnTo>
                      <a:pt x="3260" y="660"/>
                    </a:lnTo>
                    <a:lnTo>
                      <a:pt x="3258" y="667"/>
                    </a:lnTo>
                    <a:lnTo>
                      <a:pt x="3254" y="675"/>
                    </a:lnTo>
                    <a:lnTo>
                      <a:pt x="3249" y="680"/>
                    </a:lnTo>
                    <a:lnTo>
                      <a:pt x="3232" y="686"/>
                    </a:lnTo>
                    <a:lnTo>
                      <a:pt x="3215" y="691"/>
                    </a:lnTo>
                    <a:lnTo>
                      <a:pt x="3209" y="693"/>
                    </a:lnTo>
                    <a:lnTo>
                      <a:pt x="3202" y="697"/>
                    </a:lnTo>
                    <a:lnTo>
                      <a:pt x="3197" y="702"/>
                    </a:lnTo>
                    <a:lnTo>
                      <a:pt x="3192" y="708"/>
                    </a:lnTo>
                    <a:lnTo>
                      <a:pt x="3184" y="718"/>
                    </a:lnTo>
                    <a:lnTo>
                      <a:pt x="3176" y="730"/>
                    </a:lnTo>
                    <a:lnTo>
                      <a:pt x="3175" y="735"/>
                    </a:lnTo>
                    <a:lnTo>
                      <a:pt x="3176" y="739"/>
                    </a:lnTo>
                    <a:lnTo>
                      <a:pt x="3177" y="741"/>
                    </a:lnTo>
                    <a:lnTo>
                      <a:pt x="3181" y="744"/>
                    </a:lnTo>
                    <a:lnTo>
                      <a:pt x="3189" y="748"/>
                    </a:lnTo>
                    <a:lnTo>
                      <a:pt x="3197" y="752"/>
                    </a:lnTo>
                    <a:lnTo>
                      <a:pt x="3210" y="749"/>
                    </a:lnTo>
                    <a:close/>
                    <a:moveTo>
                      <a:pt x="3110" y="923"/>
                    </a:moveTo>
                    <a:lnTo>
                      <a:pt x="3110" y="875"/>
                    </a:lnTo>
                    <a:lnTo>
                      <a:pt x="3110" y="872"/>
                    </a:lnTo>
                    <a:lnTo>
                      <a:pt x="3113" y="868"/>
                    </a:lnTo>
                    <a:lnTo>
                      <a:pt x="3115" y="866"/>
                    </a:lnTo>
                    <a:lnTo>
                      <a:pt x="3119" y="863"/>
                    </a:lnTo>
                    <a:lnTo>
                      <a:pt x="3127" y="857"/>
                    </a:lnTo>
                    <a:lnTo>
                      <a:pt x="3132" y="851"/>
                    </a:lnTo>
                    <a:lnTo>
                      <a:pt x="3136" y="845"/>
                    </a:lnTo>
                    <a:lnTo>
                      <a:pt x="3139" y="837"/>
                    </a:lnTo>
                    <a:lnTo>
                      <a:pt x="3139" y="833"/>
                    </a:lnTo>
                    <a:lnTo>
                      <a:pt x="3139" y="829"/>
                    </a:lnTo>
                    <a:lnTo>
                      <a:pt x="3137" y="827"/>
                    </a:lnTo>
                    <a:lnTo>
                      <a:pt x="3133" y="826"/>
                    </a:lnTo>
                    <a:lnTo>
                      <a:pt x="3115" y="828"/>
                    </a:lnTo>
                    <a:lnTo>
                      <a:pt x="3098" y="828"/>
                    </a:lnTo>
                    <a:lnTo>
                      <a:pt x="3089" y="820"/>
                    </a:lnTo>
                    <a:lnTo>
                      <a:pt x="3078" y="805"/>
                    </a:lnTo>
                    <a:lnTo>
                      <a:pt x="3070" y="798"/>
                    </a:lnTo>
                    <a:lnTo>
                      <a:pt x="3063" y="794"/>
                    </a:lnTo>
                    <a:lnTo>
                      <a:pt x="3061" y="794"/>
                    </a:lnTo>
                    <a:lnTo>
                      <a:pt x="3057" y="796"/>
                    </a:lnTo>
                    <a:lnTo>
                      <a:pt x="3054" y="797"/>
                    </a:lnTo>
                    <a:lnTo>
                      <a:pt x="3052" y="801"/>
                    </a:lnTo>
                    <a:lnTo>
                      <a:pt x="3048" y="807"/>
                    </a:lnTo>
                    <a:lnTo>
                      <a:pt x="3044" y="813"/>
                    </a:lnTo>
                    <a:lnTo>
                      <a:pt x="3039" y="815"/>
                    </a:lnTo>
                    <a:lnTo>
                      <a:pt x="3034" y="818"/>
                    </a:lnTo>
                    <a:lnTo>
                      <a:pt x="3022" y="822"/>
                    </a:lnTo>
                    <a:lnTo>
                      <a:pt x="3009" y="824"/>
                    </a:lnTo>
                    <a:lnTo>
                      <a:pt x="2999" y="828"/>
                    </a:lnTo>
                    <a:lnTo>
                      <a:pt x="2995" y="831"/>
                    </a:lnTo>
                    <a:lnTo>
                      <a:pt x="2993" y="832"/>
                    </a:lnTo>
                    <a:lnTo>
                      <a:pt x="2993" y="833"/>
                    </a:lnTo>
                    <a:lnTo>
                      <a:pt x="2993" y="835"/>
                    </a:lnTo>
                    <a:lnTo>
                      <a:pt x="2995" y="837"/>
                    </a:lnTo>
                    <a:lnTo>
                      <a:pt x="3004" y="844"/>
                    </a:lnTo>
                    <a:lnTo>
                      <a:pt x="3012" y="854"/>
                    </a:lnTo>
                    <a:lnTo>
                      <a:pt x="3013" y="858"/>
                    </a:lnTo>
                    <a:lnTo>
                      <a:pt x="3012" y="863"/>
                    </a:lnTo>
                    <a:lnTo>
                      <a:pt x="3009" y="867"/>
                    </a:lnTo>
                    <a:lnTo>
                      <a:pt x="3005" y="871"/>
                    </a:lnTo>
                    <a:lnTo>
                      <a:pt x="2997" y="880"/>
                    </a:lnTo>
                    <a:lnTo>
                      <a:pt x="2992" y="889"/>
                    </a:lnTo>
                    <a:lnTo>
                      <a:pt x="2992" y="897"/>
                    </a:lnTo>
                    <a:lnTo>
                      <a:pt x="2992" y="903"/>
                    </a:lnTo>
                    <a:lnTo>
                      <a:pt x="2992" y="906"/>
                    </a:lnTo>
                    <a:lnTo>
                      <a:pt x="2990" y="907"/>
                    </a:lnTo>
                    <a:lnTo>
                      <a:pt x="2987" y="908"/>
                    </a:lnTo>
                    <a:lnTo>
                      <a:pt x="2982" y="910"/>
                    </a:lnTo>
                    <a:lnTo>
                      <a:pt x="2974" y="912"/>
                    </a:lnTo>
                    <a:lnTo>
                      <a:pt x="2966" y="918"/>
                    </a:lnTo>
                    <a:lnTo>
                      <a:pt x="2964" y="920"/>
                    </a:lnTo>
                    <a:lnTo>
                      <a:pt x="2964" y="924"/>
                    </a:lnTo>
                    <a:lnTo>
                      <a:pt x="2965" y="927"/>
                    </a:lnTo>
                    <a:lnTo>
                      <a:pt x="2969" y="929"/>
                    </a:lnTo>
                    <a:lnTo>
                      <a:pt x="2975" y="930"/>
                    </a:lnTo>
                    <a:lnTo>
                      <a:pt x="2984" y="934"/>
                    </a:lnTo>
                    <a:lnTo>
                      <a:pt x="2991" y="938"/>
                    </a:lnTo>
                    <a:lnTo>
                      <a:pt x="2996" y="942"/>
                    </a:lnTo>
                    <a:lnTo>
                      <a:pt x="2990" y="947"/>
                    </a:lnTo>
                    <a:lnTo>
                      <a:pt x="2977" y="956"/>
                    </a:lnTo>
                    <a:lnTo>
                      <a:pt x="2971" y="962"/>
                    </a:lnTo>
                    <a:lnTo>
                      <a:pt x="2968" y="967"/>
                    </a:lnTo>
                    <a:lnTo>
                      <a:pt x="2966" y="969"/>
                    </a:lnTo>
                    <a:lnTo>
                      <a:pt x="2966" y="972"/>
                    </a:lnTo>
                    <a:lnTo>
                      <a:pt x="2968" y="975"/>
                    </a:lnTo>
                    <a:lnTo>
                      <a:pt x="2970" y="976"/>
                    </a:lnTo>
                    <a:lnTo>
                      <a:pt x="2982" y="980"/>
                    </a:lnTo>
                    <a:lnTo>
                      <a:pt x="2991" y="981"/>
                    </a:lnTo>
                    <a:lnTo>
                      <a:pt x="2995" y="982"/>
                    </a:lnTo>
                    <a:lnTo>
                      <a:pt x="2999" y="985"/>
                    </a:lnTo>
                    <a:lnTo>
                      <a:pt x="3001" y="989"/>
                    </a:lnTo>
                    <a:lnTo>
                      <a:pt x="3004" y="995"/>
                    </a:lnTo>
                    <a:lnTo>
                      <a:pt x="3006" y="999"/>
                    </a:lnTo>
                    <a:lnTo>
                      <a:pt x="3009" y="1003"/>
                    </a:lnTo>
                    <a:lnTo>
                      <a:pt x="3012" y="1004"/>
                    </a:lnTo>
                    <a:lnTo>
                      <a:pt x="3014" y="1004"/>
                    </a:lnTo>
                    <a:lnTo>
                      <a:pt x="3019" y="999"/>
                    </a:lnTo>
                    <a:lnTo>
                      <a:pt x="3025" y="993"/>
                    </a:lnTo>
                    <a:lnTo>
                      <a:pt x="3035" y="973"/>
                    </a:lnTo>
                    <a:lnTo>
                      <a:pt x="3043" y="962"/>
                    </a:lnTo>
                    <a:lnTo>
                      <a:pt x="3054" y="949"/>
                    </a:lnTo>
                    <a:lnTo>
                      <a:pt x="3067" y="938"/>
                    </a:lnTo>
                    <a:lnTo>
                      <a:pt x="3076" y="933"/>
                    </a:lnTo>
                    <a:lnTo>
                      <a:pt x="3088" y="929"/>
                    </a:lnTo>
                    <a:lnTo>
                      <a:pt x="3110" y="923"/>
                    </a:lnTo>
                    <a:close/>
                    <a:moveTo>
                      <a:pt x="2760" y="937"/>
                    </a:moveTo>
                    <a:lnTo>
                      <a:pt x="2772" y="925"/>
                    </a:lnTo>
                    <a:lnTo>
                      <a:pt x="2782" y="912"/>
                    </a:lnTo>
                    <a:lnTo>
                      <a:pt x="2787" y="906"/>
                    </a:lnTo>
                    <a:lnTo>
                      <a:pt x="2793" y="899"/>
                    </a:lnTo>
                    <a:lnTo>
                      <a:pt x="2799" y="894"/>
                    </a:lnTo>
                    <a:lnTo>
                      <a:pt x="2806" y="890"/>
                    </a:lnTo>
                    <a:lnTo>
                      <a:pt x="2812" y="888"/>
                    </a:lnTo>
                    <a:lnTo>
                      <a:pt x="2822" y="885"/>
                    </a:lnTo>
                    <a:lnTo>
                      <a:pt x="2834" y="883"/>
                    </a:lnTo>
                    <a:lnTo>
                      <a:pt x="2847" y="880"/>
                    </a:lnTo>
                    <a:lnTo>
                      <a:pt x="2860" y="879"/>
                    </a:lnTo>
                    <a:lnTo>
                      <a:pt x="2872" y="879"/>
                    </a:lnTo>
                    <a:lnTo>
                      <a:pt x="2879" y="879"/>
                    </a:lnTo>
                    <a:lnTo>
                      <a:pt x="2886" y="881"/>
                    </a:lnTo>
                    <a:lnTo>
                      <a:pt x="2883" y="888"/>
                    </a:lnTo>
                    <a:lnTo>
                      <a:pt x="2879" y="894"/>
                    </a:lnTo>
                    <a:lnTo>
                      <a:pt x="2873" y="902"/>
                    </a:lnTo>
                    <a:lnTo>
                      <a:pt x="2865" y="908"/>
                    </a:lnTo>
                    <a:lnTo>
                      <a:pt x="2848" y="920"/>
                    </a:lnTo>
                    <a:lnTo>
                      <a:pt x="2835" y="929"/>
                    </a:lnTo>
                    <a:lnTo>
                      <a:pt x="2825" y="937"/>
                    </a:lnTo>
                    <a:lnTo>
                      <a:pt x="2816" y="947"/>
                    </a:lnTo>
                    <a:lnTo>
                      <a:pt x="2812" y="952"/>
                    </a:lnTo>
                    <a:lnTo>
                      <a:pt x="2808" y="959"/>
                    </a:lnTo>
                    <a:lnTo>
                      <a:pt x="2806" y="964"/>
                    </a:lnTo>
                    <a:lnTo>
                      <a:pt x="2803" y="971"/>
                    </a:lnTo>
                    <a:lnTo>
                      <a:pt x="2802" y="977"/>
                    </a:lnTo>
                    <a:lnTo>
                      <a:pt x="2799" y="985"/>
                    </a:lnTo>
                    <a:lnTo>
                      <a:pt x="2797" y="991"/>
                    </a:lnTo>
                    <a:lnTo>
                      <a:pt x="2793" y="998"/>
                    </a:lnTo>
                    <a:lnTo>
                      <a:pt x="2787" y="1003"/>
                    </a:lnTo>
                    <a:lnTo>
                      <a:pt x="2784" y="1004"/>
                    </a:lnTo>
                    <a:lnTo>
                      <a:pt x="2780" y="1004"/>
                    </a:lnTo>
                    <a:lnTo>
                      <a:pt x="2775" y="1004"/>
                    </a:lnTo>
                    <a:lnTo>
                      <a:pt x="2771" y="1003"/>
                    </a:lnTo>
                    <a:lnTo>
                      <a:pt x="2767" y="1003"/>
                    </a:lnTo>
                    <a:lnTo>
                      <a:pt x="2763" y="1004"/>
                    </a:lnTo>
                    <a:lnTo>
                      <a:pt x="2759" y="1007"/>
                    </a:lnTo>
                    <a:lnTo>
                      <a:pt x="2753" y="1017"/>
                    </a:lnTo>
                    <a:lnTo>
                      <a:pt x="2747" y="1026"/>
                    </a:lnTo>
                    <a:lnTo>
                      <a:pt x="2743" y="1030"/>
                    </a:lnTo>
                    <a:lnTo>
                      <a:pt x="2740" y="1033"/>
                    </a:lnTo>
                    <a:lnTo>
                      <a:pt x="2734" y="1035"/>
                    </a:lnTo>
                    <a:lnTo>
                      <a:pt x="2727" y="1035"/>
                    </a:lnTo>
                    <a:lnTo>
                      <a:pt x="2724" y="1033"/>
                    </a:lnTo>
                    <a:lnTo>
                      <a:pt x="2721" y="1028"/>
                    </a:lnTo>
                    <a:lnTo>
                      <a:pt x="2721" y="1024"/>
                    </a:lnTo>
                    <a:lnTo>
                      <a:pt x="2720" y="1019"/>
                    </a:lnTo>
                    <a:lnTo>
                      <a:pt x="2721" y="1007"/>
                    </a:lnTo>
                    <a:lnTo>
                      <a:pt x="2724" y="997"/>
                    </a:lnTo>
                    <a:lnTo>
                      <a:pt x="2734" y="975"/>
                    </a:lnTo>
                    <a:lnTo>
                      <a:pt x="2743" y="958"/>
                    </a:lnTo>
                    <a:lnTo>
                      <a:pt x="2760" y="937"/>
                    </a:lnTo>
                    <a:close/>
                    <a:moveTo>
                      <a:pt x="2623" y="1117"/>
                    </a:moveTo>
                    <a:lnTo>
                      <a:pt x="2620" y="1120"/>
                    </a:lnTo>
                    <a:lnTo>
                      <a:pt x="2618" y="1120"/>
                    </a:lnTo>
                    <a:lnTo>
                      <a:pt x="2615" y="1120"/>
                    </a:lnTo>
                    <a:lnTo>
                      <a:pt x="2613" y="1120"/>
                    </a:lnTo>
                    <a:lnTo>
                      <a:pt x="2607" y="1116"/>
                    </a:lnTo>
                    <a:lnTo>
                      <a:pt x="2604" y="1111"/>
                    </a:lnTo>
                    <a:lnTo>
                      <a:pt x="2594" y="1098"/>
                    </a:lnTo>
                    <a:lnTo>
                      <a:pt x="2589" y="1090"/>
                    </a:lnTo>
                    <a:lnTo>
                      <a:pt x="2585" y="1087"/>
                    </a:lnTo>
                    <a:lnTo>
                      <a:pt x="2582" y="1085"/>
                    </a:lnTo>
                    <a:lnTo>
                      <a:pt x="2576" y="1082"/>
                    </a:lnTo>
                    <a:lnTo>
                      <a:pt x="2572" y="1081"/>
                    </a:lnTo>
                    <a:lnTo>
                      <a:pt x="2567" y="1082"/>
                    </a:lnTo>
                    <a:lnTo>
                      <a:pt x="2565" y="1083"/>
                    </a:lnTo>
                    <a:lnTo>
                      <a:pt x="2562" y="1087"/>
                    </a:lnTo>
                    <a:lnTo>
                      <a:pt x="2561" y="1094"/>
                    </a:lnTo>
                    <a:lnTo>
                      <a:pt x="2558" y="1100"/>
                    </a:lnTo>
                    <a:lnTo>
                      <a:pt x="2554" y="1107"/>
                    </a:lnTo>
                    <a:lnTo>
                      <a:pt x="2549" y="1113"/>
                    </a:lnTo>
                    <a:lnTo>
                      <a:pt x="2545" y="1120"/>
                    </a:lnTo>
                    <a:lnTo>
                      <a:pt x="2541" y="1127"/>
                    </a:lnTo>
                    <a:lnTo>
                      <a:pt x="2540" y="1135"/>
                    </a:lnTo>
                    <a:lnTo>
                      <a:pt x="2540" y="1143"/>
                    </a:lnTo>
                    <a:lnTo>
                      <a:pt x="2540" y="1149"/>
                    </a:lnTo>
                    <a:lnTo>
                      <a:pt x="2543" y="1155"/>
                    </a:lnTo>
                    <a:lnTo>
                      <a:pt x="2548" y="1160"/>
                    </a:lnTo>
                    <a:lnTo>
                      <a:pt x="2554" y="1162"/>
                    </a:lnTo>
                    <a:lnTo>
                      <a:pt x="2563" y="1164"/>
                    </a:lnTo>
                    <a:lnTo>
                      <a:pt x="2571" y="1162"/>
                    </a:lnTo>
                    <a:lnTo>
                      <a:pt x="2578" y="1160"/>
                    </a:lnTo>
                    <a:lnTo>
                      <a:pt x="2583" y="1155"/>
                    </a:lnTo>
                    <a:lnTo>
                      <a:pt x="2588" y="1149"/>
                    </a:lnTo>
                    <a:lnTo>
                      <a:pt x="2592" y="1144"/>
                    </a:lnTo>
                    <a:lnTo>
                      <a:pt x="2597" y="1139"/>
                    </a:lnTo>
                    <a:lnTo>
                      <a:pt x="2602" y="1135"/>
                    </a:lnTo>
                    <a:lnTo>
                      <a:pt x="2609" y="1131"/>
                    </a:lnTo>
                    <a:lnTo>
                      <a:pt x="2623" y="1117"/>
                    </a:lnTo>
                    <a:close/>
                    <a:moveTo>
                      <a:pt x="2636" y="1136"/>
                    </a:moveTo>
                    <a:lnTo>
                      <a:pt x="2635" y="1134"/>
                    </a:lnTo>
                    <a:lnTo>
                      <a:pt x="2636" y="1129"/>
                    </a:lnTo>
                    <a:lnTo>
                      <a:pt x="2639" y="1123"/>
                    </a:lnTo>
                    <a:lnTo>
                      <a:pt x="2641" y="1118"/>
                    </a:lnTo>
                    <a:lnTo>
                      <a:pt x="2646" y="1107"/>
                    </a:lnTo>
                    <a:lnTo>
                      <a:pt x="2650" y="1098"/>
                    </a:lnTo>
                    <a:lnTo>
                      <a:pt x="2654" y="1082"/>
                    </a:lnTo>
                    <a:lnTo>
                      <a:pt x="2661" y="1056"/>
                    </a:lnTo>
                    <a:lnTo>
                      <a:pt x="2664" y="1044"/>
                    </a:lnTo>
                    <a:lnTo>
                      <a:pt x="2668" y="1037"/>
                    </a:lnTo>
                    <a:lnTo>
                      <a:pt x="2670" y="1035"/>
                    </a:lnTo>
                    <a:lnTo>
                      <a:pt x="2672" y="1034"/>
                    </a:lnTo>
                    <a:lnTo>
                      <a:pt x="2673" y="1037"/>
                    </a:lnTo>
                    <a:lnTo>
                      <a:pt x="2675" y="1039"/>
                    </a:lnTo>
                    <a:lnTo>
                      <a:pt x="2677" y="1048"/>
                    </a:lnTo>
                    <a:lnTo>
                      <a:pt x="2679" y="1056"/>
                    </a:lnTo>
                    <a:lnTo>
                      <a:pt x="2680" y="1065"/>
                    </a:lnTo>
                    <a:lnTo>
                      <a:pt x="2680" y="1074"/>
                    </a:lnTo>
                    <a:lnTo>
                      <a:pt x="2677" y="1091"/>
                    </a:lnTo>
                    <a:lnTo>
                      <a:pt x="2675" y="1108"/>
                    </a:lnTo>
                    <a:lnTo>
                      <a:pt x="2672" y="1126"/>
                    </a:lnTo>
                    <a:lnTo>
                      <a:pt x="2668" y="1144"/>
                    </a:lnTo>
                    <a:lnTo>
                      <a:pt x="2667" y="1155"/>
                    </a:lnTo>
                    <a:lnTo>
                      <a:pt x="2663" y="1162"/>
                    </a:lnTo>
                    <a:lnTo>
                      <a:pt x="2659" y="1171"/>
                    </a:lnTo>
                    <a:lnTo>
                      <a:pt x="2654" y="1178"/>
                    </a:lnTo>
                    <a:lnTo>
                      <a:pt x="2648" y="1184"/>
                    </a:lnTo>
                    <a:lnTo>
                      <a:pt x="2642" y="1190"/>
                    </a:lnTo>
                    <a:lnTo>
                      <a:pt x="2639" y="1191"/>
                    </a:lnTo>
                    <a:lnTo>
                      <a:pt x="2635" y="1192"/>
                    </a:lnTo>
                    <a:lnTo>
                      <a:pt x="2631" y="1192"/>
                    </a:lnTo>
                    <a:lnTo>
                      <a:pt x="2626" y="1192"/>
                    </a:lnTo>
                    <a:lnTo>
                      <a:pt x="2616" y="1191"/>
                    </a:lnTo>
                    <a:lnTo>
                      <a:pt x="2613" y="1187"/>
                    </a:lnTo>
                    <a:lnTo>
                      <a:pt x="2611" y="1183"/>
                    </a:lnTo>
                    <a:lnTo>
                      <a:pt x="2611" y="1178"/>
                    </a:lnTo>
                    <a:lnTo>
                      <a:pt x="2618" y="1168"/>
                    </a:lnTo>
                    <a:lnTo>
                      <a:pt x="2627" y="1156"/>
                    </a:lnTo>
                    <a:lnTo>
                      <a:pt x="2636" y="1136"/>
                    </a:lnTo>
                    <a:close/>
                    <a:moveTo>
                      <a:pt x="2679" y="1210"/>
                    </a:moveTo>
                    <a:lnTo>
                      <a:pt x="2685" y="1208"/>
                    </a:lnTo>
                    <a:lnTo>
                      <a:pt x="2689" y="1204"/>
                    </a:lnTo>
                    <a:lnTo>
                      <a:pt x="2692" y="1200"/>
                    </a:lnTo>
                    <a:lnTo>
                      <a:pt x="2694" y="1195"/>
                    </a:lnTo>
                    <a:lnTo>
                      <a:pt x="2696" y="1184"/>
                    </a:lnTo>
                    <a:lnTo>
                      <a:pt x="2698" y="1174"/>
                    </a:lnTo>
                    <a:lnTo>
                      <a:pt x="2699" y="1170"/>
                    </a:lnTo>
                    <a:lnTo>
                      <a:pt x="2703" y="1168"/>
                    </a:lnTo>
                    <a:lnTo>
                      <a:pt x="2707" y="1165"/>
                    </a:lnTo>
                    <a:lnTo>
                      <a:pt x="2711" y="1164"/>
                    </a:lnTo>
                    <a:lnTo>
                      <a:pt x="2721" y="1164"/>
                    </a:lnTo>
                    <a:lnTo>
                      <a:pt x="2733" y="1164"/>
                    </a:lnTo>
                    <a:lnTo>
                      <a:pt x="2743" y="1165"/>
                    </a:lnTo>
                    <a:lnTo>
                      <a:pt x="2751" y="1164"/>
                    </a:lnTo>
                    <a:lnTo>
                      <a:pt x="2754" y="1162"/>
                    </a:lnTo>
                    <a:lnTo>
                      <a:pt x="2755" y="1161"/>
                    </a:lnTo>
                    <a:lnTo>
                      <a:pt x="2756" y="1158"/>
                    </a:lnTo>
                    <a:lnTo>
                      <a:pt x="2754" y="1156"/>
                    </a:lnTo>
                    <a:lnTo>
                      <a:pt x="2737" y="1126"/>
                    </a:lnTo>
                    <a:lnTo>
                      <a:pt x="2732" y="1118"/>
                    </a:lnTo>
                    <a:lnTo>
                      <a:pt x="2730" y="1112"/>
                    </a:lnTo>
                    <a:lnTo>
                      <a:pt x="2732" y="1109"/>
                    </a:lnTo>
                    <a:lnTo>
                      <a:pt x="2733" y="1105"/>
                    </a:lnTo>
                    <a:lnTo>
                      <a:pt x="2737" y="1103"/>
                    </a:lnTo>
                    <a:lnTo>
                      <a:pt x="2743" y="1099"/>
                    </a:lnTo>
                    <a:lnTo>
                      <a:pt x="2759" y="1083"/>
                    </a:lnTo>
                    <a:lnTo>
                      <a:pt x="2775" y="1070"/>
                    </a:lnTo>
                    <a:lnTo>
                      <a:pt x="2777" y="1069"/>
                    </a:lnTo>
                    <a:lnTo>
                      <a:pt x="2778" y="1070"/>
                    </a:lnTo>
                    <a:lnTo>
                      <a:pt x="2780" y="1073"/>
                    </a:lnTo>
                    <a:lnTo>
                      <a:pt x="2780" y="1076"/>
                    </a:lnTo>
                    <a:lnTo>
                      <a:pt x="2780" y="1085"/>
                    </a:lnTo>
                    <a:lnTo>
                      <a:pt x="2780" y="1095"/>
                    </a:lnTo>
                    <a:lnTo>
                      <a:pt x="2777" y="1117"/>
                    </a:lnTo>
                    <a:lnTo>
                      <a:pt x="2777" y="1131"/>
                    </a:lnTo>
                    <a:lnTo>
                      <a:pt x="2780" y="1139"/>
                    </a:lnTo>
                    <a:lnTo>
                      <a:pt x="2782" y="1144"/>
                    </a:lnTo>
                    <a:lnTo>
                      <a:pt x="2782" y="1151"/>
                    </a:lnTo>
                    <a:lnTo>
                      <a:pt x="2782" y="1156"/>
                    </a:lnTo>
                    <a:lnTo>
                      <a:pt x="2782" y="1166"/>
                    </a:lnTo>
                    <a:lnTo>
                      <a:pt x="2785" y="1178"/>
                    </a:lnTo>
                    <a:lnTo>
                      <a:pt x="2786" y="1179"/>
                    </a:lnTo>
                    <a:lnTo>
                      <a:pt x="2789" y="1182"/>
                    </a:lnTo>
                    <a:lnTo>
                      <a:pt x="2793" y="1183"/>
                    </a:lnTo>
                    <a:lnTo>
                      <a:pt x="2798" y="1184"/>
                    </a:lnTo>
                    <a:lnTo>
                      <a:pt x="2811" y="1186"/>
                    </a:lnTo>
                    <a:lnTo>
                      <a:pt x="2824" y="1187"/>
                    </a:lnTo>
                    <a:lnTo>
                      <a:pt x="2838" y="1186"/>
                    </a:lnTo>
                    <a:lnTo>
                      <a:pt x="2850" y="1183"/>
                    </a:lnTo>
                    <a:lnTo>
                      <a:pt x="2854" y="1182"/>
                    </a:lnTo>
                    <a:lnTo>
                      <a:pt x="2857" y="1179"/>
                    </a:lnTo>
                    <a:lnTo>
                      <a:pt x="2860" y="1177"/>
                    </a:lnTo>
                    <a:lnTo>
                      <a:pt x="2861" y="1173"/>
                    </a:lnTo>
                    <a:lnTo>
                      <a:pt x="2857" y="1155"/>
                    </a:lnTo>
                    <a:lnTo>
                      <a:pt x="2854" y="1136"/>
                    </a:lnTo>
                    <a:lnTo>
                      <a:pt x="2855" y="1134"/>
                    </a:lnTo>
                    <a:lnTo>
                      <a:pt x="2859" y="1130"/>
                    </a:lnTo>
                    <a:lnTo>
                      <a:pt x="2863" y="1126"/>
                    </a:lnTo>
                    <a:lnTo>
                      <a:pt x="2868" y="1122"/>
                    </a:lnTo>
                    <a:lnTo>
                      <a:pt x="2878" y="1117"/>
                    </a:lnTo>
                    <a:lnTo>
                      <a:pt x="2886" y="1114"/>
                    </a:lnTo>
                    <a:lnTo>
                      <a:pt x="2885" y="1129"/>
                    </a:lnTo>
                    <a:lnTo>
                      <a:pt x="2883" y="1143"/>
                    </a:lnTo>
                    <a:lnTo>
                      <a:pt x="2882" y="1157"/>
                    </a:lnTo>
                    <a:lnTo>
                      <a:pt x="2882" y="1171"/>
                    </a:lnTo>
                    <a:lnTo>
                      <a:pt x="2881" y="1175"/>
                    </a:lnTo>
                    <a:lnTo>
                      <a:pt x="2879" y="1180"/>
                    </a:lnTo>
                    <a:lnTo>
                      <a:pt x="2877" y="1184"/>
                    </a:lnTo>
                    <a:lnTo>
                      <a:pt x="2874" y="1190"/>
                    </a:lnTo>
                    <a:lnTo>
                      <a:pt x="2865" y="1200"/>
                    </a:lnTo>
                    <a:lnTo>
                      <a:pt x="2855" y="1210"/>
                    </a:lnTo>
                    <a:lnTo>
                      <a:pt x="2833" y="1230"/>
                    </a:lnTo>
                    <a:lnTo>
                      <a:pt x="2815" y="1243"/>
                    </a:lnTo>
                    <a:lnTo>
                      <a:pt x="2804" y="1253"/>
                    </a:lnTo>
                    <a:lnTo>
                      <a:pt x="2790" y="1269"/>
                    </a:lnTo>
                    <a:lnTo>
                      <a:pt x="2782" y="1275"/>
                    </a:lnTo>
                    <a:lnTo>
                      <a:pt x="2776" y="1280"/>
                    </a:lnTo>
                    <a:lnTo>
                      <a:pt x="2772" y="1282"/>
                    </a:lnTo>
                    <a:lnTo>
                      <a:pt x="2769" y="1283"/>
                    </a:lnTo>
                    <a:lnTo>
                      <a:pt x="2767" y="1282"/>
                    </a:lnTo>
                    <a:lnTo>
                      <a:pt x="2764" y="1280"/>
                    </a:lnTo>
                    <a:lnTo>
                      <a:pt x="2762" y="1274"/>
                    </a:lnTo>
                    <a:lnTo>
                      <a:pt x="2759" y="1266"/>
                    </a:lnTo>
                    <a:lnTo>
                      <a:pt x="2758" y="1263"/>
                    </a:lnTo>
                    <a:lnTo>
                      <a:pt x="2756" y="1259"/>
                    </a:lnTo>
                    <a:lnTo>
                      <a:pt x="2753" y="1257"/>
                    </a:lnTo>
                    <a:lnTo>
                      <a:pt x="2749" y="1256"/>
                    </a:lnTo>
                    <a:lnTo>
                      <a:pt x="2745" y="1254"/>
                    </a:lnTo>
                    <a:lnTo>
                      <a:pt x="2741" y="1254"/>
                    </a:lnTo>
                    <a:lnTo>
                      <a:pt x="2737" y="1256"/>
                    </a:lnTo>
                    <a:lnTo>
                      <a:pt x="2734" y="1257"/>
                    </a:lnTo>
                    <a:lnTo>
                      <a:pt x="2730" y="1261"/>
                    </a:lnTo>
                    <a:lnTo>
                      <a:pt x="2728" y="1266"/>
                    </a:lnTo>
                    <a:lnTo>
                      <a:pt x="2727" y="1272"/>
                    </a:lnTo>
                    <a:lnTo>
                      <a:pt x="2724" y="1279"/>
                    </a:lnTo>
                    <a:lnTo>
                      <a:pt x="2723" y="1285"/>
                    </a:lnTo>
                    <a:lnTo>
                      <a:pt x="2719" y="1289"/>
                    </a:lnTo>
                    <a:lnTo>
                      <a:pt x="2714" y="1292"/>
                    </a:lnTo>
                    <a:lnTo>
                      <a:pt x="2710" y="1294"/>
                    </a:lnTo>
                    <a:lnTo>
                      <a:pt x="2706" y="1294"/>
                    </a:lnTo>
                    <a:lnTo>
                      <a:pt x="2703" y="1293"/>
                    </a:lnTo>
                    <a:lnTo>
                      <a:pt x="2702" y="1292"/>
                    </a:lnTo>
                    <a:lnTo>
                      <a:pt x="2701" y="1288"/>
                    </a:lnTo>
                    <a:lnTo>
                      <a:pt x="2699" y="1284"/>
                    </a:lnTo>
                    <a:lnTo>
                      <a:pt x="2699" y="1278"/>
                    </a:lnTo>
                    <a:lnTo>
                      <a:pt x="2698" y="1267"/>
                    </a:lnTo>
                    <a:lnTo>
                      <a:pt x="2696" y="1263"/>
                    </a:lnTo>
                    <a:lnTo>
                      <a:pt x="2693" y="1263"/>
                    </a:lnTo>
                    <a:lnTo>
                      <a:pt x="2689" y="1266"/>
                    </a:lnTo>
                    <a:lnTo>
                      <a:pt x="2685" y="1271"/>
                    </a:lnTo>
                    <a:lnTo>
                      <a:pt x="2679" y="1276"/>
                    </a:lnTo>
                    <a:lnTo>
                      <a:pt x="2676" y="1278"/>
                    </a:lnTo>
                    <a:lnTo>
                      <a:pt x="2672" y="1279"/>
                    </a:lnTo>
                    <a:lnTo>
                      <a:pt x="2670" y="1279"/>
                    </a:lnTo>
                    <a:lnTo>
                      <a:pt x="2666" y="1279"/>
                    </a:lnTo>
                    <a:lnTo>
                      <a:pt x="2661" y="1276"/>
                    </a:lnTo>
                    <a:lnTo>
                      <a:pt x="2657" y="1271"/>
                    </a:lnTo>
                    <a:lnTo>
                      <a:pt x="2654" y="1267"/>
                    </a:lnTo>
                    <a:lnTo>
                      <a:pt x="2653" y="1262"/>
                    </a:lnTo>
                    <a:lnTo>
                      <a:pt x="2653" y="1256"/>
                    </a:lnTo>
                    <a:lnTo>
                      <a:pt x="2653" y="1250"/>
                    </a:lnTo>
                    <a:lnTo>
                      <a:pt x="2654" y="1245"/>
                    </a:lnTo>
                    <a:lnTo>
                      <a:pt x="2655" y="1240"/>
                    </a:lnTo>
                    <a:lnTo>
                      <a:pt x="2679" y="1210"/>
                    </a:lnTo>
                    <a:close/>
                    <a:moveTo>
                      <a:pt x="2515" y="1342"/>
                    </a:moveTo>
                    <a:lnTo>
                      <a:pt x="2527" y="1323"/>
                    </a:lnTo>
                    <a:lnTo>
                      <a:pt x="2537" y="1305"/>
                    </a:lnTo>
                    <a:lnTo>
                      <a:pt x="2544" y="1300"/>
                    </a:lnTo>
                    <a:lnTo>
                      <a:pt x="2552" y="1294"/>
                    </a:lnTo>
                    <a:lnTo>
                      <a:pt x="2561" y="1291"/>
                    </a:lnTo>
                    <a:lnTo>
                      <a:pt x="2571" y="1287"/>
                    </a:lnTo>
                    <a:lnTo>
                      <a:pt x="2592" y="1282"/>
                    </a:lnTo>
                    <a:lnTo>
                      <a:pt x="2610" y="1279"/>
                    </a:lnTo>
                    <a:lnTo>
                      <a:pt x="2618" y="1278"/>
                    </a:lnTo>
                    <a:lnTo>
                      <a:pt x="2623" y="1278"/>
                    </a:lnTo>
                    <a:lnTo>
                      <a:pt x="2626" y="1279"/>
                    </a:lnTo>
                    <a:lnTo>
                      <a:pt x="2627" y="1283"/>
                    </a:lnTo>
                    <a:lnTo>
                      <a:pt x="2626" y="1285"/>
                    </a:lnTo>
                    <a:lnTo>
                      <a:pt x="2622" y="1291"/>
                    </a:lnTo>
                    <a:lnTo>
                      <a:pt x="2618" y="1294"/>
                    </a:lnTo>
                    <a:lnTo>
                      <a:pt x="2613" y="1298"/>
                    </a:lnTo>
                    <a:lnTo>
                      <a:pt x="2604" y="1306"/>
                    </a:lnTo>
                    <a:lnTo>
                      <a:pt x="2596" y="1314"/>
                    </a:lnTo>
                    <a:lnTo>
                      <a:pt x="2588" y="1322"/>
                    </a:lnTo>
                    <a:lnTo>
                      <a:pt x="2582" y="1331"/>
                    </a:lnTo>
                    <a:lnTo>
                      <a:pt x="2567" y="1348"/>
                    </a:lnTo>
                    <a:lnTo>
                      <a:pt x="2552" y="1363"/>
                    </a:lnTo>
                    <a:lnTo>
                      <a:pt x="2545" y="1370"/>
                    </a:lnTo>
                    <a:lnTo>
                      <a:pt x="2537" y="1375"/>
                    </a:lnTo>
                    <a:lnTo>
                      <a:pt x="2531" y="1379"/>
                    </a:lnTo>
                    <a:lnTo>
                      <a:pt x="2523" y="1383"/>
                    </a:lnTo>
                    <a:lnTo>
                      <a:pt x="2521" y="1383"/>
                    </a:lnTo>
                    <a:lnTo>
                      <a:pt x="2518" y="1383"/>
                    </a:lnTo>
                    <a:lnTo>
                      <a:pt x="2515" y="1381"/>
                    </a:lnTo>
                    <a:lnTo>
                      <a:pt x="2513" y="1379"/>
                    </a:lnTo>
                    <a:lnTo>
                      <a:pt x="2512" y="1376"/>
                    </a:lnTo>
                    <a:lnTo>
                      <a:pt x="2510" y="1372"/>
                    </a:lnTo>
                    <a:lnTo>
                      <a:pt x="2510" y="1366"/>
                    </a:lnTo>
                    <a:lnTo>
                      <a:pt x="2510" y="1359"/>
                    </a:lnTo>
                    <a:lnTo>
                      <a:pt x="2515" y="1342"/>
                    </a:lnTo>
                    <a:close/>
                    <a:moveTo>
                      <a:pt x="2355" y="1372"/>
                    </a:moveTo>
                    <a:lnTo>
                      <a:pt x="2366" y="1358"/>
                    </a:lnTo>
                    <a:lnTo>
                      <a:pt x="2383" y="1340"/>
                    </a:lnTo>
                    <a:lnTo>
                      <a:pt x="2392" y="1331"/>
                    </a:lnTo>
                    <a:lnTo>
                      <a:pt x="2401" y="1324"/>
                    </a:lnTo>
                    <a:lnTo>
                      <a:pt x="2405" y="1322"/>
                    </a:lnTo>
                    <a:lnTo>
                      <a:pt x="2409" y="1320"/>
                    </a:lnTo>
                    <a:lnTo>
                      <a:pt x="2413" y="1320"/>
                    </a:lnTo>
                    <a:lnTo>
                      <a:pt x="2417" y="1320"/>
                    </a:lnTo>
                    <a:lnTo>
                      <a:pt x="2421" y="1328"/>
                    </a:lnTo>
                    <a:lnTo>
                      <a:pt x="2425" y="1332"/>
                    </a:lnTo>
                    <a:lnTo>
                      <a:pt x="2430" y="1335"/>
                    </a:lnTo>
                    <a:lnTo>
                      <a:pt x="2435" y="1335"/>
                    </a:lnTo>
                    <a:lnTo>
                      <a:pt x="2448" y="1336"/>
                    </a:lnTo>
                    <a:lnTo>
                      <a:pt x="2461" y="1340"/>
                    </a:lnTo>
                    <a:lnTo>
                      <a:pt x="2461" y="1340"/>
                    </a:lnTo>
                    <a:lnTo>
                      <a:pt x="2461" y="1341"/>
                    </a:lnTo>
                    <a:lnTo>
                      <a:pt x="2460" y="1345"/>
                    </a:lnTo>
                    <a:lnTo>
                      <a:pt x="2457" y="1349"/>
                    </a:lnTo>
                    <a:lnTo>
                      <a:pt x="2455" y="1353"/>
                    </a:lnTo>
                    <a:lnTo>
                      <a:pt x="2449" y="1358"/>
                    </a:lnTo>
                    <a:lnTo>
                      <a:pt x="2440" y="1366"/>
                    </a:lnTo>
                    <a:lnTo>
                      <a:pt x="2433" y="1372"/>
                    </a:lnTo>
                    <a:lnTo>
                      <a:pt x="2422" y="1384"/>
                    </a:lnTo>
                    <a:lnTo>
                      <a:pt x="2412" y="1396"/>
                    </a:lnTo>
                    <a:lnTo>
                      <a:pt x="2405" y="1401"/>
                    </a:lnTo>
                    <a:lnTo>
                      <a:pt x="2400" y="1406"/>
                    </a:lnTo>
                    <a:lnTo>
                      <a:pt x="2392" y="1410"/>
                    </a:lnTo>
                    <a:lnTo>
                      <a:pt x="2385" y="1414"/>
                    </a:lnTo>
                    <a:lnTo>
                      <a:pt x="2378" y="1415"/>
                    </a:lnTo>
                    <a:lnTo>
                      <a:pt x="2372" y="1418"/>
                    </a:lnTo>
                    <a:lnTo>
                      <a:pt x="2365" y="1419"/>
                    </a:lnTo>
                    <a:lnTo>
                      <a:pt x="2359" y="1418"/>
                    </a:lnTo>
                    <a:lnTo>
                      <a:pt x="2352" y="1416"/>
                    </a:lnTo>
                    <a:lnTo>
                      <a:pt x="2348" y="1412"/>
                    </a:lnTo>
                    <a:lnTo>
                      <a:pt x="2346" y="1407"/>
                    </a:lnTo>
                    <a:lnTo>
                      <a:pt x="2344" y="1398"/>
                    </a:lnTo>
                    <a:lnTo>
                      <a:pt x="2355" y="1372"/>
                    </a:lnTo>
                    <a:close/>
                    <a:moveTo>
                      <a:pt x="2225" y="1487"/>
                    </a:moveTo>
                    <a:lnTo>
                      <a:pt x="2229" y="1472"/>
                    </a:lnTo>
                    <a:lnTo>
                      <a:pt x="2234" y="1458"/>
                    </a:lnTo>
                    <a:lnTo>
                      <a:pt x="2242" y="1443"/>
                    </a:lnTo>
                    <a:lnTo>
                      <a:pt x="2250" y="1432"/>
                    </a:lnTo>
                    <a:lnTo>
                      <a:pt x="2256" y="1423"/>
                    </a:lnTo>
                    <a:lnTo>
                      <a:pt x="2265" y="1411"/>
                    </a:lnTo>
                    <a:lnTo>
                      <a:pt x="2272" y="1406"/>
                    </a:lnTo>
                    <a:lnTo>
                      <a:pt x="2277" y="1402"/>
                    </a:lnTo>
                    <a:lnTo>
                      <a:pt x="2280" y="1401"/>
                    </a:lnTo>
                    <a:lnTo>
                      <a:pt x="2282" y="1401"/>
                    </a:lnTo>
                    <a:lnTo>
                      <a:pt x="2285" y="1401"/>
                    </a:lnTo>
                    <a:lnTo>
                      <a:pt x="2286" y="1402"/>
                    </a:lnTo>
                    <a:lnTo>
                      <a:pt x="2287" y="1406"/>
                    </a:lnTo>
                    <a:lnTo>
                      <a:pt x="2286" y="1411"/>
                    </a:lnTo>
                    <a:lnTo>
                      <a:pt x="2286" y="1415"/>
                    </a:lnTo>
                    <a:lnTo>
                      <a:pt x="2284" y="1419"/>
                    </a:lnTo>
                    <a:lnTo>
                      <a:pt x="2280" y="1428"/>
                    </a:lnTo>
                    <a:lnTo>
                      <a:pt x="2276" y="1436"/>
                    </a:lnTo>
                    <a:lnTo>
                      <a:pt x="2269" y="1458"/>
                    </a:lnTo>
                    <a:lnTo>
                      <a:pt x="2258" y="1484"/>
                    </a:lnTo>
                    <a:lnTo>
                      <a:pt x="2255" y="1490"/>
                    </a:lnTo>
                    <a:lnTo>
                      <a:pt x="2251" y="1495"/>
                    </a:lnTo>
                    <a:lnTo>
                      <a:pt x="2246" y="1500"/>
                    </a:lnTo>
                    <a:lnTo>
                      <a:pt x="2242" y="1504"/>
                    </a:lnTo>
                    <a:lnTo>
                      <a:pt x="2237" y="1507"/>
                    </a:lnTo>
                    <a:lnTo>
                      <a:pt x="2232" y="1508"/>
                    </a:lnTo>
                    <a:lnTo>
                      <a:pt x="2227" y="1508"/>
                    </a:lnTo>
                    <a:lnTo>
                      <a:pt x="2220" y="1506"/>
                    </a:lnTo>
                    <a:lnTo>
                      <a:pt x="2225" y="1487"/>
                    </a:lnTo>
                    <a:close/>
                    <a:moveTo>
                      <a:pt x="2049" y="2270"/>
                    </a:moveTo>
                    <a:lnTo>
                      <a:pt x="2056" y="2266"/>
                    </a:lnTo>
                    <a:lnTo>
                      <a:pt x="2061" y="2262"/>
                    </a:lnTo>
                    <a:lnTo>
                      <a:pt x="2066" y="2256"/>
                    </a:lnTo>
                    <a:lnTo>
                      <a:pt x="2071" y="2250"/>
                    </a:lnTo>
                    <a:lnTo>
                      <a:pt x="2076" y="2244"/>
                    </a:lnTo>
                    <a:lnTo>
                      <a:pt x="2083" y="2232"/>
                    </a:lnTo>
                    <a:lnTo>
                      <a:pt x="2087" y="2228"/>
                    </a:lnTo>
                    <a:lnTo>
                      <a:pt x="2091" y="2225"/>
                    </a:lnTo>
                    <a:lnTo>
                      <a:pt x="2096" y="2222"/>
                    </a:lnTo>
                    <a:lnTo>
                      <a:pt x="2100" y="2222"/>
                    </a:lnTo>
                    <a:lnTo>
                      <a:pt x="2102" y="2223"/>
                    </a:lnTo>
                    <a:lnTo>
                      <a:pt x="2103" y="2227"/>
                    </a:lnTo>
                    <a:lnTo>
                      <a:pt x="2103" y="2231"/>
                    </a:lnTo>
                    <a:lnTo>
                      <a:pt x="2103" y="2235"/>
                    </a:lnTo>
                    <a:lnTo>
                      <a:pt x="2102" y="2244"/>
                    </a:lnTo>
                    <a:lnTo>
                      <a:pt x="2101" y="2250"/>
                    </a:lnTo>
                    <a:lnTo>
                      <a:pt x="2096" y="2258"/>
                    </a:lnTo>
                    <a:lnTo>
                      <a:pt x="2094" y="2267"/>
                    </a:lnTo>
                    <a:lnTo>
                      <a:pt x="2093" y="2273"/>
                    </a:lnTo>
                    <a:lnTo>
                      <a:pt x="2092" y="2275"/>
                    </a:lnTo>
                    <a:lnTo>
                      <a:pt x="2091" y="2278"/>
                    </a:lnTo>
                    <a:lnTo>
                      <a:pt x="2088" y="2280"/>
                    </a:lnTo>
                    <a:lnTo>
                      <a:pt x="2083" y="2283"/>
                    </a:lnTo>
                    <a:lnTo>
                      <a:pt x="2076" y="2288"/>
                    </a:lnTo>
                    <a:lnTo>
                      <a:pt x="2067" y="2293"/>
                    </a:lnTo>
                    <a:lnTo>
                      <a:pt x="2059" y="2297"/>
                    </a:lnTo>
                    <a:lnTo>
                      <a:pt x="2054" y="2297"/>
                    </a:lnTo>
                    <a:lnTo>
                      <a:pt x="2050" y="2296"/>
                    </a:lnTo>
                    <a:lnTo>
                      <a:pt x="2046" y="2293"/>
                    </a:lnTo>
                    <a:lnTo>
                      <a:pt x="2043" y="2289"/>
                    </a:lnTo>
                    <a:lnTo>
                      <a:pt x="2049" y="2270"/>
                    </a:lnTo>
                    <a:close/>
                    <a:moveTo>
                      <a:pt x="1088" y="3370"/>
                    </a:moveTo>
                    <a:lnTo>
                      <a:pt x="1098" y="3366"/>
                    </a:lnTo>
                    <a:lnTo>
                      <a:pt x="1110" y="3361"/>
                    </a:lnTo>
                    <a:lnTo>
                      <a:pt x="1120" y="3353"/>
                    </a:lnTo>
                    <a:lnTo>
                      <a:pt x="1131" y="3346"/>
                    </a:lnTo>
                    <a:lnTo>
                      <a:pt x="1142" y="3339"/>
                    </a:lnTo>
                    <a:lnTo>
                      <a:pt x="1153" y="3333"/>
                    </a:lnTo>
                    <a:lnTo>
                      <a:pt x="1159" y="3331"/>
                    </a:lnTo>
                    <a:lnTo>
                      <a:pt x="1164" y="3330"/>
                    </a:lnTo>
                    <a:lnTo>
                      <a:pt x="1169" y="3330"/>
                    </a:lnTo>
                    <a:lnTo>
                      <a:pt x="1176" y="3330"/>
                    </a:lnTo>
                    <a:lnTo>
                      <a:pt x="1178" y="3331"/>
                    </a:lnTo>
                    <a:lnTo>
                      <a:pt x="1181" y="3332"/>
                    </a:lnTo>
                    <a:lnTo>
                      <a:pt x="1182" y="3335"/>
                    </a:lnTo>
                    <a:lnTo>
                      <a:pt x="1182" y="3337"/>
                    </a:lnTo>
                    <a:lnTo>
                      <a:pt x="1184" y="3343"/>
                    </a:lnTo>
                    <a:lnTo>
                      <a:pt x="1186" y="3348"/>
                    </a:lnTo>
                    <a:lnTo>
                      <a:pt x="1194" y="3355"/>
                    </a:lnTo>
                    <a:lnTo>
                      <a:pt x="1204" y="3365"/>
                    </a:lnTo>
                    <a:lnTo>
                      <a:pt x="1208" y="3370"/>
                    </a:lnTo>
                    <a:lnTo>
                      <a:pt x="1210" y="3375"/>
                    </a:lnTo>
                    <a:lnTo>
                      <a:pt x="1210" y="3376"/>
                    </a:lnTo>
                    <a:lnTo>
                      <a:pt x="1210" y="3379"/>
                    </a:lnTo>
                    <a:lnTo>
                      <a:pt x="1208" y="3381"/>
                    </a:lnTo>
                    <a:lnTo>
                      <a:pt x="1204" y="3384"/>
                    </a:lnTo>
                    <a:lnTo>
                      <a:pt x="1199" y="3388"/>
                    </a:lnTo>
                    <a:lnTo>
                      <a:pt x="1194" y="3390"/>
                    </a:lnTo>
                    <a:lnTo>
                      <a:pt x="1188" y="3392"/>
                    </a:lnTo>
                    <a:lnTo>
                      <a:pt x="1181" y="3393"/>
                    </a:lnTo>
                    <a:lnTo>
                      <a:pt x="1167" y="3394"/>
                    </a:lnTo>
                    <a:lnTo>
                      <a:pt x="1155" y="3396"/>
                    </a:lnTo>
                    <a:lnTo>
                      <a:pt x="1136" y="3400"/>
                    </a:lnTo>
                    <a:lnTo>
                      <a:pt x="1116" y="3406"/>
                    </a:lnTo>
                    <a:lnTo>
                      <a:pt x="1107" y="3410"/>
                    </a:lnTo>
                    <a:lnTo>
                      <a:pt x="1097" y="3412"/>
                    </a:lnTo>
                    <a:lnTo>
                      <a:pt x="1092" y="3414"/>
                    </a:lnTo>
                    <a:lnTo>
                      <a:pt x="1087" y="3415"/>
                    </a:lnTo>
                    <a:lnTo>
                      <a:pt x="1081" y="3415"/>
                    </a:lnTo>
                    <a:lnTo>
                      <a:pt x="1076" y="3414"/>
                    </a:lnTo>
                    <a:lnTo>
                      <a:pt x="1068" y="3411"/>
                    </a:lnTo>
                    <a:lnTo>
                      <a:pt x="1064" y="3407"/>
                    </a:lnTo>
                    <a:lnTo>
                      <a:pt x="1062" y="3402"/>
                    </a:lnTo>
                    <a:lnTo>
                      <a:pt x="1062" y="3397"/>
                    </a:lnTo>
                    <a:lnTo>
                      <a:pt x="1063" y="3392"/>
                    </a:lnTo>
                    <a:lnTo>
                      <a:pt x="1066" y="3387"/>
                    </a:lnTo>
                    <a:lnTo>
                      <a:pt x="1071" y="3381"/>
                    </a:lnTo>
                    <a:lnTo>
                      <a:pt x="1075" y="3376"/>
                    </a:lnTo>
                    <a:lnTo>
                      <a:pt x="1088" y="3370"/>
                    </a:lnTo>
                    <a:close/>
                    <a:moveTo>
                      <a:pt x="1096" y="3270"/>
                    </a:moveTo>
                    <a:lnTo>
                      <a:pt x="1105" y="3267"/>
                    </a:lnTo>
                    <a:lnTo>
                      <a:pt x="1115" y="3264"/>
                    </a:lnTo>
                    <a:lnTo>
                      <a:pt x="1125" y="3260"/>
                    </a:lnTo>
                    <a:lnTo>
                      <a:pt x="1134" y="3257"/>
                    </a:lnTo>
                    <a:lnTo>
                      <a:pt x="1150" y="3252"/>
                    </a:lnTo>
                    <a:lnTo>
                      <a:pt x="1164" y="3249"/>
                    </a:lnTo>
                    <a:lnTo>
                      <a:pt x="1167" y="3254"/>
                    </a:lnTo>
                    <a:lnTo>
                      <a:pt x="1168" y="3261"/>
                    </a:lnTo>
                    <a:lnTo>
                      <a:pt x="1169" y="3267"/>
                    </a:lnTo>
                    <a:lnTo>
                      <a:pt x="1169" y="3274"/>
                    </a:lnTo>
                    <a:lnTo>
                      <a:pt x="1168" y="3276"/>
                    </a:lnTo>
                    <a:lnTo>
                      <a:pt x="1168" y="3279"/>
                    </a:lnTo>
                    <a:lnTo>
                      <a:pt x="1167" y="3282"/>
                    </a:lnTo>
                    <a:lnTo>
                      <a:pt x="1164" y="3283"/>
                    </a:lnTo>
                    <a:lnTo>
                      <a:pt x="1159" y="3286"/>
                    </a:lnTo>
                    <a:lnTo>
                      <a:pt x="1153" y="3287"/>
                    </a:lnTo>
                    <a:lnTo>
                      <a:pt x="1140" y="3287"/>
                    </a:lnTo>
                    <a:lnTo>
                      <a:pt x="1129" y="3287"/>
                    </a:lnTo>
                    <a:lnTo>
                      <a:pt x="1116" y="3288"/>
                    </a:lnTo>
                    <a:lnTo>
                      <a:pt x="1105" y="3291"/>
                    </a:lnTo>
                    <a:lnTo>
                      <a:pt x="1094" y="3291"/>
                    </a:lnTo>
                    <a:lnTo>
                      <a:pt x="1087" y="3291"/>
                    </a:lnTo>
                    <a:lnTo>
                      <a:pt x="1080" y="3287"/>
                    </a:lnTo>
                    <a:lnTo>
                      <a:pt x="1072" y="3283"/>
                    </a:lnTo>
                    <a:lnTo>
                      <a:pt x="1096" y="3270"/>
                    </a:lnTo>
                    <a:close/>
                    <a:moveTo>
                      <a:pt x="1015" y="3418"/>
                    </a:moveTo>
                    <a:lnTo>
                      <a:pt x="1004" y="3420"/>
                    </a:lnTo>
                    <a:lnTo>
                      <a:pt x="995" y="3424"/>
                    </a:lnTo>
                    <a:lnTo>
                      <a:pt x="991" y="3428"/>
                    </a:lnTo>
                    <a:lnTo>
                      <a:pt x="987" y="3432"/>
                    </a:lnTo>
                    <a:lnTo>
                      <a:pt x="984" y="3436"/>
                    </a:lnTo>
                    <a:lnTo>
                      <a:pt x="980" y="3441"/>
                    </a:lnTo>
                    <a:lnTo>
                      <a:pt x="980" y="3446"/>
                    </a:lnTo>
                    <a:lnTo>
                      <a:pt x="983" y="3451"/>
                    </a:lnTo>
                    <a:lnTo>
                      <a:pt x="987" y="3458"/>
                    </a:lnTo>
                    <a:lnTo>
                      <a:pt x="989" y="3462"/>
                    </a:lnTo>
                    <a:lnTo>
                      <a:pt x="993" y="3467"/>
                    </a:lnTo>
                    <a:lnTo>
                      <a:pt x="997" y="3469"/>
                    </a:lnTo>
                    <a:lnTo>
                      <a:pt x="1002" y="3471"/>
                    </a:lnTo>
                    <a:lnTo>
                      <a:pt x="1007" y="3472"/>
                    </a:lnTo>
                    <a:lnTo>
                      <a:pt x="1018" y="3472"/>
                    </a:lnTo>
                    <a:lnTo>
                      <a:pt x="1028" y="3471"/>
                    </a:lnTo>
                    <a:lnTo>
                      <a:pt x="1032" y="3471"/>
                    </a:lnTo>
                    <a:lnTo>
                      <a:pt x="1036" y="3469"/>
                    </a:lnTo>
                    <a:lnTo>
                      <a:pt x="1039" y="3468"/>
                    </a:lnTo>
                    <a:lnTo>
                      <a:pt x="1041" y="3466"/>
                    </a:lnTo>
                    <a:lnTo>
                      <a:pt x="1044" y="3460"/>
                    </a:lnTo>
                    <a:lnTo>
                      <a:pt x="1045" y="3453"/>
                    </a:lnTo>
                    <a:lnTo>
                      <a:pt x="1045" y="3445"/>
                    </a:lnTo>
                    <a:lnTo>
                      <a:pt x="1041" y="3437"/>
                    </a:lnTo>
                    <a:lnTo>
                      <a:pt x="1036" y="3431"/>
                    </a:lnTo>
                    <a:lnTo>
                      <a:pt x="1031" y="3424"/>
                    </a:lnTo>
                    <a:lnTo>
                      <a:pt x="1015" y="3418"/>
                    </a:lnTo>
                    <a:close/>
                    <a:moveTo>
                      <a:pt x="224" y="4603"/>
                    </a:moveTo>
                    <a:lnTo>
                      <a:pt x="220" y="4595"/>
                    </a:lnTo>
                    <a:lnTo>
                      <a:pt x="217" y="4587"/>
                    </a:lnTo>
                    <a:lnTo>
                      <a:pt x="206" y="4573"/>
                    </a:lnTo>
                    <a:lnTo>
                      <a:pt x="189" y="4554"/>
                    </a:lnTo>
                    <a:lnTo>
                      <a:pt x="180" y="4543"/>
                    </a:lnTo>
                    <a:lnTo>
                      <a:pt x="172" y="4536"/>
                    </a:lnTo>
                    <a:lnTo>
                      <a:pt x="168" y="4533"/>
                    </a:lnTo>
                    <a:lnTo>
                      <a:pt x="164" y="4532"/>
                    </a:lnTo>
                    <a:lnTo>
                      <a:pt x="162" y="4530"/>
                    </a:lnTo>
                    <a:lnTo>
                      <a:pt x="159" y="4532"/>
                    </a:lnTo>
                    <a:lnTo>
                      <a:pt x="155" y="4534"/>
                    </a:lnTo>
                    <a:lnTo>
                      <a:pt x="154" y="4538"/>
                    </a:lnTo>
                    <a:lnTo>
                      <a:pt x="154" y="4543"/>
                    </a:lnTo>
                    <a:lnTo>
                      <a:pt x="155" y="4549"/>
                    </a:lnTo>
                    <a:lnTo>
                      <a:pt x="159" y="4559"/>
                    </a:lnTo>
                    <a:lnTo>
                      <a:pt x="164" y="4565"/>
                    </a:lnTo>
                    <a:lnTo>
                      <a:pt x="176" y="4577"/>
                    </a:lnTo>
                    <a:lnTo>
                      <a:pt x="191" y="4587"/>
                    </a:lnTo>
                    <a:lnTo>
                      <a:pt x="198" y="4594"/>
                    </a:lnTo>
                    <a:lnTo>
                      <a:pt x="204" y="4600"/>
                    </a:lnTo>
                    <a:lnTo>
                      <a:pt x="208" y="4607"/>
                    </a:lnTo>
                    <a:lnTo>
                      <a:pt x="211" y="4615"/>
                    </a:lnTo>
                    <a:lnTo>
                      <a:pt x="211" y="4631"/>
                    </a:lnTo>
                    <a:lnTo>
                      <a:pt x="213" y="4651"/>
                    </a:lnTo>
                    <a:lnTo>
                      <a:pt x="216" y="4660"/>
                    </a:lnTo>
                    <a:lnTo>
                      <a:pt x="221" y="4666"/>
                    </a:lnTo>
                    <a:lnTo>
                      <a:pt x="224" y="4670"/>
                    </a:lnTo>
                    <a:lnTo>
                      <a:pt x="226" y="4673"/>
                    </a:lnTo>
                    <a:lnTo>
                      <a:pt x="230" y="4674"/>
                    </a:lnTo>
                    <a:lnTo>
                      <a:pt x="234" y="4676"/>
                    </a:lnTo>
                    <a:lnTo>
                      <a:pt x="241" y="4676"/>
                    </a:lnTo>
                    <a:lnTo>
                      <a:pt x="246" y="4674"/>
                    </a:lnTo>
                    <a:lnTo>
                      <a:pt x="252" y="4673"/>
                    </a:lnTo>
                    <a:lnTo>
                      <a:pt x="257" y="4670"/>
                    </a:lnTo>
                    <a:lnTo>
                      <a:pt x="263" y="4668"/>
                    </a:lnTo>
                    <a:lnTo>
                      <a:pt x="266" y="4664"/>
                    </a:lnTo>
                    <a:lnTo>
                      <a:pt x="269" y="4659"/>
                    </a:lnTo>
                    <a:lnTo>
                      <a:pt x="270" y="4653"/>
                    </a:lnTo>
                    <a:lnTo>
                      <a:pt x="270" y="4647"/>
                    </a:lnTo>
                    <a:lnTo>
                      <a:pt x="268" y="4642"/>
                    </a:lnTo>
                    <a:lnTo>
                      <a:pt x="263" y="4637"/>
                    </a:lnTo>
                    <a:lnTo>
                      <a:pt x="257" y="4633"/>
                    </a:lnTo>
                    <a:lnTo>
                      <a:pt x="244" y="4625"/>
                    </a:lnTo>
                    <a:lnTo>
                      <a:pt x="233" y="4620"/>
                    </a:lnTo>
                    <a:lnTo>
                      <a:pt x="224" y="4603"/>
                    </a:lnTo>
                    <a:close/>
                    <a:moveTo>
                      <a:pt x="162" y="4931"/>
                    </a:moveTo>
                    <a:lnTo>
                      <a:pt x="156" y="4931"/>
                    </a:lnTo>
                    <a:lnTo>
                      <a:pt x="154" y="4931"/>
                    </a:lnTo>
                    <a:lnTo>
                      <a:pt x="151" y="4929"/>
                    </a:lnTo>
                    <a:lnTo>
                      <a:pt x="147" y="4927"/>
                    </a:lnTo>
                    <a:lnTo>
                      <a:pt x="145" y="4920"/>
                    </a:lnTo>
                    <a:lnTo>
                      <a:pt x="143" y="4913"/>
                    </a:lnTo>
                    <a:lnTo>
                      <a:pt x="142" y="4905"/>
                    </a:lnTo>
                    <a:lnTo>
                      <a:pt x="145" y="4898"/>
                    </a:lnTo>
                    <a:lnTo>
                      <a:pt x="147" y="4891"/>
                    </a:lnTo>
                    <a:lnTo>
                      <a:pt x="150" y="4884"/>
                    </a:lnTo>
                    <a:lnTo>
                      <a:pt x="151" y="4878"/>
                    </a:lnTo>
                    <a:lnTo>
                      <a:pt x="152" y="4872"/>
                    </a:lnTo>
                    <a:lnTo>
                      <a:pt x="154" y="4869"/>
                    </a:lnTo>
                    <a:lnTo>
                      <a:pt x="156" y="4867"/>
                    </a:lnTo>
                    <a:lnTo>
                      <a:pt x="158" y="4865"/>
                    </a:lnTo>
                    <a:lnTo>
                      <a:pt x="162" y="4863"/>
                    </a:lnTo>
                    <a:lnTo>
                      <a:pt x="165" y="4863"/>
                    </a:lnTo>
                    <a:lnTo>
                      <a:pt x="169" y="4863"/>
                    </a:lnTo>
                    <a:lnTo>
                      <a:pt x="172" y="4863"/>
                    </a:lnTo>
                    <a:lnTo>
                      <a:pt x="174" y="4866"/>
                    </a:lnTo>
                    <a:lnTo>
                      <a:pt x="177" y="4867"/>
                    </a:lnTo>
                    <a:lnTo>
                      <a:pt x="178" y="4871"/>
                    </a:lnTo>
                    <a:lnTo>
                      <a:pt x="180" y="4875"/>
                    </a:lnTo>
                    <a:lnTo>
                      <a:pt x="180" y="4879"/>
                    </a:lnTo>
                    <a:lnTo>
                      <a:pt x="180" y="4888"/>
                    </a:lnTo>
                    <a:lnTo>
                      <a:pt x="181" y="4896"/>
                    </a:lnTo>
                    <a:lnTo>
                      <a:pt x="182" y="4902"/>
                    </a:lnTo>
                    <a:lnTo>
                      <a:pt x="182" y="4906"/>
                    </a:lnTo>
                    <a:lnTo>
                      <a:pt x="180" y="4910"/>
                    </a:lnTo>
                    <a:lnTo>
                      <a:pt x="177" y="4915"/>
                    </a:lnTo>
                    <a:lnTo>
                      <a:pt x="162" y="4931"/>
                    </a:lnTo>
                    <a:close/>
                    <a:moveTo>
                      <a:pt x="120" y="4933"/>
                    </a:moveTo>
                    <a:lnTo>
                      <a:pt x="112" y="4924"/>
                    </a:lnTo>
                    <a:lnTo>
                      <a:pt x="105" y="4913"/>
                    </a:lnTo>
                    <a:lnTo>
                      <a:pt x="99" y="4909"/>
                    </a:lnTo>
                    <a:lnTo>
                      <a:pt x="93" y="4903"/>
                    </a:lnTo>
                    <a:lnTo>
                      <a:pt x="89" y="4902"/>
                    </a:lnTo>
                    <a:lnTo>
                      <a:pt x="85" y="4902"/>
                    </a:lnTo>
                    <a:lnTo>
                      <a:pt x="82" y="4903"/>
                    </a:lnTo>
                    <a:lnTo>
                      <a:pt x="80" y="4907"/>
                    </a:lnTo>
                    <a:lnTo>
                      <a:pt x="77" y="4919"/>
                    </a:lnTo>
                    <a:lnTo>
                      <a:pt x="76" y="4932"/>
                    </a:lnTo>
                    <a:lnTo>
                      <a:pt x="79" y="4938"/>
                    </a:lnTo>
                    <a:lnTo>
                      <a:pt x="80" y="4945"/>
                    </a:lnTo>
                    <a:lnTo>
                      <a:pt x="81" y="4951"/>
                    </a:lnTo>
                    <a:lnTo>
                      <a:pt x="82" y="4959"/>
                    </a:lnTo>
                    <a:lnTo>
                      <a:pt x="84" y="4963"/>
                    </a:lnTo>
                    <a:lnTo>
                      <a:pt x="85" y="4966"/>
                    </a:lnTo>
                    <a:lnTo>
                      <a:pt x="88" y="4968"/>
                    </a:lnTo>
                    <a:lnTo>
                      <a:pt x="90" y="4971"/>
                    </a:lnTo>
                    <a:lnTo>
                      <a:pt x="95" y="4973"/>
                    </a:lnTo>
                    <a:lnTo>
                      <a:pt x="101" y="4973"/>
                    </a:lnTo>
                    <a:lnTo>
                      <a:pt x="105" y="4972"/>
                    </a:lnTo>
                    <a:lnTo>
                      <a:pt x="110" y="4970"/>
                    </a:lnTo>
                    <a:lnTo>
                      <a:pt x="114" y="4966"/>
                    </a:lnTo>
                    <a:lnTo>
                      <a:pt x="116" y="4962"/>
                    </a:lnTo>
                    <a:lnTo>
                      <a:pt x="119" y="4957"/>
                    </a:lnTo>
                    <a:lnTo>
                      <a:pt x="121" y="4953"/>
                    </a:lnTo>
                    <a:lnTo>
                      <a:pt x="120" y="4933"/>
                    </a:lnTo>
                    <a:close/>
                    <a:moveTo>
                      <a:pt x="55" y="4970"/>
                    </a:moveTo>
                    <a:lnTo>
                      <a:pt x="50" y="4960"/>
                    </a:lnTo>
                    <a:lnTo>
                      <a:pt x="44" y="4951"/>
                    </a:lnTo>
                    <a:lnTo>
                      <a:pt x="41" y="4948"/>
                    </a:lnTo>
                    <a:lnTo>
                      <a:pt x="36" y="4945"/>
                    </a:lnTo>
                    <a:lnTo>
                      <a:pt x="32" y="4942"/>
                    </a:lnTo>
                    <a:lnTo>
                      <a:pt x="27" y="4942"/>
                    </a:lnTo>
                    <a:lnTo>
                      <a:pt x="24" y="4942"/>
                    </a:lnTo>
                    <a:lnTo>
                      <a:pt x="22" y="4944"/>
                    </a:lnTo>
                    <a:lnTo>
                      <a:pt x="20" y="4945"/>
                    </a:lnTo>
                    <a:lnTo>
                      <a:pt x="19" y="4948"/>
                    </a:lnTo>
                    <a:lnTo>
                      <a:pt x="19" y="4953"/>
                    </a:lnTo>
                    <a:lnTo>
                      <a:pt x="18" y="4957"/>
                    </a:lnTo>
                    <a:lnTo>
                      <a:pt x="18" y="4964"/>
                    </a:lnTo>
                    <a:lnTo>
                      <a:pt x="18" y="4972"/>
                    </a:lnTo>
                    <a:lnTo>
                      <a:pt x="16" y="4980"/>
                    </a:lnTo>
                    <a:lnTo>
                      <a:pt x="16" y="4986"/>
                    </a:lnTo>
                    <a:lnTo>
                      <a:pt x="16" y="4989"/>
                    </a:lnTo>
                    <a:lnTo>
                      <a:pt x="16" y="4993"/>
                    </a:lnTo>
                    <a:lnTo>
                      <a:pt x="18" y="4995"/>
                    </a:lnTo>
                    <a:lnTo>
                      <a:pt x="19" y="4999"/>
                    </a:lnTo>
                    <a:lnTo>
                      <a:pt x="23" y="5002"/>
                    </a:lnTo>
                    <a:lnTo>
                      <a:pt x="27" y="5002"/>
                    </a:lnTo>
                    <a:lnTo>
                      <a:pt x="31" y="5002"/>
                    </a:lnTo>
                    <a:lnTo>
                      <a:pt x="35" y="4999"/>
                    </a:lnTo>
                    <a:lnTo>
                      <a:pt x="44" y="4994"/>
                    </a:lnTo>
                    <a:lnTo>
                      <a:pt x="50" y="4988"/>
                    </a:lnTo>
                    <a:lnTo>
                      <a:pt x="55" y="4970"/>
                    </a:lnTo>
                    <a:close/>
                    <a:moveTo>
                      <a:pt x="0" y="5240"/>
                    </a:moveTo>
                    <a:lnTo>
                      <a:pt x="1" y="5227"/>
                    </a:lnTo>
                    <a:lnTo>
                      <a:pt x="5" y="5216"/>
                    </a:lnTo>
                    <a:lnTo>
                      <a:pt x="7" y="5208"/>
                    </a:lnTo>
                    <a:lnTo>
                      <a:pt x="13" y="5198"/>
                    </a:lnTo>
                    <a:lnTo>
                      <a:pt x="15" y="5192"/>
                    </a:lnTo>
                    <a:lnTo>
                      <a:pt x="19" y="5188"/>
                    </a:lnTo>
                    <a:lnTo>
                      <a:pt x="22" y="5186"/>
                    </a:lnTo>
                    <a:lnTo>
                      <a:pt x="24" y="5185"/>
                    </a:lnTo>
                    <a:lnTo>
                      <a:pt x="28" y="5185"/>
                    </a:lnTo>
                    <a:lnTo>
                      <a:pt x="31" y="5186"/>
                    </a:lnTo>
                    <a:lnTo>
                      <a:pt x="32" y="5187"/>
                    </a:lnTo>
                    <a:lnTo>
                      <a:pt x="33" y="5190"/>
                    </a:lnTo>
                    <a:lnTo>
                      <a:pt x="35" y="5195"/>
                    </a:lnTo>
                    <a:lnTo>
                      <a:pt x="35" y="5201"/>
                    </a:lnTo>
                    <a:lnTo>
                      <a:pt x="29" y="5214"/>
                    </a:lnTo>
                    <a:lnTo>
                      <a:pt x="24" y="5227"/>
                    </a:lnTo>
                    <a:lnTo>
                      <a:pt x="24" y="5240"/>
                    </a:lnTo>
                    <a:lnTo>
                      <a:pt x="24" y="5252"/>
                    </a:lnTo>
                    <a:lnTo>
                      <a:pt x="23" y="5256"/>
                    </a:lnTo>
                    <a:lnTo>
                      <a:pt x="20" y="5260"/>
                    </a:lnTo>
                    <a:lnTo>
                      <a:pt x="18" y="5264"/>
                    </a:lnTo>
                    <a:lnTo>
                      <a:pt x="14" y="5266"/>
                    </a:lnTo>
                    <a:lnTo>
                      <a:pt x="10" y="5268"/>
                    </a:lnTo>
                    <a:lnTo>
                      <a:pt x="6" y="5268"/>
                    </a:lnTo>
                    <a:lnTo>
                      <a:pt x="3" y="5265"/>
                    </a:lnTo>
                    <a:lnTo>
                      <a:pt x="1" y="5261"/>
                    </a:lnTo>
                    <a:lnTo>
                      <a:pt x="0" y="5240"/>
                    </a:lnTo>
                    <a:close/>
                    <a:moveTo>
                      <a:pt x="1457" y="5521"/>
                    </a:moveTo>
                    <a:lnTo>
                      <a:pt x="1461" y="5520"/>
                    </a:lnTo>
                    <a:lnTo>
                      <a:pt x="1463" y="5519"/>
                    </a:lnTo>
                    <a:lnTo>
                      <a:pt x="1466" y="5516"/>
                    </a:lnTo>
                    <a:lnTo>
                      <a:pt x="1467" y="5514"/>
                    </a:lnTo>
                    <a:lnTo>
                      <a:pt x="1467" y="5508"/>
                    </a:lnTo>
                    <a:lnTo>
                      <a:pt x="1465" y="5503"/>
                    </a:lnTo>
                    <a:lnTo>
                      <a:pt x="1461" y="5498"/>
                    </a:lnTo>
                    <a:lnTo>
                      <a:pt x="1454" y="5492"/>
                    </a:lnTo>
                    <a:lnTo>
                      <a:pt x="1443" y="5483"/>
                    </a:lnTo>
                    <a:lnTo>
                      <a:pt x="1432" y="5477"/>
                    </a:lnTo>
                    <a:lnTo>
                      <a:pt x="1423" y="5475"/>
                    </a:lnTo>
                    <a:lnTo>
                      <a:pt x="1413" y="5472"/>
                    </a:lnTo>
                    <a:lnTo>
                      <a:pt x="1408" y="5471"/>
                    </a:lnTo>
                    <a:lnTo>
                      <a:pt x="1404" y="5470"/>
                    </a:lnTo>
                    <a:lnTo>
                      <a:pt x="1400" y="5467"/>
                    </a:lnTo>
                    <a:lnTo>
                      <a:pt x="1397" y="5463"/>
                    </a:lnTo>
                    <a:lnTo>
                      <a:pt x="1391" y="5453"/>
                    </a:lnTo>
                    <a:lnTo>
                      <a:pt x="1386" y="5448"/>
                    </a:lnTo>
                    <a:lnTo>
                      <a:pt x="1383" y="5445"/>
                    </a:lnTo>
                    <a:lnTo>
                      <a:pt x="1379" y="5444"/>
                    </a:lnTo>
                    <a:lnTo>
                      <a:pt x="1374" y="5442"/>
                    </a:lnTo>
                    <a:lnTo>
                      <a:pt x="1368" y="5442"/>
                    </a:lnTo>
                    <a:lnTo>
                      <a:pt x="1344" y="5444"/>
                    </a:lnTo>
                    <a:lnTo>
                      <a:pt x="1330" y="5444"/>
                    </a:lnTo>
                    <a:lnTo>
                      <a:pt x="1329" y="5442"/>
                    </a:lnTo>
                    <a:lnTo>
                      <a:pt x="1327" y="5441"/>
                    </a:lnTo>
                    <a:lnTo>
                      <a:pt x="1326" y="5437"/>
                    </a:lnTo>
                    <a:lnTo>
                      <a:pt x="1326" y="5435"/>
                    </a:lnTo>
                    <a:lnTo>
                      <a:pt x="1327" y="5424"/>
                    </a:lnTo>
                    <a:lnTo>
                      <a:pt x="1334" y="5409"/>
                    </a:lnTo>
                    <a:lnTo>
                      <a:pt x="1334" y="5405"/>
                    </a:lnTo>
                    <a:lnTo>
                      <a:pt x="1334" y="5401"/>
                    </a:lnTo>
                    <a:lnTo>
                      <a:pt x="1333" y="5398"/>
                    </a:lnTo>
                    <a:lnTo>
                      <a:pt x="1330" y="5396"/>
                    </a:lnTo>
                    <a:lnTo>
                      <a:pt x="1325" y="5391"/>
                    </a:lnTo>
                    <a:lnTo>
                      <a:pt x="1320" y="5384"/>
                    </a:lnTo>
                    <a:lnTo>
                      <a:pt x="1318" y="5378"/>
                    </a:lnTo>
                    <a:lnTo>
                      <a:pt x="1317" y="5367"/>
                    </a:lnTo>
                    <a:lnTo>
                      <a:pt x="1317" y="5354"/>
                    </a:lnTo>
                    <a:lnTo>
                      <a:pt x="1317" y="5340"/>
                    </a:lnTo>
                    <a:lnTo>
                      <a:pt x="1317" y="5313"/>
                    </a:lnTo>
                    <a:lnTo>
                      <a:pt x="1317" y="5292"/>
                    </a:lnTo>
                    <a:lnTo>
                      <a:pt x="1318" y="5274"/>
                    </a:lnTo>
                    <a:lnTo>
                      <a:pt x="1320" y="5256"/>
                    </a:lnTo>
                    <a:lnTo>
                      <a:pt x="1321" y="5238"/>
                    </a:lnTo>
                    <a:lnTo>
                      <a:pt x="1322" y="5220"/>
                    </a:lnTo>
                    <a:lnTo>
                      <a:pt x="1324" y="5208"/>
                    </a:lnTo>
                    <a:lnTo>
                      <a:pt x="1326" y="5199"/>
                    </a:lnTo>
                    <a:lnTo>
                      <a:pt x="1329" y="5188"/>
                    </a:lnTo>
                    <a:lnTo>
                      <a:pt x="1333" y="5179"/>
                    </a:lnTo>
                    <a:lnTo>
                      <a:pt x="1337" y="5169"/>
                    </a:lnTo>
                    <a:lnTo>
                      <a:pt x="1340" y="5160"/>
                    </a:lnTo>
                    <a:lnTo>
                      <a:pt x="1343" y="5152"/>
                    </a:lnTo>
                    <a:lnTo>
                      <a:pt x="1344" y="5143"/>
                    </a:lnTo>
                    <a:lnTo>
                      <a:pt x="1344" y="5141"/>
                    </a:lnTo>
                    <a:lnTo>
                      <a:pt x="1343" y="5138"/>
                    </a:lnTo>
                    <a:lnTo>
                      <a:pt x="1340" y="5137"/>
                    </a:lnTo>
                    <a:lnTo>
                      <a:pt x="1338" y="5137"/>
                    </a:lnTo>
                    <a:lnTo>
                      <a:pt x="1331" y="5137"/>
                    </a:lnTo>
                    <a:lnTo>
                      <a:pt x="1324" y="5141"/>
                    </a:lnTo>
                    <a:lnTo>
                      <a:pt x="1317" y="5144"/>
                    </a:lnTo>
                    <a:lnTo>
                      <a:pt x="1311" y="5151"/>
                    </a:lnTo>
                    <a:lnTo>
                      <a:pt x="1307" y="5155"/>
                    </a:lnTo>
                    <a:lnTo>
                      <a:pt x="1305" y="5159"/>
                    </a:lnTo>
                    <a:lnTo>
                      <a:pt x="1304" y="5163"/>
                    </a:lnTo>
                    <a:lnTo>
                      <a:pt x="1304" y="5166"/>
                    </a:lnTo>
                    <a:lnTo>
                      <a:pt x="1304" y="5187"/>
                    </a:lnTo>
                    <a:lnTo>
                      <a:pt x="1305" y="5217"/>
                    </a:lnTo>
                    <a:lnTo>
                      <a:pt x="1305" y="5233"/>
                    </a:lnTo>
                    <a:lnTo>
                      <a:pt x="1305" y="5245"/>
                    </a:lnTo>
                    <a:lnTo>
                      <a:pt x="1304" y="5257"/>
                    </a:lnTo>
                    <a:lnTo>
                      <a:pt x="1302" y="5264"/>
                    </a:lnTo>
                    <a:lnTo>
                      <a:pt x="1298" y="5268"/>
                    </a:lnTo>
                    <a:lnTo>
                      <a:pt x="1294" y="5271"/>
                    </a:lnTo>
                    <a:lnTo>
                      <a:pt x="1289" y="5275"/>
                    </a:lnTo>
                    <a:lnTo>
                      <a:pt x="1283" y="5277"/>
                    </a:lnTo>
                    <a:lnTo>
                      <a:pt x="1278" y="5278"/>
                    </a:lnTo>
                    <a:lnTo>
                      <a:pt x="1273" y="5277"/>
                    </a:lnTo>
                    <a:lnTo>
                      <a:pt x="1268" y="5274"/>
                    </a:lnTo>
                    <a:lnTo>
                      <a:pt x="1264" y="5270"/>
                    </a:lnTo>
                    <a:lnTo>
                      <a:pt x="1260" y="5261"/>
                    </a:lnTo>
                    <a:lnTo>
                      <a:pt x="1255" y="5245"/>
                    </a:lnTo>
                    <a:lnTo>
                      <a:pt x="1254" y="5238"/>
                    </a:lnTo>
                    <a:lnTo>
                      <a:pt x="1251" y="5231"/>
                    </a:lnTo>
                    <a:lnTo>
                      <a:pt x="1248" y="5227"/>
                    </a:lnTo>
                    <a:lnTo>
                      <a:pt x="1246" y="5226"/>
                    </a:lnTo>
                    <a:lnTo>
                      <a:pt x="1242" y="5239"/>
                    </a:lnTo>
                    <a:lnTo>
                      <a:pt x="1237" y="5251"/>
                    </a:lnTo>
                    <a:lnTo>
                      <a:pt x="1230" y="5264"/>
                    </a:lnTo>
                    <a:lnTo>
                      <a:pt x="1225" y="5277"/>
                    </a:lnTo>
                    <a:lnTo>
                      <a:pt x="1224" y="5282"/>
                    </a:lnTo>
                    <a:lnTo>
                      <a:pt x="1225" y="5288"/>
                    </a:lnTo>
                    <a:lnTo>
                      <a:pt x="1228" y="5295"/>
                    </a:lnTo>
                    <a:lnTo>
                      <a:pt x="1230" y="5302"/>
                    </a:lnTo>
                    <a:lnTo>
                      <a:pt x="1234" y="5310"/>
                    </a:lnTo>
                    <a:lnTo>
                      <a:pt x="1237" y="5318"/>
                    </a:lnTo>
                    <a:lnTo>
                      <a:pt x="1239" y="5326"/>
                    </a:lnTo>
                    <a:lnTo>
                      <a:pt x="1239" y="5334"/>
                    </a:lnTo>
                    <a:lnTo>
                      <a:pt x="1239" y="5350"/>
                    </a:lnTo>
                    <a:lnTo>
                      <a:pt x="1237" y="5365"/>
                    </a:lnTo>
                    <a:lnTo>
                      <a:pt x="1234" y="5378"/>
                    </a:lnTo>
                    <a:lnTo>
                      <a:pt x="1230" y="5388"/>
                    </a:lnTo>
                    <a:lnTo>
                      <a:pt x="1217" y="5407"/>
                    </a:lnTo>
                    <a:lnTo>
                      <a:pt x="1199" y="5431"/>
                    </a:lnTo>
                    <a:lnTo>
                      <a:pt x="1195" y="5439"/>
                    </a:lnTo>
                    <a:lnTo>
                      <a:pt x="1193" y="5446"/>
                    </a:lnTo>
                    <a:lnTo>
                      <a:pt x="1190" y="5454"/>
                    </a:lnTo>
                    <a:lnTo>
                      <a:pt x="1190" y="5462"/>
                    </a:lnTo>
                    <a:lnTo>
                      <a:pt x="1190" y="5477"/>
                    </a:lnTo>
                    <a:lnTo>
                      <a:pt x="1190" y="5493"/>
                    </a:lnTo>
                    <a:lnTo>
                      <a:pt x="1190" y="5501"/>
                    </a:lnTo>
                    <a:lnTo>
                      <a:pt x="1190" y="5507"/>
                    </a:lnTo>
                    <a:lnTo>
                      <a:pt x="1188" y="5512"/>
                    </a:lnTo>
                    <a:lnTo>
                      <a:pt x="1185" y="5516"/>
                    </a:lnTo>
                    <a:lnTo>
                      <a:pt x="1180" y="5520"/>
                    </a:lnTo>
                    <a:lnTo>
                      <a:pt x="1175" y="5523"/>
                    </a:lnTo>
                    <a:lnTo>
                      <a:pt x="1166" y="5523"/>
                    </a:lnTo>
                    <a:lnTo>
                      <a:pt x="1155" y="5523"/>
                    </a:lnTo>
                    <a:lnTo>
                      <a:pt x="1134" y="5521"/>
                    </a:lnTo>
                    <a:lnTo>
                      <a:pt x="1105" y="5521"/>
                    </a:lnTo>
                    <a:lnTo>
                      <a:pt x="1090" y="5520"/>
                    </a:lnTo>
                    <a:lnTo>
                      <a:pt x="1079" y="5519"/>
                    </a:lnTo>
                    <a:lnTo>
                      <a:pt x="1074" y="5518"/>
                    </a:lnTo>
                    <a:lnTo>
                      <a:pt x="1070" y="5516"/>
                    </a:lnTo>
                    <a:lnTo>
                      <a:pt x="1067" y="5514"/>
                    </a:lnTo>
                    <a:lnTo>
                      <a:pt x="1067" y="5511"/>
                    </a:lnTo>
                    <a:lnTo>
                      <a:pt x="1068" y="5499"/>
                    </a:lnTo>
                    <a:lnTo>
                      <a:pt x="1071" y="5485"/>
                    </a:lnTo>
                    <a:lnTo>
                      <a:pt x="1071" y="5480"/>
                    </a:lnTo>
                    <a:lnTo>
                      <a:pt x="1070" y="5473"/>
                    </a:lnTo>
                    <a:lnTo>
                      <a:pt x="1067" y="5468"/>
                    </a:lnTo>
                    <a:lnTo>
                      <a:pt x="1062" y="5463"/>
                    </a:lnTo>
                    <a:lnTo>
                      <a:pt x="1057" y="5462"/>
                    </a:lnTo>
                    <a:lnTo>
                      <a:pt x="1050" y="5462"/>
                    </a:lnTo>
                    <a:lnTo>
                      <a:pt x="1042" y="5462"/>
                    </a:lnTo>
                    <a:lnTo>
                      <a:pt x="1033" y="5463"/>
                    </a:lnTo>
                    <a:lnTo>
                      <a:pt x="1017" y="5466"/>
                    </a:lnTo>
                    <a:lnTo>
                      <a:pt x="1004" y="5468"/>
                    </a:lnTo>
                    <a:lnTo>
                      <a:pt x="1007" y="5472"/>
                    </a:lnTo>
                    <a:lnTo>
                      <a:pt x="1011" y="5477"/>
                    </a:lnTo>
                    <a:lnTo>
                      <a:pt x="1014" y="5483"/>
                    </a:lnTo>
                    <a:lnTo>
                      <a:pt x="1015" y="5488"/>
                    </a:lnTo>
                    <a:lnTo>
                      <a:pt x="1017" y="5493"/>
                    </a:lnTo>
                    <a:lnTo>
                      <a:pt x="1017" y="5499"/>
                    </a:lnTo>
                    <a:lnTo>
                      <a:pt x="1015" y="5505"/>
                    </a:lnTo>
                    <a:lnTo>
                      <a:pt x="1014" y="5511"/>
                    </a:lnTo>
                    <a:lnTo>
                      <a:pt x="1011" y="5516"/>
                    </a:lnTo>
                    <a:lnTo>
                      <a:pt x="1009" y="5523"/>
                    </a:lnTo>
                    <a:lnTo>
                      <a:pt x="1006" y="5528"/>
                    </a:lnTo>
                    <a:lnTo>
                      <a:pt x="1002" y="5532"/>
                    </a:lnTo>
                    <a:lnTo>
                      <a:pt x="997" y="5536"/>
                    </a:lnTo>
                    <a:lnTo>
                      <a:pt x="993" y="5540"/>
                    </a:lnTo>
                    <a:lnTo>
                      <a:pt x="988" y="5542"/>
                    </a:lnTo>
                    <a:lnTo>
                      <a:pt x="983" y="5543"/>
                    </a:lnTo>
                    <a:lnTo>
                      <a:pt x="974" y="5546"/>
                    </a:lnTo>
                    <a:lnTo>
                      <a:pt x="967" y="5550"/>
                    </a:lnTo>
                    <a:lnTo>
                      <a:pt x="962" y="5554"/>
                    </a:lnTo>
                    <a:lnTo>
                      <a:pt x="958" y="5558"/>
                    </a:lnTo>
                    <a:lnTo>
                      <a:pt x="953" y="5567"/>
                    </a:lnTo>
                    <a:lnTo>
                      <a:pt x="949" y="5576"/>
                    </a:lnTo>
                    <a:lnTo>
                      <a:pt x="947" y="5585"/>
                    </a:lnTo>
                    <a:lnTo>
                      <a:pt x="941" y="5594"/>
                    </a:lnTo>
                    <a:lnTo>
                      <a:pt x="938" y="5598"/>
                    </a:lnTo>
                    <a:lnTo>
                      <a:pt x="934" y="5600"/>
                    </a:lnTo>
                    <a:lnTo>
                      <a:pt x="927" y="5603"/>
                    </a:lnTo>
                    <a:lnTo>
                      <a:pt x="921" y="5604"/>
                    </a:lnTo>
                    <a:lnTo>
                      <a:pt x="904" y="5604"/>
                    </a:lnTo>
                    <a:lnTo>
                      <a:pt x="887" y="5604"/>
                    </a:lnTo>
                    <a:lnTo>
                      <a:pt x="883" y="5604"/>
                    </a:lnTo>
                    <a:lnTo>
                      <a:pt x="879" y="5604"/>
                    </a:lnTo>
                    <a:lnTo>
                      <a:pt x="878" y="5606"/>
                    </a:lnTo>
                    <a:lnTo>
                      <a:pt x="877" y="5608"/>
                    </a:lnTo>
                    <a:lnTo>
                      <a:pt x="875" y="5611"/>
                    </a:lnTo>
                    <a:lnTo>
                      <a:pt x="877" y="5613"/>
                    </a:lnTo>
                    <a:lnTo>
                      <a:pt x="879" y="5617"/>
                    </a:lnTo>
                    <a:lnTo>
                      <a:pt x="883" y="5622"/>
                    </a:lnTo>
                    <a:lnTo>
                      <a:pt x="887" y="5628"/>
                    </a:lnTo>
                    <a:lnTo>
                      <a:pt x="888" y="5633"/>
                    </a:lnTo>
                    <a:lnTo>
                      <a:pt x="888" y="5638"/>
                    </a:lnTo>
                    <a:lnTo>
                      <a:pt x="887" y="5642"/>
                    </a:lnTo>
                    <a:lnTo>
                      <a:pt x="884" y="5647"/>
                    </a:lnTo>
                    <a:lnTo>
                      <a:pt x="882" y="5651"/>
                    </a:lnTo>
                    <a:lnTo>
                      <a:pt x="877" y="5655"/>
                    </a:lnTo>
                    <a:lnTo>
                      <a:pt x="871" y="5660"/>
                    </a:lnTo>
                    <a:lnTo>
                      <a:pt x="847" y="5674"/>
                    </a:lnTo>
                    <a:lnTo>
                      <a:pt x="824" y="5685"/>
                    </a:lnTo>
                    <a:lnTo>
                      <a:pt x="816" y="5689"/>
                    </a:lnTo>
                    <a:lnTo>
                      <a:pt x="808" y="5695"/>
                    </a:lnTo>
                    <a:lnTo>
                      <a:pt x="800" y="5701"/>
                    </a:lnTo>
                    <a:lnTo>
                      <a:pt x="791" y="5709"/>
                    </a:lnTo>
                    <a:lnTo>
                      <a:pt x="774" y="5726"/>
                    </a:lnTo>
                    <a:lnTo>
                      <a:pt x="756" y="5744"/>
                    </a:lnTo>
                    <a:lnTo>
                      <a:pt x="738" y="5761"/>
                    </a:lnTo>
                    <a:lnTo>
                      <a:pt x="721" y="5777"/>
                    </a:lnTo>
                    <a:lnTo>
                      <a:pt x="713" y="5782"/>
                    </a:lnTo>
                    <a:lnTo>
                      <a:pt x="704" y="5786"/>
                    </a:lnTo>
                    <a:lnTo>
                      <a:pt x="698" y="5790"/>
                    </a:lnTo>
                    <a:lnTo>
                      <a:pt x="690" y="5790"/>
                    </a:lnTo>
                    <a:lnTo>
                      <a:pt x="677" y="5804"/>
                    </a:lnTo>
                    <a:lnTo>
                      <a:pt x="658" y="5822"/>
                    </a:lnTo>
                    <a:lnTo>
                      <a:pt x="638" y="5837"/>
                    </a:lnTo>
                    <a:lnTo>
                      <a:pt x="623" y="5849"/>
                    </a:lnTo>
                    <a:lnTo>
                      <a:pt x="619" y="5850"/>
                    </a:lnTo>
                    <a:lnTo>
                      <a:pt x="615" y="5852"/>
                    </a:lnTo>
                    <a:lnTo>
                      <a:pt x="611" y="5852"/>
                    </a:lnTo>
                    <a:lnTo>
                      <a:pt x="608" y="5850"/>
                    </a:lnTo>
                    <a:lnTo>
                      <a:pt x="602" y="5847"/>
                    </a:lnTo>
                    <a:lnTo>
                      <a:pt x="597" y="5841"/>
                    </a:lnTo>
                    <a:lnTo>
                      <a:pt x="589" y="5828"/>
                    </a:lnTo>
                    <a:lnTo>
                      <a:pt x="580" y="5819"/>
                    </a:lnTo>
                    <a:lnTo>
                      <a:pt x="572" y="5817"/>
                    </a:lnTo>
                    <a:lnTo>
                      <a:pt x="566" y="5815"/>
                    </a:lnTo>
                    <a:lnTo>
                      <a:pt x="558" y="5817"/>
                    </a:lnTo>
                    <a:lnTo>
                      <a:pt x="551" y="5819"/>
                    </a:lnTo>
                    <a:lnTo>
                      <a:pt x="536" y="5827"/>
                    </a:lnTo>
                    <a:lnTo>
                      <a:pt x="520" y="5837"/>
                    </a:lnTo>
                    <a:lnTo>
                      <a:pt x="506" y="5850"/>
                    </a:lnTo>
                    <a:lnTo>
                      <a:pt x="491" y="5861"/>
                    </a:lnTo>
                    <a:lnTo>
                      <a:pt x="483" y="5866"/>
                    </a:lnTo>
                    <a:lnTo>
                      <a:pt x="475" y="5870"/>
                    </a:lnTo>
                    <a:lnTo>
                      <a:pt x="467" y="5872"/>
                    </a:lnTo>
                    <a:lnTo>
                      <a:pt x="459" y="5872"/>
                    </a:lnTo>
                    <a:lnTo>
                      <a:pt x="449" y="5872"/>
                    </a:lnTo>
                    <a:lnTo>
                      <a:pt x="439" y="5869"/>
                    </a:lnTo>
                    <a:lnTo>
                      <a:pt x="430" y="5863"/>
                    </a:lnTo>
                    <a:lnTo>
                      <a:pt x="421" y="5858"/>
                    </a:lnTo>
                    <a:lnTo>
                      <a:pt x="412" y="5852"/>
                    </a:lnTo>
                    <a:lnTo>
                      <a:pt x="404" y="5848"/>
                    </a:lnTo>
                    <a:lnTo>
                      <a:pt x="400" y="5847"/>
                    </a:lnTo>
                    <a:lnTo>
                      <a:pt x="395" y="5845"/>
                    </a:lnTo>
                    <a:lnTo>
                      <a:pt x="391" y="5844"/>
                    </a:lnTo>
                    <a:lnTo>
                      <a:pt x="387" y="5845"/>
                    </a:lnTo>
                    <a:lnTo>
                      <a:pt x="374" y="5848"/>
                    </a:lnTo>
                    <a:lnTo>
                      <a:pt x="365" y="5849"/>
                    </a:lnTo>
                    <a:lnTo>
                      <a:pt x="361" y="5849"/>
                    </a:lnTo>
                    <a:lnTo>
                      <a:pt x="356" y="5847"/>
                    </a:lnTo>
                    <a:lnTo>
                      <a:pt x="351" y="5843"/>
                    </a:lnTo>
                    <a:lnTo>
                      <a:pt x="345" y="5837"/>
                    </a:lnTo>
                    <a:lnTo>
                      <a:pt x="338" y="5828"/>
                    </a:lnTo>
                    <a:lnTo>
                      <a:pt x="330" y="5818"/>
                    </a:lnTo>
                    <a:lnTo>
                      <a:pt x="326" y="5814"/>
                    </a:lnTo>
                    <a:lnTo>
                      <a:pt x="321" y="5810"/>
                    </a:lnTo>
                    <a:lnTo>
                      <a:pt x="317" y="5806"/>
                    </a:lnTo>
                    <a:lnTo>
                      <a:pt x="312" y="5804"/>
                    </a:lnTo>
                    <a:lnTo>
                      <a:pt x="300" y="5801"/>
                    </a:lnTo>
                    <a:lnTo>
                      <a:pt x="291" y="5801"/>
                    </a:lnTo>
                    <a:lnTo>
                      <a:pt x="283" y="5803"/>
                    </a:lnTo>
                    <a:lnTo>
                      <a:pt x="277" y="5806"/>
                    </a:lnTo>
                    <a:lnTo>
                      <a:pt x="269" y="5809"/>
                    </a:lnTo>
                    <a:lnTo>
                      <a:pt x="263" y="5813"/>
                    </a:lnTo>
                    <a:lnTo>
                      <a:pt x="255" y="5815"/>
                    </a:lnTo>
                    <a:lnTo>
                      <a:pt x="244" y="5818"/>
                    </a:lnTo>
                    <a:lnTo>
                      <a:pt x="241" y="5818"/>
                    </a:lnTo>
                    <a:lnTo>
                      <a:pt x="238" y="5818"/>
                    </a:lnTo>
                    <a:lnTo>
                      <a:pt x="234" y="5817"/>
                    </a:lnTo>
                    <a:lnTo>
                      <a:pt x="230" y="5814"/>
                    </a:lnTo>
                    <a:lnTo>
                      <a:pt x="225" y="5809"/>
                    </a:lnTo>
                    <a:lnTo>
                      <a:pt x="220" y="5801"/>
                    </a:lnTo>
                    <a:lnTo>
                      <a:pt x="217" y="5793"/>
                    </a:lnTo>
                    <a:lnTo>
                      <a:pt x="216" y="5786"/>
                    </a:lnTo>
                    <a:lnTo>
                      <a:pt x="217" y="5782"/>
                    </a:lnTo>
                    <a:lnTo>
                      <a:pt x="217" y="5778"/>
                    </a:lnTo>
                    <a:lnTo>
                      <a:pt x="220" y="5774"/>
                    </a:lnTo>
                    <a:lnTo>
                      <a:pt x="222" y="5771"/>
                    </a:lnTo>
                    <a:lnTo>
                      <a:pt x="229" y="5766"/>
                    </a:lnTo>
                    <a:lnTo>
                      <a:pt x="237" y="5762"/>
                    </a:lnTo>
                    <a:lnTo>
                      <a:pt x="244" y="5758"/>
                    </a:lnTo>
                    <a:lnTo>
                      <a:pt x="252" y="5756"/>
                    </a:lnTo>
                    <a:lnTo>
                      <a:pt x="268" y="5752"/>
                    </a:lnTo>
                    <a:lnTo>
                      <a:pt x="282" y="5744"/>
                    </a:lnTo>
                    <a:lnTo>
                      <a:pt x="286" y="5740"/>
                    </a:lnTo>
                    <a:lnTo>
                      <a:pt x="290" y="5738"/>
                    </a:lnTo>
                    <a:lnTo>
                      <a:pt x="291" y="5734"/>
                    </a:lnTo>
                    <a:lnTo>
                      <a:pt x="291" y="5731"/>
                    </a:lnTo>
                    <a:lnTo>
                      <a:pt x="290" y="5729"/>
                    </a:lnTo>
                    <a:lnTo>
                      <a:pt x="288" y="5726"/>
                    </a:lnTo>
                    <a:lnTo>
                      <a:pt x="285" y="5723"/>
                    </a:lnTo>
                    <a:lnTo>
                      <a:pt x="282" y="5721"/>
                    </a:lnTo>
                    <a:lnTo>
                      <a:pt x="264" y="5714"/>
                    </a:lnTo>
                    <a:lnTo>
                      <a:pt x="247" y="5711"/>
                    </a:lnTo>
                    <a:lnTo>
                      <a:pt x="237" y="5707"/>
                    </a:lnTo>
                    <a:lnTo>
                      <a:pt x="226" y="5701"/>
                    </a:lnTo>
                    <a:lnTo>
                      <a:pt x="215" y="5695"/>
                    </a:lnTo>
                    <a:lnTo>
                      <a:pt x="204" y="5687"/>
                    </a:lnTo>
                    <a:lnTo>
                      <a:pt x="185" y="5670"/>
                    </a:lnTo>
                    <a:lnTo>
                      <a:pt x="168" y="5654"/>
                    </a:lnTo>
                    <a:lnTo>
                      <a:pt x="156" y="5641"/>
                    </a:lnTo>
                    <a:lnTo>
                      <a:pt x="143" y="5629"/>
                    </a:lnTo>
                    <a:lnTo>
                      <a:pt x="129" y="5617"/>
                    </a:lnTo>
                    <a:lnTo>
                      <a:pt x="116" y="5606"/>
                    </a:lnTo>
                    <a:lnTo>
                      <a:pt x="102" y="5595"/>
                    </a:lnTo>
                    <a:lnTo>
                      <a:pt x="89" y="5584"/>
                    </a:lnTo>
                    <a:lnTo>
                      <a:pt x="76" y="5572"/>
                    </a:lnTo>
                    <a:lnTo>
                      <a:pt x="64" y="5559"/>
                    </a:lnTo>
                    <a:lnTo>
                      <a:pt x="59" y="5547"/>
                    </a:lnTo>
                    <a:lnTo>
                      <a:pt x="55" y="5536"/>
                    </a:lnTo>
                    <a:lnTo>
                      <a:pt x="53" y="5523"/>
                    </a:lnTo>
                    <a:lnTo>
                      <a:pt x="50" y="5510"/>
                    </a:lnTo>
                    <a:lnTo>
                      <a:pt x="46" y="5484"/>
                    </a:lnTo>
                    <a:lnTo>
                      <a:pt x="45" y="5458"/>
                    </a:lnTo>
                    <a:lnTo>
                      <a:pt x="45" y="5431"/>
                    </a:lnTo>
                    <a:lnTo>
                      <a:pt x="48" y="5404"/>
                    </a:lnTo>
                    <a:lnTo>
                      <a:pt x="51" y="5379"/>
                    </a:lnTo>
                    <a:lnTo>
                      <a:pt x="58" y="5354"/>
                    </a:lnTo>
                    <a:lnTo>
                      <a:pt x="62" y="5345"/>
                    </a:lnTo>
                    <a:lnTo>
                      <a:pt x="66" y="5340"/>
                    </a:lnTo>
                    <a:lnTo>
                      <a:pt x="71" y="5336"/>
                    </a:lnTo>
                    <a:lnTo>
                      <a:pt x="75" y="5335"/>
                    </a:lnTo>
                    <a:lnTo>
                      <a:pt x="81" y="5336"/>
                    </a:lnTo>
                    <a:lnTo>
                      <a:pt x="86" y="5339"/>
                    </a:lnTo>
                    <a:lnTo>
                      <a:pt x="92" y="5343"/>
                    </a:lnTo>
                    <a:lnTo>
                      <a:pt x="97" y="5347"/>
                    </a:lnTo>
                    <a:lnTo>
                      <a:pt x="117" y="5372"/>
                    </a:lnTo>
                    <a:lnTo>
                      <a:pt x="132" y="5389"/>
                    </a:lnTo>
                    <a:lnTo>
                      <a:pt x="151" y="5406"/>
                    </a:lnTo>
                    <a:lnTo>
                      <a:pt x="165" y="5418"/>
                    </a:lnTo>
                    <a:lnTo>
                      <a:pt x="171" y="5422"/>
                    </a:lnTo>
                    <a:lnTo>
                      <a:pt x="176" y="5424"/>
                    </a:lnTo>
                    <a:lnTo>
                      <a:pt x="180" y="5424"/>
                    </a:lnTo>
                    <a:lnTo>
                      <a:pt x="184" y="5424"/>
                    </a:lnTo>
                    <a:lnTo>
                      <a:pt x="185" y="5424"/>
                    </a:lnTo>
                    <a:lnTo>
                      <a:pt x="187" y="5422"/>
                    </a:lnTo>
                    <a:lnTo>
                      <a:pt x="189" y="5419"/>
                    </a:lnTo>
                    <a:lnTo>
                      <a:pt x="189" y="5415"/>
                    </a:lnTo>
                    <a:lnTo>
                      <a:pt x="190" y="5406"/>
                    </a:lnTo>
                    <a:lnTo>
                      <a:pt x="189" y="5393"/>
                    </a:lnTo>
                    <a:lnTo>
                      <a:pt x="186" y="5365"/>
                    </a:lnTo>
                    <a:lnTo>
                      <a:pt x="186" y="5332"/>
                    </a:lnTo>
                    <a:lnTo>
                      <a:pt x="189" y="5317"/>
                    </a:lnTo>
                    <a:lnTo>
                      <a:pt x="193" y="5302"/>
                    </a:lnTo>
                    <a:lnTo>
                      <a:pt x="196" y="5296"/>
                    </a:lnTo>
                    <a:lnTo>
                      <a:pt x="200" y="5290"/>
                    </a:lnTo>
                    <a:lnTo>
                      <a:pt x="206" y="5284"/>
                    </a:lnTo>
                    <a:lnTo>
                      <a:pt x="211" y="5279"/>
                    </a:lnTo>
                    <a:lnTo>
                      <a:pt x="222" y="5274"/>
                    </a:lnTo>
                    <a:lnTo>
                      <a:pt x="237" y="5266"/>
                    </a:lnTo>
                    <a:lnTo>
                      <a:pt x="242" y="5262"/>
                    </a:lnTo>
                    <a:lnTo>
                      <a:pt x="244" y="5257"/>
                    </a:lnTo>
                    <a:lnTo>
                      <a:pt x="246" y="5255"/>
                    </a:lnTo>
                    <a:lnTo>
                      <a:pt x="244" y="5252"/>
                    </a:lnTo>
                    <a:lnTo>
                      <a:pt x="242" y="5249"/>
                    </a:lnTo>
                    <a:lnTo>
                      <a:pt x="239" y="5247"/>
                    </a:lnTo>
                    <a:lnTo>
                      <a:pt x="230" y="5238"/>
                    </a:lnTo>
                    <a:lnTo>
                      <a:pt x="224" y="5230"/>
                    </a:lnTo>
                    <a:lnTo>
                      <a:pt x="221" y="5227"/>
                    </a:lnTo>
                    <a:lnTo>
                      <a:pt x="220" y="5223"/>
                    </a:lnTo>
                    <a:lnTo>
                      <a:pt x="220" y="5220"/>
                    </a:lnTo>
                    <a:lnTo>
                      <a:pt x="220" y="5217"/>
                    </a:lnTo>
                    <a:lnTo>
                      <a:pt x="222" y="5211"/>
                    </a:lnTo>
                    <a:lnTo>
                      <a:pt x="228" y="5203"/>
                    </a:lnTo>
                    <a:lnTo>
                      <a:pt x="235" y="5195"/>
                    </a:lnTo>
                    <a:lnTo>
                      <a:pt x="246" y="5187"/>
                    </a:lnTo>
                    <a:lnTo>
                      <a:pt x="263" y="5176"/>
                    </a:lnTo>
                    <a:lnTo>
                      <a:pt x="285" y="5160"/>
                    </a:lnTo>
                    <a:lnTo>
                      <a:pt x="295" y="5151"/>
                    </a:lnTo>
                    <a:lnTo>
                      <a:pt x="304" y="5143"/>
                    </a:lnTo>
                    <a:lnTo>
                      <a:pt x="308" y="5139"/>
                    </a:lnTo>
                    <a:lnTo>
                      <a:pt x="310" y="5135"/>
                    </a:lnTo>
                    <a:lnTo>
                      <a:pt x="312" y="5131"/>
                    </a:lnTo>
                    <a:lnTo>
                      <a:pt x="313" y="5129"/>
                    </a:lnTo>
                    <a:lnTo>
                      <a:pt x="296" y="5126"/>
                    </a:lnTo>
                    <a:lnTo>
                      <a:pt x="283" y="5122"/>
                    </a:lnTo>
                    <a:lnTo>
                      <a:pt x="281" y="5122"/>
                    </a:lnTo>
                    <a:lnTo>
                      <a:pt x="277" y="5124"/>
                    </a:lnTo>
                    <a:lnTo>
                      <a:pt x="274" y="5125"/>
                    </a:lnTo>
                    <a:lnTo>
                      <a:pt x="270" y="5128"/>
                    </a:lnTo>
                    <a:lnTo>
                      <a:pt x="263" y="5135"/>
                    </a:lnTo>
                    <a:lnTo>
                      <a:pt x="253" y="5148"/>
                    </a:lnTo>
                    <a:lnTo>
                      <a:pt x="248" y="5156"/>
                    </a:lnTo>
                    <a:lnTo>
                      <a:pt x="241" y="5165"/>
                    </a:lnTo>
                    <a:lnTo>
                      <a:pt x="230" y="5174"/>
                    </a:lnTo>
                    <a:lnTo>
                      <a:pt x="221" y="5181"/>
                    </a:lnTo>
                    <a:lnTo>
                      <a:pt x="216" y="5182"/>
                    </a:lnTo>
                    <a:lnTo>
                      <a:pt x="212" y="5183"/>
                    </a:lnTo>
                    <a:lnTo>
                      <a:pt x="208" y="5183"/>
                    </a:lnTo>
                    <a:lnTo>
                      <a:pt x="206" y="5181"/>
                    </a:lnTo>
                    <a:lnTo>
                      <a:pt x="204" y="5178"/>
                    </a:lnTo>
                    <a:lnTo>
                      <a:pt x="203" y="5173"/>
                    </a:lnTo>
                    <a:lnTo>
                      <a:pt x="204" y="5166"/>
                    </a:lnTo>
                    <a:lnTo>
                      <a:pt x="206" y="5157"/>
                    </a:lnTo>
                    <a:lnTo>
                      <a:pt x="208" y="5147"/>
                    </a:lnTo>
                    <a:lnTo>
                      <a:pt x="207" y="5141"/>
                    </a:lnTo>
                    <a:lnTo>
                      <a:pt x="206" y="5138"/>
                    </a:lnTo>
                    <a:lnTo>
                      <a:pt x="204" y="5137"/>
                    </a:lnTo>
                    <a:lnTo>
                      <a:pt x="203" y="5135"/>
                    </a:lnTo>
                    <a:lnTo>
                      <a:pt x="200" y="5135"/>
                    </a:lnTo>
                    <a:lnTo>
                      <a:pt x="195" y="5135"/>
                    </a:lnTo>
                    <a:lnTo>
                      <a:pt x="190" y="5139"/>
                    </a:lnTo>
                    <a:lnTo>
                      <a:pt x="185" y="5144"/>
                    </a:lnTo>
                    <a:lnTo>
                      <a:pt x="180" y="5152"/>
                    </a:lnTo>
                    <a:lnTo>
                      <a:pt x="172" y="5173"/>
                    </a:lnTo>
                    <a:lnTo>
                      <a:pt x="164" y="5194"/>
                    </a:lnTo>
                    <a:lnTo>
                      <a:pt x="162" y="5198"/>
                    </a:lnTo>
                    <a:lnTo>
                      <a:pt x="159" y="5200"/>
                    </a:lnTo>
                    <a:lnTo>
                      <a:pt x="158" y="5203"/>
                    </a:lnTo>
                    <a:lnTo>
                      <a:pt x="154" y="5203"/>
                    </a:lnTo>
                    <a:lnTo>
                      <a:pt x="151" y="5201"/>
                    </a:lnTo>
                    <a:lnTo>
                      <a:pt x="147" y="5200"/>
                    </a:lnTo>
                    <a:lnTo>
                      <a:pt x="143" y="5195"/>
                    </a:lnTo>
                    <a:lnTo>
                      <a:pt x="138" y="5190"/>
                    </a:lnTo>
                    <a:lnTo>
                      <a:pt x="130" y="5179"/>
                    </a:lnTo>
                    <a:lnTo>
                      <a:pt x="124" y="5173"/>
                    </a:lnTo>
                    <a:lnTo>
                      <a:pt x="119" y="5169"/>
                    </a:lnTo>
                    <a:lnTo>
                      <a:pt x="115" y="5169"/>
                    </a:lnTo>
                    <a:lnTo>
                      <a:pt x="111" y="5170"/>
                    </a:lnTo>
                    <a:lnTo>
                      <a:pt x="107" y="5173"/>
                    </a:lnTo>
                    <a:lnTo>
                      <a:pt x="105" y="5177"/>
                    </a:lnTo>
                    <a:lnTo>
                      <a:pt x="102" y="5182"/>
                    </a:lnTo>
                    <a:lnTo>
                      <a:pt x="97" y="5194"/>
                    </a:lnTo>
                    <a:lnTo>
                      <a:pt x="90" y="5204"/>
                    </a:lnTo>
                    <a:lnTo>
                      <a:pt x="85" y="5207"/>
                    </a:lnTo>
                    <a:lnTo>
                      <a:pt x="81" y="5208"/>
                    </a:lnTo>
                    <a:lnTo>
                      <a:pt x="75" y="5208"/>
                    </a:lnTo>
                    <a:lnTo>
                      <a:pt x="68" y="5205"/>
                    </a:lnTo>
                    <a:lnTo>
                      <a:pt x="63" y="5201"/>
                    </a:lnTo>
                    <a:lnTo>
                      <a:pt x="60" y="5195"/>
                    </a:lnTo>
                    <a:lnTo>
                      <a:pt x="57" y="5187"/>
                    </a:lnTo>
                    <a:lnTo>
                      <a:pt x="54" y="5178"/>
                    </a:lnTo>
                    <a:lnTo>
                      <a:pt x="51" y="5156"/>
                    </a:lnTo>
                    <a:lnTo>
                      <a:pt x="50" y="5131"/>
                    </a:lnTo>
                    <a:lnTo>
                      <a:pt x="50" y="5107"/>
                    </a:lnTo>
                    <a:lnTo>
                      <a:pt x="53" y="5084"/>
                    </a:lnTo>
                    <a:lnTo>
                      <a:pt x="54" y="5073"/>
                    </a:lnTo>
                    <a:lnTo>
                      <a:pt x="57" y="5064"/>
                    </a:lnTo>
                    <a:lnTo>
                      <a:pt x="59" y="5056"/>
                    </a:lnTo>
                    <a:lnTo>
                      <a:pt x="62" y="5051"/>
                    </a:lnTo>
                    <a:lnTo>
                      <a:pt x="66" y="5046"/>
                    </a:lnTo>
                    <a:lnTo>
                      <a:pt x="72" y="5042"/>
                    </a:lnTo>
                    <a:lnTo>
                      <a:pt x="79" y="5038"/>
                    </a:lnTo>
                    <a:lnTo>
                      <a:pt x="86" y="5034"/>
                    </a:lnTo>
                    <a:lnTo>
                      <a:pt x="103" y="5028"/>
                    </a:lnTo>
                    <a:lnTo>
                      <a:pt x="117" y="5020"/>
                    </a:lnTo>
                    <a:lnTo>
                      <a:pt x="120" y="5024"/>
                    </a:lnTo>
                    <a:lnTo>
                      <a:pt x="121" y="5029"/>
                    </a:lnTo>
                    <a:lnTo>
                      <a:pt x="121" y="5034"/>
                    </a:lnTo>
                    <a:lnTo>
                      <a:pt x="121" y="5040"/>
                    </a:lnTo>
                    <a:lnTo>
                      <a:pt x="117" y="5050"/>
                    </a:lnTo>
                    <a:lnTo>
                      <a:pt x="114" y="5060"/>
                    </a:lnTo>
                    <a:lnTo>
                      <a:pt x="108" y="5072"/>
                    </a:lnTo>
                    <a:lnTo>
                      <a:pt x="105" y="5081"/>
                    </a:lnTo>
                    <a:lnTo>
                      <a:pt x="103" y="5086"/>
                    </a:lnTo>
                    <a:lnTo>
                      <a:pt x="103" y="5090"/>
                    </a:lnTo>
                    <a:lnTo>
                      <a:pt x="103" y="5094"/>
                    </a:lnTo>
                    <a:lnTo>
                      <a:pt x="105" y="5098"/>
                    </a:lnTo>
                    <a:lnTo>
                      <a:pt x="108" y="5100"/>
                    </a:lnTo>
                    <a:lnTo>
                      <a:pt x="111" y="5103"/>
                    </a:lnTo>
                    <a:lnTo>
                      <a:pt x="115" y="5103"/>
                    </a:lnTo>
                    <a:lnTo>
                      <a:pt x="119" y="5103"/>
                    </a:lnTo>
                    <a:lnTo>
                      <a:pt x="125" y="5099"/>
                    </a:lnTo>
                    <a:lnTo>
                      <a:pt x="133" y="5091"/>
                    </a:lnTo>
                    <a:lnTo>
                      <a:pt x="146" y="5074"/>
                    </a:lnTo>
                    <a:lnTo>
                      <a:pt x="155" y="5062"/>
                    </a:lnTo>
                    <a:lnTo>
                      <a:pt x="160" y="5058"/>
                    </a:lnTo>
                    <a:lnTo>
                      <a:pt x="165" y="5056"/>
                    </a:lnTo>
                    <a:lnTo>
                      <a:pt x="171" y="5056"/>
                    </a:lnTo>
                    <a:lnTo>
                      <a:pt x="176" y="5056"/>
                    </a:lnTo>
                    <a:lnTo>
                      <a:pt x="181" y="5056"/>
                    </a:lnTo>
                    <a:lnTo>
                      <a:pt x="186" y="5056"/>
                    </a:lnTo>
                    <a:lnTo>
                      <a:pt x="190" y="5054"/>
                    </a:lnTo>
                    <a:lnTo>
                      <a:pt x="194" y="5049"/>
                    </a:lnTo>
                    <a:lnTo>
                      <a:pt x="198" y="5043"/>
                    </a:lnTo>
                    <a:lnTo>
                      <a:pt x="200" y="5038"/>
                    </a:lnTo>
                    <a:lnTo>
                      <a:pt x="204" y="5034"/>
                    </a:lnTo>
                    <a:lnTo>
                      <a:pt x="208" y="5032"/>
                    </a:lnTo>
                    <a:lnTo>
                      <a:pt x="216" y="5028"/>
                    </a:lnTo>
                    <a:lnTo>
                      <a:pt x="225" y="5027"/>
                    </a:lnTo>
                    <a:lnTo>
                      <a:pt x="233" y="5027"/>
                    </a:lnTo>
                    <a:lnTo>
                      <a:pt x="242" y="5025"/>
                    </a:lnTo>
                    <a:lnTo>
                      <a:pt x="251" y="5023"/>
                    </a:lnTo>
                    <a:lnTo>
                      <a:pt x="259" y="5019"/>
                    </a:lnTo>
                    <a:lnTo>
                      <a:pt x="264" y="5014"/>
                    </a:lnTo>
                    <a:lnTo>
                      <a:pt x="266" y="5006"/>
                    </a:lnTo>
                    <a:lnTo>
                      <a:pt x="266" y="5002"/>
                    </a:lnTo>
                    <a:lnTo>
                      <a:pt x="265" y="4998"/>
                    </a:lnTo>
                    <a:lnTo>
                      <a:pt x="264" y="4995"/>
                    </a:lnTo>
                    <a:lnTo>
                      <a:pt x="261" y="4994"/>
                    </a:lnTo>
                    <a:lnTo>
                      <a:pt x="261" y="4992"/>
                    </a:lnTo>
                    <a:lnTo>
                      <a:pt x="237" y="4992"/>
                    </a:lnTo>
                    <a:lnTo>
                      <a:pt x="221" y="4989"/>
                    </a:lnTo>
                    <a:lnTo>
                      <a:pt x="216" y="4988"/>
                    </a:lnTo>
                    <a:lnTo>
                      <a:pt x="212" y="4985"/>
                    </a:lnTo>
                    <a:lnTo>
                      <a:pt x="211" y="4983"/>
                    </a:lnTo>
                    <a:lnTo>
                      <a:pt x="209" y="4980"/>
                    </a:lnTo>
                    <a:lnTo>
                      <a:pt x="211" y="4976"/>
                    </a:lnTo>
                    <a:lnTo>
                      <a:pt x="213" y="4972"/>
                    </a:lnTo>
                    <a:lnTo>
                      <a:pt x="216" y="4968"/>
                    </a:lnTo>
                    <a:lnTo>
                      <a:pt x="220" y="4963"/>
                    </a:lnTo>
                    <a:lnTo>
                      <a:pt x="231" y="4951"/>
                    </a:lnTo>
                    <a:lnTo>
                      <a:pt x="244" y="4938"/>
                    </a:lnTo>
                    <a:lnTo>
                      <a:pt x="266" y="4928"/>
                    </a:lnTo>
                    <a:lnTo>
                      <a:pt x="288" y="4915"/>
                    </a:lnTo>
                    <a:lnTo>
                      <a:pt x="309" y="4901"/>
                    </a:lnTo>
                    <a:lnTo>
                      <a:pt x="330" y="4885"/>
                    </a:lnTo>
                    <a:lnTo>
                      <a:pt x="334" y="4883"/>
                    </a:lnTo>
                    <a:lnTo>
                      <a:pt x="335" y="4880"/>
                    </a:lnTo>
                    <a:lnTo>
                      <a:pt x="336" y="4878"/>
                    </a:lnTo>
                    <a:lnTo>
                      <a:pt x="336" y="4875"/>
                    </a:lnTo>
                    <a:lnTo>
                      <a:pt x="333" y="4870"/>
                    </a:lnTo>
                    <a:lnTo>
                      <a:pt x="327" y="4865"/>
                    </a:lnTo>
                    <a:lnTo>
                      <a:pt x="321" y="4861"/>
                    </a:lnTo>
                    <a:lnTo>
                      <a:pt x="314" y="4856"/>
                    </a:lnTo>
                    <a:lnTo>
                      <a:pt x="313" y="4853"/>
                    </a:lnTo>
                    <a:lnTo>
                      <a:pt x="312" y="4849"/>
                    </a:lnTo>
                    <a:lnTo>
                      <a:pt x="310" y="4847"/>
                    </a:lnTo>
                    <a:lnTo>
                      <a:pt x="312" y="4843"/>
                    </a:lnTo>
                    <a:lnTo>
                      <a:pt x="317" y="4834"/>
                    </a:lnTo>
                    <a:lnTo>
                      <a:pt x="326" y="4822"/>
                    </a:lnTo>
                    <a:lnTo>
                      <a:pt x="340" y="4810"/>
                    </a:lnTo>
                    <a:lnTo>
                      <a:pt x="356" y="4797"/>
                    </a:lnTo>
                    <a:lnTo>
                      <a:pt x="373" y="4786"/>
                    </a:lnTo>
                    <a:lnTo>
                      <a:pt x="388" y="4777"/>
                    </a:lnTo>
                    <a:lnTo>
                      <a:pt x="395" y="4773"/>
                    </a:lnTo>
                    <a:lnTo>
                      <a:pt x="401" y="4770"/>
                    </a:lnTo>
                    <a:lnTo>
                      <a:pt x="406" y="4767"/>
                    </a:lnTo>
                    <a:lnTo>
                      <a:pt x="412" y="4767"/>
                    </a:lnTo>
                    <a:lnTo>
                      <a:pt x="414" y="4782"/>
                    </a:lnTo>
                    <a:lnTo>
                      <a:pt x="414" y="4795"/>
                    </a:lnTo>
                    <a:lnTo>
                      <a:pt x="414" y="4809"/>
                    </a:lnTo>
                    <a:lnTo>
                      <a:pt x="413" y="4822"/>
                    </a:lnTo>
                    <a:lnTo>
                      <a:pt x="409" y="4848"/>
                    </a:lnTo>
                    <a:lnTo>
                      <a:pt x="406" y="4875"/>
                    </a:lnTo>
                    <a:lnTo>
                      <a:pt x="408" y="4891"/>
                    </a:lnTo>
                    <a:lnTo>
                      <a:pt x="409" y="4901"/>
                    </a:lnTo>
                    <a:lnTo>
                      <a:pt x="410" y="4903"/>
                    </a:lnTo>
                    <a:lnTo>
                      <a:pt x="412" y="4905"/>
                    </a:lnTo>
                    <a:lnTo>
                      <a:pt x="413" y="4906"/>
                    </a:lnTo>
                    <a:lnTo>
                      <a:pt x="414" y="4905"/>
                    </a:lnTo>
                    <a:lnTo>
                      <a:pt x="417" y="4902"/>
                    </a:lnTo>
                    <a:lnTo>
                      <a:pt x="418" y="4896"/>
                    </a:lnTo>
                    <a:lnTo>
                      <a:pt x="419" y="4888"/>
                    </a:lnTo>
                    <a:lnTo>
                      <a:pt x="419" y="4878"/>
                    </a:lnTo>
                    <a:lnTo>
                      <a:pt x="419" y="4862"/>
                    </a:lnTo>
                    <a:lnTo>
                      <a:pt x="421" y="4848"/>
                    </a:lnTo>
                    <a:lnTo>
                      <a:pt x="423" y="4834"/>
                    </a:lnTo>
                    <a:lnTo>
                      <a:pt x="427" y="4821"/>
                    </a:lnTo>
                    <a:lnTo>
                      <a:pt x="432" y="4809"/>
                    </a:lnTo>
                    <a:lnTo>
                      <a:pt x="439" y="4797"/>
                    </a:lnTo>
                    <a:lnTo>
                      <a:pt x="447" y="4787"/>
                    </a:lnTo>
                    <a:lnTo>
                      <a:pt x="454" y="4778"/>
                    </a:lnTo>
                    <a:lnTo>
                      <a:pt x="463" y="4769"/>
                    </a:lnTo>
                    <a:lnTo>
                      <a:pt x="474" y="4760"/>
                    </a:lnTo>
                    <a:lnTo>
                      <a:pt x="485" y="4752"/>
                    </a:lnTo>
                    <a:lnTo>
                      <a:pt x="497" y="4745"/>
                    </a:lnTo>
                    <a:lnTo>
                      <a:pt x="509" y="4740"/>
                    </a:lnTo>
                    <a:lnTo>
                      <a:pt x="522" y="4735"/>
                    </a:lnTo>
                    <a:lnTo>
                      <a:pt x="535" y="4730"/>
                    </a:lnTo>
                    <a:lnTo>
                      <a:pt x="548" y="4726"/>
                    </a:lnTo>
                    <a:lnTo>
                      <a:pt x="546" y="4723"/>
                    </a:lnTo>
                    <a:lnTo>
                      <a:pt x="546" y="4721"/>
                    </a:lnTo>
                    <a:lnTo>
                      <a:pt x="544" y="4720"/>
                    </a:lnTo>
                    <a:lnTo>
                      <a:pt x="542" y="4717"/>
                    </a:lnTo>
                    <a:lnTo>
                      <a:pt x="537" y="4714"/>
                    </a:lnTo>
                    <a:lnTo>
                      <a:pt x="529" y="4713"/>
                    </a:lnTo>
                    <a:lnTo>
                      <a:pt x="511" y="4712"/>
                    </a:lnTo>
                    <a:lnTo>
                      <a:pt x="489" y="4713"/>
                    </a:lnTo>
                    <a:lnTo>
                      <a:pt x="444" y="4720"/>
                    </a:lnTo>
                    <a:lnTo>
                      <a:pt x="414" y="4723"/>
                    </a:lnTo>
                    <a:lnTo>
                      <a:pt x="401" y="4723"/>
                    </a:lnTo>
                    <a:lnTo>
                      <a:pt x="388" y="4725"/>
                    </a:lnTo>
                    <a:lnTo>
                      <a:pt x="375" y="4729"/>
                    </a:lnTo>
                    <a:lnTo>
                      <a:pt x="364" y="4733"/>
                    </a:lnTo>
                    <a:lnTo>
                      <a:pt x="352" y="4738"/>
                    </a:lnTo>
                    <a:lnTo>
                      <a:pt x="342" y="4745"/>
                    </a:lnTo>
                    <a:lnTo>
                      <a:pt x="331" y="4753"/>
                    </a:lnTo>
                    <a:lnTo>
                      <a:pt x="321" y="4761"/>
                    </a:lnTo>
                    <a:lnTo>
                      <a:pt x="312" y="4770"/>
                    </a:lnTo>
                    <a:lnTo>
                      <a:pt x="303" y="4780"/>
                    </a:lnTo>
                    <a:lnTo>
                      <a:pt x="295" y="4791"/>
                    </a:lnTo>
                    <a:lnTo>
                      <a:pt x="287" y="4802"/>
                    </a:lnTo>
                    <a:lnTo>
                      <a:pt x="274" y="4824"/>
                    </a:lnTo>
                    <a:lnTo>
                      <a:pt x="263" y="4848"/>
                    </a:lnTo>
                    <a:lnTo>
                      <a:pt x="256" y="4862"/>
                    </a:lnTo>
                    <a:lnTo>
                      <a:pt x="251" y="4874"/>
                    </a:lnTo>
                    <a:lnTo>
                      <a:pt x="244" y="4884"/>
                    </a:lnTo>
                    <a:lnTo>
                      <a:pt x="239" y="4891"/>
                    </a:lnTo>
                    <a:lnTo>
                      <a:pt x="237" y="4892"/>
                    </a:lnTo>
                    <a:lnTo>
                      <a:pt x="234" y="4892"/>
                    </a:lnTo>
                    <a:lnTo>
                      <a:pt x="231" y="4892"/>
                    </a:lnTo>
                    <a:lnTo>
                      <a:pt x="228" y="4889"/>
                    </a:lnTo>
                    <a:lnTo>
                      <a:pt x="225" y="4884"/>
                    </a:lnTo>
                    <a:lnTo>
                      <a:pt x="222" y="4879"/>
                    </a:lnTo>
                    <a:lnTo>
                      <a:pt x="220" y="4870"/>
                    </a:lnTo>
                    <a:lnTo>
                      <a:pt x="217" y="4861"/>
                    </a:lnTo>
                    <a:lnTo>
                      <a:pt x="216" y="4854"/>
                    </a:lnTo>
                    <a:lnTo>
                      <a:pt x="216" y="4847"/>
                    </a:lnTo>
                    <a:lnTo>
                      <a:pt x="216" y="4840"/>
                    </a:lnTo>
                    <a:lnTo>
                      <a:pt x="217" y="4834"/>
                    </a:lnTo>
                    <a:lnTo>
                      <a:pt x="220" y="4821"/>
                    </a:lnTo>
                    <a:lnTo>
                      <a:pt x="222" y="4809"/>
                    </a:lnTo>
                    <a:lnTo>
                      <a:pt x="222" y="4804"/>
                    </a:lnTo>
                    <a:lnTo>
                      <a:pt x="221" y="4799"/>
                    </a:lnTo>
                    <a:lnTo>
                      <a:pt x="220" y="4795"/>
                    </a:lnTo>
                    <a:lnTo>
                      <a:pt x="217" y="4791"/>
                    </a:lnTo>
                    <a:lnTo>
                      <a:pt x="212" y="4787"/>
                    </a:lnTo>
                    <a:lnTo>
                      <a:pt x="206" y="4784"/>
                    </a:lnTo>
                    <a:lnTo>
                      <a:pt x="196" y="4783"/>
                    </a:lnTo>
                    <a:lnTo>
                      <a:pt x="186" y="4783"/>
                    </a:lnTo>
                    <a:lnTo>
                      <a:pt x="177" y="4783"/>
                    </a:lnTo>
                    <a:lnTo>
                      <a:pt x="171" y="4782"/>
                    </a:lnTo>
                    <a:lnTo>
                      <a:pt x="165" y="4780"/>
                    </a:lnTo>
                    <a:lnTo>
                      <a:pt x="162" y="4778"/>
                    </a:lnTo>
                    <a:lnTo>
                      <a:pt x="160" y="4775"/>
                    </a:lnTo>
                    <a:lnTo>
                      <a:pt x="160" y="4771"/>
                    </a:lnTo>
                    <a:lnTo>
                      <a:pt x="160" y="4767"/>
                    </a:lnTo>
                    <a:lnTo>
                      <a:pt x="162" y="4764"/>
                    </a:lnTo>
                    <a:lnTo>
                      <a:pt x="164" y="4755"/>
                    </a:lnTo>
                    <a:lnTo>
                      <a:pt x="167" y="4745"/>
                    </a:lnTo>
                    <a:lnTo>
                      <a:pt x="168" y="4740"/>
                    </a:lnTo>
                    <a:lnTo>
                      <a:pt x="167" y="4736"/>
                    </a:lnTo>
                    <a:lnTo>
                      <a:pt x="165" y="4731"/>
                    </a:lnTo>
                    <a:lnTo>
                      <a:pt x="162" y="4726"/>
                    </a:lnTo>
                    <a:lnTo>
                      <a:pt x="154" y="4720"/>
                    </a:lnTo>
                    <a:lnTo>
                      <a:pt x="149" y="4713"/>
                    </a:lnTo>
                    <a:lnTo>
                      <a:pt x="146" y="4708"/>
                    </a:lnTo>
                    <a:lnTo>
                      <a:pt x="145" y="4703"/>
                    </a:lnTo>
                    <a:lnTo>
                      <a:pt x="145" y="4700"/>
                    </a:lnTo>
                    <a:lnTo>
                      <a:pt x="146" y="4698"/>
                    </a:lnTo>
                    <a:lnTo>
                      <a:pt x="149" y="4695"/>
                    </a:lnTo>
                    <a:lnTo>
                      <a:pt x="151" y="4692"/>
                    </a:lnTo>
                    <a:lnTo>
                      <a:pt x="160" y="4688"/>
                    </a:lnTo>
                    <a:lnTo>
                      <a:pt x="168" y="4685"/>
                    </a:lnTo>
                    <a:lnTo>
                      <a:pt x="173" y="4682"/>
                    </a:lnTo>
                    <a:lnTo>
                      <a:pt x="176" y="4678"/>
                    </a:lnTo>
                    <a:lnTo>
                      <a:pt x="180" y="4673"/>
                    </a:lnTo>
                    <a:lnTo>
                      <a:pt x="181" y="4668"/>
                    </a:lnTo>
                    <a:lnTo>
                      <a:pt x="186" y="4669"/>
                    </a:lnTo>
                    <a:lnTo>
                      <a:pt x="191" y="4670"/>
                    </a:lnTo>
                    <a:lnTo>
                      <a:pt x="196" y="4673"/>
                    </a:lnTo>
                    <a:lnTo>
                      <a:pt x="202" y="4676"/>
                    </a:lnTo>
                    <a:lnTo>
                      <a:pt x="212" y="4683"/>
                    </a:lnTo>
                    <a:lnTo>
                      <a:pt x="224" y="4691"/>
                    </a:lnTo>
                    <a:lnTo>
                      <a:pt x="235" y="4696"/>
                    </a:lnTo>
                    <a:lnTo>
                      <a:pt x="246" y="4700"/>
                    </a:lnTo>
                    <a:lnTo>
                      <a:pt x="251" y="4700"/>
                    </a:lnTo>
                    <a:lnTo>
                      <a:pt x="256" y="4699"/>
                    </a:lnTo>
                    <a:lnTo>
                      <a:pt x="260" y="4696"/>
                    </a:lnTo>
                    <a:lnTo>
                      <a:pt x="265" y="4691"/>
                    </a:lnTo>
                    <a:lnTo>
                      <a:pt x="312" y="4630"/>
                    </a:lnTo>
                    <a:lnTo>
                      <a:pt x="313" y="4626"/>
                    </a:lnTo>
                    <a:lnTo>
                      <a:pt x="313" y="4621"/>
                    </a:lnTo>
                    <a:lnTo>
                      <a:pt x="312" y="4615"/>
                    </a:lnTo>
                    <a:lnTo>
                      <a:pt x="310" y="4607"/>
                    </a:lnTo>
                    <a:lnTo>
                      <a:pt x="308" y="4593"/>
                    </a:lnTo>
                    <a:lnTo>
                      <a:pt x="307" y="4582"/>
                    </a:lnTo>
                    <a:lnTo>
                      <a:pt x="305" y="4576"/>
                    </a:lnTo>
                    <a:lnTo>
                      <a:pt x="303" y="4572"/>
                    </a:lnTo>
                    <a:lnTo>
                      <a:pt x="299" y="4569"/>
                    </a:lnTo>
                    <a:lnTo>
                      <a:pt x="295" y="4568"/>
                    </a:lnTo>
                    <a:lnTo>
                      <a:pt x="285" y="4568"/>
                    </a:lnTo>
                    <a:lnTo>
                      <a:pt x="272" y="4571"/>
                    </a:lnTo>
                    <a:lnTo>
                      <a:pt x="259" y="4573"/>
                    </a:lnTo>
                    <a:lnTo>
                      <a:pt x="247" y="4574"/>
                    </a:lnTo>
                    <a:lnTo>
                      <a:pt x="242" y="4574"/>
                    </a:lnTo>
                    <a:lnTo>
                      <a:pt x="237" y="4573"/>
                    </a:lnTo>
                    <a:lnTo>
                      <a:pt x="233" y="4569"/>
                    </a:lnTo>
                    <a:lnTo>
                      <a:pt x="230" y="4565"/>
                    </a:lnTo>
                    <a:lnTo>
                      <a:pt x="217" y="4530"/>
                    </a:lnTo>
                    <a:lnTo>
                      <a:pt x="216" y="4529"/>
                    </a:lnTo>
                    <a:lnTo>
                      <a:pt x="217" y="4527"/>
                    </a:lnTo>
                    <a:lnTo>
                      <a:pt x="219" y="4525"/>
                    </a:lnTo>
                    <a:lnTo>
                      <a:pt x="220" y="4524"/>
                    </a:lnTo>
                    <a:lnTo>
                      <a:pt x="226" y="4521"/>
                    </a:lnTo>
                    <a:lnTo>
                      <a:pt x="233" y="4519"/>
                    </a:lnTo>
                    <a:lnTo>
                      <a:pt x="239" y="4517"/>
                    </a:lnTo>
                    <a:lnTo>
                      <a:pt x="246" y="4514"/>
                    </a:lnTo>
                    <a:lnTo>
                      <a:pt x="248" y="4511"/>
                    </a:lnTo>
                    <a:lnTo>
                      <a:pt x="250" y="4508"/>
                    </a:lnTo>
                    <a:lnTo>
                      <a:pt x="250" y="4506"/>
                    </a:lnTo>
                    <a:lnTo>
                      <a:pt x="250" y="4502"/>
                    </a:lnTo>
                    <a:lnTo>
                      <a:pt x="247" y="4501"/>
                    </a:lnTo>
                    <a:lnTo>
                      <a:pt x="241" y="4499"/>
                    </a:lnTo>
                    <a:lnTo>
                      <a:pt x="230" y="4499"/>
                    </a:lnTo>
                    <a:lnTo>
                      <a:pt x="219" y="4499"/>
                    </a:lnTo>
                    <a:lnTo>
                      <a:pt x="194" y="4498"/>
                    </a:lnTo>
                    <a:lnTo>
                      <a:pt x="176" y="4497"/>
                    </a:lnTo>
                    <a:lnTo>
                      <a:pt x="165" y="4493"/>
                    </a:lnTo>
                    <a:lnTo>
                      <a:pt x="159" y="4489"/>
                    </a:lnTo>
                    <a:lnTo>
                      <a:pt x="154" y="4485"/>
                    </a:lnTo>
                    <a:lnTo>
                      <a:pt x="150" y="4480"/>
                    </a:lnTo>
                    <a:lnTo>
                      <a:pt x="149" y="4476"/>
                    </a:lnTo>
                    <a:lnTo>
                      <a:pt x="150" y="4471"/>
                    </a:lnTo>
                    <a:lnTo>
                      <a:pt x="151" y="4467"/>
                    </a:lnTo>
                    <a:lnTo>
                      <a:pt x="154" y="4462"/>
                    </a:lnTo>
                    <a:lnTo>
                      <a:pt x="162" y="4453"/>
                    </a:lnTo>
                    <a:lnTo>
                      <a:pt x="172" y="4444"/>
                    </a:lnTo>
                    <a:lnTo>
                      <a:pt x="182" y="4436"/>
                    </a:lnTo>
                    <a:lnTo>
                      <a:pt x="193" y="4429"/>
                    </a:lnTo>
                    <a:lnTo>
                      <a:pt x="196" y="4415"/>
                    </a:lnTo>
                    <a:lnTo>
                      <a:pt x="199" y="4406"/>
                    </a:lnTo>
                    <a:lnTo>
                      <a:pt x="219" y="4409"/>
                    </a:lnTo>
                    <a:lnTo>
                      <a:pt x="237" y="4409"/>
                    </a:lnTo>
                    <a:lnTo>
                      <a:pt x="255" y="4409"/>
                    </a:lnTo>
                    <a:lnTo>
                      <a:pt x="273" y="4410"/>
                    </a:lnTo>
                    <a:lnTo>
                      <a:pt x="305" y="4414"/>
                    </a:lnTo>
                    <a:lnTo>
                      <a:pt x="336" y="4419"/>
                    </a:lnTo>
                    <a:lnTo>
                      <a:pt x="351" y="4423"/>
                    </a:lnTo>
                    <a:lnTo>
                      <a:pt x="366" y="4428"/>
                    </a:lnTo>
                    <a:lnTo>
                      <a:pt x="380" y="4433"/>
                    </a:lnTo>
                    <a:lnTo>
                      <a:pt x="396" y="4440"/>
                    </a:lnTo>
                    <a:lnTo>
                      <a:pt x="406" y="4445"/>
                    </a:lnTo>
                    <a:lnTo>
                      <a:pt x="415" y="4450"/>
                    </a:lnTo>
                    <a:lnTo>
                      <a:pt x="425" y="4453"/>
                    </a:lnTo>
                    <a:lnTo>
                      <a:pt x="432" y="4455"/>
                    </a:lnTo>
                    <a:lnTo>
                      <a:pt x="441" y="4455"/>
                    </a:lnTo>
                    <a:lnTo>
                      <a:pt x="450" y="4455"/>
                    </a:lnTo>
                    <a:lnTo>
                      <a:pt x="461" y="4454"/>
                    </a:lnTo>
                    <a:lnTo>
                      <a:pt x="472" y="4451"/>
                    </a:lnTo>
                    <a:lnTo>
                      <a:pt x="492" y="4440"/>
                    </a:lnTo>
                    <a:lnTo>
                      <a:pt x="506" y="4431"/>
                    </a:lnTo>
                    <a:lnTo>
                      <a:pt x="509" y="4433"/>
                    </a:lnTo>
                    <a:lnTo>
                      <a:pt x="513" y="4438"/>
                    </a:lnTo>
                    <a:lnTo>
                      <a:pt x="518" y="4445"/>
                    </a:lnTo>
                    <a:lnTo>
                      <a:pt x="523" y="4454"/>
                    </a:lnTo>
                    <a:lnTo>
                      <a:pt x="533" y="4472"/>
                    </a:lnTo>
                    <a:lnTo>
                      <a:pt x="540" y="4484"/>
                    </a:lnTo>
                    <a:lnTo>
                      <a:pt x="541" y="4489"/>
                    </a:lnTo>
                    <a:lnTo>
                      <a:pt x="542" y="4494"/>
                    </a:lnTo>
                    <a:lnTo>
                      <a:pt x="542" y="4501"/>
                    </a:lnTo>
                    <a:lnTo>
                      <a:pt x="541" y="4506"/>
                    </a:lnTo>
                    <a:lnTo>
                      <a:pt x="540" y="4517"/>
                    </a:lnTo>
                    <a:lnTo>
                      <a:pt x="537" y="4529"/>
                    </a:lnTo>
                    <a:lnTo>
                      <a:pt x="537" y="4534"/>
                    </a:lnTo>
                    <a:lnTo>
                      <a:pt x="537" y="4539"/>
                    </a:lnTo>
                    <a:lnTo>
                      <a:pt x="537" y="4542"/>
                    </a:lnTo>
                    <a:lnTo>
                      <a:pt x="539" y="4546"/>
                    </a:lnTo>
                    <a:lnTo>
                      <a:pt x="542" y="4547"/>
                    </a:lnTo>
                    <a:lnTo>
                      <a:pt x="546" y="4549"/>
                    </a:lnTo>
                    <a:lnTo>
                      <a:pt x="551" y="4549"/>
                    </a:lnTo>
                    <a:lnTo>
                      <a:pt x="559" y="4547"/>
                    </a:lnTo>
                    <a:lnTo>
                      <a:pt x="606" y="4533"/>
                    </a:lnTo>
                    <a:lnTo>
                      <a:pt x="606" y="4532"/>
                    </a:lnTo>
                    <a:lnTo>
                      <a:pt x="605" y="4528"/>
                    </a:lnTo>
                    <a:lnTo>
                      <a:pt x="601" y="4521"/>
                    </a:lnTo>
                    <a:lnTo>
                      <a:pt x="596" y="4515"/>
                    </a:lnTo>
                    <a:lnTo>
                      <a:pt x="585" y="4503"/>
                    </a:lnTo>
                    <a:lnTo>
                      <a:pt x="580" y="4494"/>
                    </a:lnTo>
                    <a:lnTo>
                      <a:pt x="579" y="4492"/>
                    </a:lnTo>
                    <a:lnTo>
                      <a:pt x="579" y="4489"/>
                    </a:lnTo>
                    <a:lnTo>
                      <a:pt x="579" y="4486"/>
                    </a:lnTo>
                    <a:lnTo>
                      <a:pt x="580" y="4484"/>
                    </a:lnTo>
                    <a:lnTo>
                      <a:pt x="585" y="4480"/>
                    </a:lnTo>
                    <a:lnTo>
                      <a:pt x="592" y="4476"/>
                    </a:lnTo>
                    <a:lnTo>
                      <a:pt x="599" y="4472"/>
                    </a:lnTo>
                    <a:lnTo>
                      <a:pt x="610" y="4470"/>
                    </a:lnTo>
                    <a:lnTo>
                      <a:pt x="620" y="4467"/>
                    </a:lnTo>
                    <a:lnTo>
                      <a:pt x="632" y="4464"/>
                    </a:lnTo>
                    <a:lnTo>
                      <a:pt x="655" y="4462"/>
                    </a:lnTo>
                    <a:lnTo>
                      <a:pt x="678" y="4460"/>
                    </a:lnTo>
                    <a:lnTo>
                      <a:pt x="698" y="4459"/>
                    </a:lnTo>
                    <a:lnTo>
                      <a:pt x="711" y="4460"/>
                    </a:lnTo>
                    <a:lnTo>
                      <a:pt x="721" y="4460"/>
                    </a:lnTo>
                    <a:lnTo>
                      <a:pt x="732" y="4458"/>
                    </a:lnTo>
                    <a:lnTo>
                      <a:pt x="743" y="4454"/>
                    </a:lnTo>
                    <a:lnTo>
                      <a:pt x="756" y="4448"/>
                    </a:lnTo>
                    <a:lnTo>
                      <a:pt x="767" y="4441"/>
                    </a:lnTo>
                    <a:lnTo>
                      <a:pt x="778" y="4433"/>
                    </a:lnTo>
                    <a:lnTo>
                      <a:pt x="787" y="4425"/>
                    </a:lnTo>
                    <a:lnTo>
                      <a:pt x="795" y="4419"/>
                    </a:lnTo>
                    <a:lnTo>
                      <a:pt x="795" y="4418"/>
                    </a:lnTo>
                    <a:lnTo>
                      <a:pt x="794" y="4416"/>
                    </a:lnTo>
                    <a:lnTo>
                      <a:pt x="792" y="4414"/>
                    </a:lnTo>
                    <a:lnTo>
                      <a:pt x="789" y="4413"/>
                    </a:lnTo>
                    <a:lnTo>
                      <a:pt x="778" y="4407"/>
                    </a:lnTo>
                    <a:lnTo>
                      <a:pt x="767" y="4403"/>
                    </a:lnTo>
                    <a:lnTo>
                      <a:pt x="754" y="4398"/>
                    </a:lnTo>
                    <a:lnTo>
                      <a:pt x="742" y="4393"/>
                    </a:lnTo>
                    <a:lnTo>
                      <a:pt x="737" y="4389"/>
                    </a:lnTo>
                    <a:lnTo>
                      <a:pt x="733" y="4387"/>
                    </a:lnTo>
                    <a:lnTo>
                      <a:pt x="729" y="4383"/>
                    </a:lnTo>
                    <a:lnTo>
                      <a:pt x="728" y="4379"/>
                    </a:lnTo>
                    <a:lnTo>
                      <a:pt x="725" y="4366"/>
                    </a:lnTo>
                    <a:lnTo>
                      <a:pt x="725" y="4354"/>
                    </a:lnTo>
                    <a:lnTo>
                      <a:pt x="726" y="4344"/>
                    </a:lnTo>
                    <a:lnTo>
                      <a:pt x="730" y="4334"/>
                    </a:lnTo>
                    <a:lnTo>
                      <a:pt x="733" y="4324"/>
                    </a:lnTo>
                    <a:lnTo>
                      <a:pt x="737" y="4315"/>
                    </a:lnTo>
                    <a:lnTo>
                      <a:pt x="739" y="4304"/>
                    </a:lnTo>
                    <a:lnTo>
                      <a:pt x="741" y="4292"/>
                    </a:lnTo>
                    <a:lnTo>
                      <a:pt x="711" y="4295"/>
                    </a:lnTo>
                    <a:lnTo>
                      <a:pt x="690" y="4296"/>
                    </a:lnTo>
                    <a:lnTo>
                      <a:pt x="686" y="4297"/>
                    </a:lnTo>
                    <a:lnTo>
                      <a:pt x="684" y="4299"/>
                    </a:lnTo>
                    <a:lnTo>
                      <a:pt x="681" y="4301"/>
                    </a:lnTo>
                    <a:lnTo>
                      <a:pt x="678" y="4305"/>
                    </a:lnTo>
                    <a:lnTo>
                      <a:pt x="677" y="4310"/>
                    </a:lnTo>
                    <a:lnTo>
                      <a:pt x="676" y="4317"/>
                    </a:lnTo>
                    <a:lnTo>
                      <a:pt x="675" y="4324"/>
                    </a:lnTo>
                    <a:lnTo>
                      <a:pt x="675" y="4334"/>
                    </a:lnTo>
                    <a:lnTo>
                      <a:pt x="675" y="4332"/>
                    </a:lnTo>
                    <a:lnTo>
                      <a:pt x="675" y="4330"/>
                    </a:lnTo>
                    <a:lnTo>
                      <a:pt x="678" y="4358"/>
                    </a:lnTo>
                    <a:lnTo>
                      <a:pt x="684" y="4383"/>
                    </a:lnTo>
                    <a:lnTo>
                      <a:pt x="685" y="4393"/>
                    </a:lnTo>
                    <a:lnTo>
                      <a:pt x="686" y="4403"/>
                    </a:lnTo>
                    <a:lnTo>
                      <a:pt x="686" y="4411"/>
                    </a:lnTo>
                    <a:lnTo>
                      <a:pt x="685" y="4419"/>
                    </a:lnTo>
                    <a:lnTo>
                      <a:pt x="682" y="4425"/>
                    </a:lnTo>
                    <a:lnTo>
                      <a:pt x="678" y="4431"/>
                    </a:lnTo>
                    <a:lnTo>
                      <a:pt x="672" y="4435"/>
                    </a:lnTo>
                    <a:lnTo>
                      <a:pt x="663" y="4437"/>
                    </a:lnTo>
                    <a:lnTo>
                      <a:pt x="653" y="4440"/>
                    </a:lnTo>
                    <a:lnTo>
                      <a:pt x="638" y="4440"/>
                    </a:lnTo>
                    <a:lnTo>
                      <a:pt x="621" y="4440"/>
                    </a:lnTo>
                    <a:lnTo>
                      <a:pt x="602" y="4438"/>
                    </a:lnTo>
                    <a:lnTo>
                      <a:pt x="598" y="4437"/>
                    </a:lnTo>
                    <a:lnTo>
                      <a:pt x="597" y="4436"/>
                    </a:lnTo>
                    <a:lnTo>
                      <a:pt x="594" y="4433"/>
                    </a:lnTo>
                    <a:lnTo>
                      <a:pt x="594" y="4431"/>
                    </a:lnTo>
                    <a:lnTo>
                      <a:pt x="594" y="4424"/>
                    </a:lnTo>
                    <a:lnTo>
                      <a:pt x="596" y="4416"/>
                    </a:lnTo>
                    <a:lnTo>
                      <a:pt x="599" y="4401"/>
                    </a:lnTo>
                    <a:lnTo>
                      <a:pt x="602" y="4391"/>
                    </a:lnTo>
                    <a:lnTo>
                      <a:pt x="601" y="4387"/>
                    </a:lnTo>
                    <a:lnTo>
                      <a:pt x="598" y="4384"/>
                    </a:lnTo>
                    <a:lnTo>
                      <a:pt x="594" y="4384"/>
                    </a:lnTo>
                    <a:lnTo>
                      <a:pt x="590" y="4385"/>
                    </a:lnTo>
                    <a:lnTo>
                      <a:pt x="580" y="4389"/>
                    </a:lnTo>
                    <a:lnTo>
                      <a:pt x="570" y="4397"/>
                    </a:lnTo>
                    <a:lnTo>
                      <a:pt x="558" y="4403"/>
                    </a:lnTo>
                    <a:lnTo>
                      <a:pt x="548" y="4410"/>
                    </a:lnTo>
                    <a:lnTo>
                      <a:pt x="542" y="4413"/>
                    </a:lnTo>
                    <a:lnTo>
                      <a:pt x="537" y="4413"/>
                    </a:lnTo>
                    <a:lnTo>
                      <a:pt x="533" y="4413"/>
                    </a:lnTo>
                    <a:lnTo>
                      <a:pt x="531" y="4411"/>
                    </a:lnTo>
                    <a:lnTo>
                      <a:pt x="526" y="4405"/>
                    </a:lnTo>
                    <a:lnTo>
                      <a:pt x="522" y="4398"/>
                    </a:lnTo>
                    <a:lnTo>
                      <a:pt x="519" y="4393"/>
                    </a:lnTo>
                    <a:lnTo>
                      <a:pt x="519" y="4387"/>
                    </a:lnTo>
                    <a:lnTo>
                      <a:pt x="519" y="4374"/>
                    </a:lnTo>
                    <a:lnTo>
                      <a:pt x="523" y="4361"/>
                    </a:lnTo>
                    <a:lnTo>
                      <a:pt x="528" y="4349"/>
                    </a:lnTo>
                    <a:lnTo>
                      <a:pt x="531" y="4337"/>
                    </a:lnTo>
                    <a:lnTo>
                      <a:pt x="532" y="4334"/>
                    </a:lnTo>
                    <a:lnTo>
                      <a:pt x="532" y="4328"/>
                    </a:lnTo>
                    <a:lnTo>
                      <a:pt x="531" y="4324"/>
                    </a:lnTo>
                    <a:lnTo>
                      <a:pt x="529" y="4322"/>
                    </a:lnTo>
                    <a:lnTo>
                      <a:pt x="526" y="4321"/>
                    </a:lnTo>
                    <a:lnTo>
                      <a:pt x="520" y="4323"/>
                    </a:lnTo>
                    <a:lnTo>
                      <a:pt x="513" y="4328"/>
                    </a:lnTo>
                    <a:lnTo>
                      <a:pt x="505" y="4334"/>
                    </a:lnTo>
                    <a:lnTo>
                      <a:pt x="489" y="4345"/>
                    </a:lnTo>
                    <a:lnTo>
                      <a:pt x="482" y="4354"/>
                    </a:lnTo>
                    <a:lnTo>
                      <a:pt x="475" y="4362"/>
                    </a:lnTo>
                    <a:lnTo>
                      <a:pt x="471" y="4371"/>
                    </a:lnTo>
                    <a:lnTo>
                      <a:pt x="467" y="4381"/>
                    </a:lnTo>
                    <a:lnTo>
                      <a:pt x="465" y="4391"/>
                    </a:lnTo>
                    <a:lnTo>
                      <a:pt x="461" y="4398"/>
                    </a:lnTo>
                    <a:lnTo>
                      <a:pt x="454" y="4405"/>
                    </a:lnTo>
                    <a:lnTo>
                      <a:pt x="452" y="4406"/>
                    </a:lnTo>
                    <a:lnTo>
                      <a:pt x="448" y="4409"/>
                    </a:lnTo>
                    <a:lnTo>
                      <a:pt x="443" y="4410"/>
                    </a:lnTo>
                    <a:lnTo>
                      <a:pt x="437" y="4410"/>
                    </a:lnTo>
                    <a:lnTo>
                      <a:pt x="426" y="4409"/>
                    </a:lnTo>
                    <a:lnTo>
                      <a:pt x="415" y="4406"/>
                    </a:lnTo>
                    <a:lnTo>
                      <a:pt x="405" y="4401"/>
                    </a:lnTo>
                    <a:lnTo>
                      <a:pt x="395" y="4396"/>
                    </a:lnTo>
                    <a:lnTo>
                      <a:pt x="384" y="4389"/>
                    </a:lnTo>
                    <a:lnTo>
                      <a:pt x="373" y="4384"/>
                    </a:lnTo>
                    <a:lnTo>
                      <a:pt x="362" y="4379"/>
                    </a:lnTo>
                    <a:lnTo>
                      <a:pt x="351" y="4375"/>
                    </a:lnTo>
                    <a:lnTo>
                      <a:pt x="322" y="4371"/>
                    </a:lnTo>
                    <a:lnTo>
                      <a:pt x="281" y="4366"/>
                    </a:lnTo>
                    <a:lnTo>
                      <a:pt x="260" y="4363"/>
                    </a:lnTo>
                    <a:lnTo>
                      <a:pt x="242" y="4358"/>
                    </a:lnTo>
                    <a:lnTo>
                      <a:pt x="234" y="4354"/>
                    </a:lnTo>
                    <a:lnTo>
                      <a:pt x="229" y="4352"/>
                    </a:lnTo>
                    <a:lnTo>
                      <a:pt x="224" y="4348"/>
                    </a:lnTo>
                    <a:lnTo>
                      <a:pt x="222" y="4343"/>
                    </a:lnTo>
                    <a:lnTo>
                      <a:pt x="220" y="4334"/>
                    </a:lnTo>
                    <a:lnTo>
                      <a:pt x="219" y="4322"/>
                    </a:lnTo>
                    <a:lnTo>
                      <a:pt x="217" y="4309"/>
                    </a:lnTo>
                    <a:lnTo>
                      <a:pt x="217" y="4295"/>
                    </a:lnTo>
                    <a:lnTo>
                      <a:pt x="219" y="4280"/>
                    </a:lnTo>
                    <a:lnTo>
                      <a:pt x="221" y="4269"/>
                    </a:lnTo>
                    <a:lnTo>
                      <a:pt x="222" y="4264"/>
                    </a:lnTo>
                    <a:lnTo>
                      <a:pt x="225" y="4258"/>
                    </a:lnTo>
                    <a:lnTo>
                      <a:pt x="228" y="4256"/>
                    </a:lnTo>
                    <a:lnTo>
                      <a:pt x="231" y="4253"/>
                    </a:lnTo>
                    <a:lnTo>
                      <a:pt x="231" y="4251"/>
                    </a:lnTo>
                    <a:lnTo>
                      <a:pt x="224" y="4248"/>
                    </a:lnTo>
                    <a:lnTo>
                      <a:pt x="220" y="4244"/>
                    </a:lnTo>
                    <a:lnTo>
                      <a:pt x="216" y="4242"/>
                    </a:lnTo>
                    <a:lnTo>
                      <a:pt x="215" y="4239"/>
                    </a:lnTo>
                    <a:lnTo>
                      <a:pt x="215" y="4236"/>
                    </a:lnTo>
                    <a:lnTo>
                      <a:pt x="215" y="4234"/>
                    </a:lnTo>
                    <a:lnTo>
                      <a:pt x="217" y="4231"/>
                    </a:lnTo>
                    <a:lnTo>
                      <a:pt x="220" y="4229"/>
                    </a:lnTo>
                    <a:lnTo>
                      <a:pt x="229" y="4225"/>
                    </a:lnTo>
                    <a:lnTo>
                      <a:pt x="239" y="4222"/>
                    </a:lnTo>
                    <a:lnTo>
                      <a:pt x="244" y="4222"/>
                    </a:lnTo>
                    <a:lnTo>
                      <a:pt x="251" y="4223"/>
                    </a:lnTo>
                    <a:lnTo>
                      <a:pt x="257" y="4225"/>
                    </a:lnTo>
                    <a:lnTo>
                      <a:pt x="264" y="4226"/>
                    </a:lnTo>
                    <a:lnTo>
                      <a:pt x="274" y="4230"/>
                    </a:lnTo>
                    <a:lnTo>
                      <a:pt x="286" y="4232"/>
                    </a:lnTo>
                    <a:lnTo>
                      <a:pt x="299" y="4235"/>
                    </a:lnTo>
                    <a:lnTo>
                      <a:pt x="308" y="4235"/>
                    </a:lnTo>
                    <a:lnTo>
                      <a:pt x="312" y="4234"/>
                    </a:lnTo>
                    <a:lnTo>
                      <a:pt x="316" y="4232"/>
                    </a:lnTo>
                    <a:lnTo>
                      <a:pt x="317" y="4230"/>
                    </a:lnTo>
                    <a:lnTo>
                      <a:pt x="318" y="4226"/>
                    </a:lnTo>
                    <a:lnTo>
                      <a:pt x="317" y="4222"/>
                    </a:lnTo>
                    <a:lnTo>
                      <a:pt x="314" y="4218"/>
                    </a:lnTo>
                    <a:lnTo>
                      <a:pt x="309" y="4212"/>
                    </a:lnTo>
                    <a:lnTo>
                      <a:pt x="303" y="4204"/>
                    </a:lnTo>
                    <a:lnTo>
                      <a:pt x="298" y="4199"/>
                    </a:lnTo>
                    <a:lnTo>
                      <a:pt x="295" y="4194"/>
                    </a:lnTo>
                    <a:lnTo>
                      <a:pt x="292" y="4188"/>
                    </a:lnTo>
                    <a:lnTo>
                      <a:pt x="290" y="4183"/>
                    </a:lnTo>
                    <a:lnTo>
                      <a:pt x="286" y="4173"/>
                    </a:lnTo>
                    <a:lnTo>
                      <a:pt x="279" y="4163"/>
                    </a:lnTo>
                    <a:lnTo>
                      <a:pt x="261" y="4150"/>
                    </a:lnTo>
                    <a:lnTo>
                      <a:pt x="235" y="4133"/>
                    </a:lnTo>
                    <a:lnTo>
                      <a:pt x="224" y="4122"/>
                    </a:lnTo>
                    <a:lnTo>
                      <a:pt x="216" y="4115"/>
                    </a:lnTo>
                    <a:lnTo>
                      <a:pt x="215" y="4111"/>
                    </a:lnTo>
                    <a:lnTo>
                      <a:pt x="215" y="4107"/>
                    </a:lnTo>
                    <a:lnTo>
                      <a:pt x="217" y="4103"/>
                    </a:lnTo>
                    <a:lnTo>
                      <a:pt x="222" y="4100"/>
                    </a:lnTo>
                    <a:lnTo>
                      <a:pt x="235" y="4098"/>
                    </a:lnTo>
                    <a:lnTo>
                      <a:pt x="251" y="4095"/>
                    </a:lnTo>
                    <a:lnTo>
                      <a:pt x="259" y="4093"/>
                    </a:lnTo>
                    <a:lnTo>
                      <a:pt x="265" y="4090"/>
                    </a:lnTo>
                    <a:lnTo>
                      <a:pt x="272" y="4087"/>
                    </a:lnTo>
                    <a:lnTo>
                      <a:pt x="276" y="4082"/>
                    </a:lnTo>
                    <a:lnTo>
                      <a:pt x="283" y="4072"/>
                    </a:lnTo>
                    <a:lnTo>
                      <a:pt x="290" y="4063"/>
                    </a:lnTo>
                    <a:lnTo>
                      <a:pt x="296" y="4055"/>
                    </a:lnTo>
                    <a:lnTo>
                      <a:pt x="301" y="4050"/>
                    </a:lnTo>
                    <a:lnTo>
                      <a:pt x="308" y="4047"/>
                    </a:lnTo>
                    <a:lnTo>
                      <a:pt x="313" y="4046"/>
                    </a:lnTo>
                    <a:lnTo>
                      <a:pt x="318" y="4046"/>
                    </a:lnTo>
                    <a:lnTo>
                      <a:pt x="323" y="4047"/>
                    </a:lnTo>
                    <a:lnTo>
                      <a:pt x="347" y="4064"/>
                    </a:lnTo>
                    <a:lnTo>
                      <a:pt x="382" y="4090"/>
                    </a:lnTo>
                    <a:lnTo>
                      <a:pt x="391" y="4095"/>
                    </a:lnTo>
                    <a:lnTo>
                      <a:pt x="401" y="4100"/>
                    </a:lnTo>
                    <a:lnTo>
                      <a:pt x="414" y="4104"/>
                    </a:lnTo>
                    <a:lnTo>
                      <a:pt x="428" y="4108"/>
                    </a:lnTo>
                    <a:lnTo>
                      <a:pt x="458" y="4115"/>
                    </a:lnTo>
                    <a:lnTo>
                      <a:pt x="491" y="4117"/>
                    </a:lnTo>
                    <a:lnTo>
                      <a:pt x="507" y="4118"/>
                    </a:lnTo>
                    <a:lnTo>
                      <a:pt x="523" y="4118"/>
                    </a:lnTo>
                    <a:lnTo>
                      <a:pt x="540" y="4118"/>
                    </a:lnTo>
                    <a:lnTo>
                      <a:pt x="554" y="4117"/>
                    </a:lnTo>
                    <a:lnTo>
                      <a:pt x="568" y="4116"/>
                    </a:lnTo>
                    <a:lnTo>
                      <a:pt x="580" y="4112"/>
                    </a:lnTo>
                    <a:lnTo>
                      <a:pt x="592" y="4109"/>
                    </a:lnTo>
                    <a:lnTo>
                      <a:pt x="601" y="4104"/>
                    </a:lnTo>
                    <a:lnTo>
                      <a:pt x="603" y="4103"/>
                    </a:lnTo>
                    <a:lnTo>
                      <a:pt x="603" y="4100"/>
                    </a:lnTo>
                    <a:lnTo>
                      <a:pt x="601" y="4099"/>
                    </a:lnTo>
                    <a:lnTo>
                      <a:pt x="598" y="4098"/>
                    </a:lnTo>
                    <a:lnTo>
                      <a:pt x="588" y="4096"/>
                    </a:lnTo>
                    <a:lnTo>
                      <a:pt x="575" y="4094"/>
                    </a:lnTo>
                    <a:lnTo>
                      <a:pt x="546" y="4093"/>
                    </a:lnTo>
                    <a:lnTo>
                      <a:pt x="528" y="4091"/>
                    </a:lnTo>
                    <a:lnTo>
                      <a:pt x="498" y="4087"/>
                    </a:lnTo>
                    <a:lnTo>
                      <a:pt x="465" y="4080"/>
                    </a:lnTo>
                    <a:lnTo>
                      <a:pt x="449" y="4074"/>
                    </a:lnTo>
                    <a:lnTo>
                      <a:pt x="435" y="4068"/>
                    </a:lnTo>
                    <a:lnTo>
                      <a:pt x="428" y="4064"/>
                    </a:lnTo>
                    <a:lnTo>
                      <a:pt x="422" y="4060"/>
                    </a:lnTo>
                    <a:lnTo>
                      <a:pt x="417" y="4055"/>
                    </a:lnTo>
                    <a:lnTo>
                      <a:pt x="413" y="4050"/>
                    </a:lnTo>
                    <a:lnTo>
                      <a:pt x="408" y="4043"/>
                    </a:lnTo>
                    <a:lnTo>
                      <a:pt x="401" y="4038"/>
                    </a:lnTo>
                    <a:lnTo>
                      <a:pt x="393" y="4034"/>
                    </a:lnTo>
                    <a:lnTo>
                      <a:pt x="383" y="4032"/>
                    </a:lnTo>
                    <a:lnTo>
                      <a:pt x="362" y="4027"/>
                    </a:lnTo>
                    <a:lnTo>
                      <a:pt x="340" y="4025"/>
                    </a:lnTo>
                    <a:lnTo>
                      <a:pt x="320" y="4023"/>
                    </a:lnTo>
                    <a:lnTo>
                      <a:pt x="300" y="4019"/>
                    </a:lnTo>
                    <a:lnTo>
                      <a:pt x="292" y="4016"/>
                    </a:lnTo>
                    <a:lnTo>
                      <a:pt x="285" y="4014"/>
                    </a:lnTo>
                    <a:lnTo>
                      <a:pt x="279" y="4010"/>
                    </a:lnTo>
                    <a:lnTo>
                      <a:pt x="277" y="4004"/>
                    </a:lnTo>
                    <a:lnTo>
                      <a:pt x="276" y="3997"/>
                    </a:lnTo>
                    <a:lnTo>
                      <a:pt x="277" y="3990"/>
                    </a:lnTo>
                    <a:lnTo>
                      <a:pt x="279" y="3982"/>
                    </a:lnTo>
                    <a:lnTo>
                      <a:pt x="282" y="3973"/>
                    </a:lnTo>
                    <a:lnTo>
                      <a:pt x="286" y="3964"/>
                    </a:lnTo>
                    <a:lnTo>
                      <a:pt x="290" y="3957"/>
                    </a:lnTo>
                    <a:lnTo>
                      <a:pt x="291" y="3947"/>
                    </a:lnTo>
                    <a:lnTo>
                      <a:pt x="291" y="3940"/>
                    </a:lnTo>
                    <a:lnTo>
                      <a:pt x="290" y="3923"/>
                    </a:lnTo>
                    <a:lnTo>
                      <a:pt x="290" y="3911"/>
                    </a:lnTo>
                    <a:lnTo>
                      <a:pt x="291" y="3910"/>
                    </a:lnTo>
                    <a:lnTo>
                      <a:pt x="292" y="3910"/>
                    </a:lnTo>
                    <a:lnTo>
                      <a:pt x="292" y="3910"/>
                    </a:lnTo>
                    <a:lnTo>
                      <a:pt x="294" y="3911"/>
                    </a:lnTo>
                    <a:lnTo>
                      <a:pt x="298" y="3918"/>
                    </a:lnTo>
                    <a:lnTo>
                      <a:pt x="303" y="3928"/>
                    </a:lnTo>
                    <a:lnTo>
                      <a:pt x="305" y="3945"/>
                    </a:lnTo>
                    <a:lnTo>
                      <a:pt x="307" y="3963"/>
                    </a:lnTo>
                    <a:lnTo>
                      <a:pt x="308" y="3967"/>
                    </a:lnTo>
                    <a:lnTo>
                      <a:pt x="310" y="3970"/>
                    </a:lnTo>
                    <a:lnTo>
                      <a:pt x="313" y="3972"/>
                    </a:lnTo>
                    <a:lnTo>
                      <a:pt x="316" y="3973"/>
                    </a:lnTo>
                    <a:lnTo>
                      <a:pt x="320" y="3975"/>
                    </a:lnTo>
                    <a:lnTo>
                      <a:pt x="323" y="3975"/>
                    </a:lnTo>
                    <a:lnTo>
                      <a:pt x="327" y="3975"/>
                    </a:lnTo>
                    <a:lnTo>
                      <a:pt x="331" y="3973"/>
                    </a:lnTo>
                    <a:lnTo>
                      <a:pt x="335" y="3972"/>
                    </a:lnTo>
                    <a:lnTo>
                      <a:pt x="338" y="3970"/>
                    </a:lnTo>
                    <a:lnTo>
                      <a:pt x="340" y="3967"/>
                    </a:lnTo>
                    <a:lnTo>
                      <a:pt x="342" y="3963"/>
                    </a:lnTo>
                    <a:lnTo>
                      <a:pt x="343" y="3959"/>
                    </a:lnTo>
                    <a:lnTo>
                      <a:pt x="343" y="3954"/>
                    </a:lnTo>
                    <a:lnTo>
                      <a:pt x="342" y="3947"/>
                    </a:lnTo>
                    <a:lnTo>
                      <a:pt x="339" y="3941"/>
                    </a:lnTo>
                    <a:lnTo>
                      <a:pt x="335" y="3935"/>
                    </a:lnTo>
                    <a:lnTo>
                      <a:pt x="334" y="3929"/>
                    </a:lnTo>
                    <a:lnTo>
                      <a:pt x="334" y="3927"/>
                    </a:lnTo>
                    <a:lnTo>
                      <a:pt x="334" y="3924"/>
                    </a:lnTo>
                    <a:lnTo>
                      <a:pt x="335" y="3923"/>
                    </a:lnTo>
                    <a:lnTo>
                      <a:pt x="338" y="3922"/>
                    </a:lnTo>
                    <a:lnTo>
                      <a:pt x="340" y="3923"/>
                    </a:lnTo>
                    <a:lnTo>
                      <a:pt x="344" y="3923"/>
                    </a:lnTo>
                    <a:lnTo>
                      <a:pt x="353" y="3925"/>
                    </a:lnTo>
                    <a:lnTo>
                      <a:pt x="362" y="3929"/>
                    </a:lnTo>
                    <a:lnTo>
                      <a:pt x="373" y="3932"/>
                    </a:lnTo>
                    <a:lnTo>
                      <a:pt x="382" y="3933"/>
                    </a:lnTo>
                    <a:lnTo>
                      <a:pt x="400" y="3929"/>
                    </a:lnTo>
                    <a:lnTo>
                      <a:pt x="422" y="3927"/>
                    </a:lnTo>
                    <a:lnTo>
                      <a:pt x="431" y="3925"/>
                    </a:lnTo>
                    <a:lnTo>
                      <a:pt x="439" y="3928"/>
                    </a:lnTo>
                    <a:lnTo>
                      <a:pt x="443" y="3929"/>
                    </a:lnTo>
                    <a:lnTo>
                      <a:pt x="445" y="3932"/>
                    </a:lnTo>
                    <a:lnTo>
                      <a:pt x="447" y="3936"/>
                    </a:lnTo>
                    <a:lnTo>
                      <a:pt x="448" y="3941"/>
                    </a:lnTo>
                    <a:lnTo>
                      <a:pt x="449" y="3957"/>
                    </a:lnTo>
                    <a:lnTo>
                      <a:pt x="449" y="3970"/>
                    </a:lnTo>
                    <a:lnTo>
                      <a:pt x="450" y="3980"/>
                    </a:lnTo>
                    <a:lnTo>
                      <a:pt x="453" y="3986"/>
                    </a:lnTo>
                    <a:lnTo>
                      <a:pt x="454" y="3989"/>
                    </a:lnTo>
                    <a:lnTo>
                      <a:pt x="457" y="3992"/>
                    </a:lnTo>
                    <a:lnTo>
                      <a:pt x="459" y="3993"/>
                    </a:lnTo>
                    <a:lnTo>
                      <a:pt x="463" y="3994"/>
                    </a:lnTo>
                    <a:lnTo>
                      <a:pt x="474" y="3995"/>
                    </a:lnTo>
                    <a:lnTo>
                      <a:pt x="489" y="3995"/>
                    </a:lnTo>
                    <a:lnTo>
                      <a:pt x="504" y="3997"/>
                    </a:lnTo>
                    <a:lnTo>
                      <a:pt x="510" y="3995"/>
                    </a:lnTo>
                    <a:lnTo>
                      <a:pt x="510" y="3990"/>
                    </a:lnTo>
                    <a:lnTo>
                      <a:pt x="506" y="3976"/>
                    </a:lnTo>
                    <a:lnTo>
                      <a:pt x="502" y="3967"/>
                    </a:lnTo>
                    <a:lnTo>
                      <a:pt x="494" y="3958"/>
                    </a:lnTo>
                    <a:lnTo>
                      <a:pt x="485" y="3946"/>
                    </a:lnTo>
                    <a:lnTo>
                      <a:pt x="476" y="3936"/>
                    </a:lnTo>
                    <a:lnTo>
                      <a:pt x="469" y="3924"/>
                    </a:lnTo>
                    <a:lnTo>
                      <a:pt x="463" y="3914"/>
                    </a:lnTo>
                    <a:lnTo>
                      <a:pt x="462" y="3910"/>
                    </a:lnTo>
                    <a:lnTo>
                      <a:pt x="462" y="3906"/>
                    </a:lnTo>
                    <a:lnTo>
                      <a:pt x="463" y="3902"/>
                    </a:lnTo>
                    <a:lnTo>
                      <a:pt x="465" y="3900"/>
                    </a:lnTo>
                    <a:lnTo>
                      <a:pt x="471" y="3896"/>
                    </a:lnTo>
                    <a:lnTo>
                      <a:pt x="482" y="3890"/>
                    </a:lnTo>
                    <a:lnTo>
                      <a:pt x="492" y="3884"/>
                    </a:lnTo>
                    <a:lnTo>
                      <a:pt x="505" y="3879"/>
                    </a:lnTo>
                    <a:lnTo>
                      <a:pt x="516" y="3875"/>
                    </a:lnTo>
                    <a:lnTo>
                      <a:pt x="528" y="3872"/>
                    </a:lnTo>
                    <a:lnTo>
                      <a:pt x="533" y="3872"/>
                    </a:lnTo>
                    <a:lnTo>
                      <a:pt x="537" y="3872"/>
                    </a:lnTo>
                    <a:lnTo>
                      <a:pt x="541" y="3874"/>
                    </a:lnTo>
                    <a:lnTo>
                      <a:pt x="542" y="3876"/>
                    </a:lnTo>
                    <a:lnTo>
                      <a:pt x="555" y="3903"/>
                    </a:lnTo>
                    <a:lnTo>
                      <a:pt x="568" y="3938"/>
                    </a:lnTo>
                    <a:lnTo>
                      <a:pt x="572" y="3947"/>
                    </a:lnTo>
                    <a:lnTo>
                      <a:pt x="576" y="3955"/>
                    </a:lnTo>
                    <a:lnTo>
                      <a:pt x="581" y="3963"/>
                    </a:lnTo>
                    <a:lnTo>
                      <a:pt x="585" y="3968"/>
                    </a:lnTo>
                    <a:lnTo>
                      <a:pt x="590" y="3973"/>
                    </a:lnTo>
                    <a:lnTo>
                      <a:pt x="596" y="3977"/>
                    </a:lnTo>
                    <a:lnTo>
                      <a:pt x="602" y="3979"/>
                    </a:lnTo>
                    <a:lnTo>
                      <a:pt x="608" y="3979"/>
                    </a:lnTo>
                    <a:lnTo>
                      <a:pt x="612" y="3977"/>
                    </a:lnTo>
                    <a:lnTo>
                      <a:pt x="615" y="3975"/>
                    </a:lnTo>
                    <a:lnTo>
                      <a:pt x="616" y="3972"/>
                    </a:lnTo>
                    <a:lnTo>
                      <a:pt x="618" y="3970"/>
                    </a:lnTo>
                    <a:lnTo>
                      <a:pt x="618" y="3963"/>
                    </a:lnTo>
                    <a:lnTo>
                      <a:pt x="615" y="3954"/>
                    </a:lnTo>
                    <a:lnTo>
                      <a:pt x="608" y="3937"/>
                    </a:lnTo>
                    <a:lnTo>
                      <a:pt x="602" y="3924"/>
                    </a:lnTo>
                    <a:lnTo>
                      <a:pt x="590" y="3903"/>
                    </a:lnTo>
                    <a:lnTo>
                      <a:pt x="580" y="3887"/>
                    </a:lnTo>
                    <a:lnTo>
                      <a:pt x="577" y="3883"/>
                    </a:lnTo>
                    <a:lnTo>
                      <a:pt x="577" y="3879"/>
                    </a:lnTo>
                    <a:lnTo>
                      <a:pt x="577" y="3876"/>
                    </a:lnTo>
                    <a:lnTo>
                      <a:pt x="580" y="3874"/>
                    </a:lnTo>
                    <a:lnTo>
                      <a:pt x="583" y="3871"/>
                    </a:lnTo>
                    <a:lnTo>
                      <a:pt x="586" y="3868"/>
                    </a:lnTo>
                    <a:lnTo>
                      <a:pt x="593" y="3866"/>
                    </a:lnTo>
                    <a:lnTo>
                      <a:pt x="601" y="3863"/>
                    </a:lnTo>
                    <a:lnTo>
                      <a:pt x="610" y="3862"/>
                    </a:lnTo>
                    <a:lnTo>
                      <a:pt x="619" y="3861"/>
                    </a:lnTo>
                    <a:lnTo>
                      <a:pt x="627" y="3861"/>
                    </a:lnTo>
                    <a:lnTo>
                      <a:pt x="634" y="3862"/>
                    </a:lnTo>
                    <a:lnTo>
                      <a:pt x="641" y="3863"/>
                    </a:lnTo>
                    <a:lnTo>
                      <a:pt x="646" y="3866"/>
                    </a:lnTo>
                    <a:lnTo>
                      <a:pt x="651" y="3870"/>
                    </a:lnTo>
                    <a:lnTo>
                      <a:pt x="656" y="3872"/>
                    </a:lnTo>
                    <a:lnTo>
                      <a:pt x="659" y="3878"/>
                    </a:lnTo>
                    <a:lnTo>
                      <a:pt x="663" y="3883"/>
                    </a:lnTo>
                    <a:lnTo>
                      <a:pt x="665" y="3888"/>
                    </a:lnTo>
                    <a:lnTo>
                      <a:pt x="668" y="3893"/>
                    </a:lnTo>
                    <a:lnTo>
                      <a:pt x="671" y="3905"/>
                    </a:lnTo>
                    <a:lnTo>
                      <a:pt x="673" y="3918"/>
                    </a:lnTo>
                    <a:lnTo>
                      <a:pt x="675" y="3945"/>
                    </a:lnTo>
                    <a:lnTo>
                      <a:pt x="676" y="3968"/>
                    </a:lnTo>
                    <a:lnTo>
                      <a:pt x="677" y="3979"/>
                    </a:lnTo>
                    <a:lnTo>
                      <a:pt x="678" y="3986"/>
                    </a:lnTo>
                    <a:lnTo>
                      <a:pt x="681" y="3989"/>
                    </a:lnTo>
                    <a:lnTo>
                      <a:pt x="682" y="3990"/>
                    </a:lnTo>
                    <a:lnTo>
                      <a:pt x="685" y="3992"/>
                    </a:lnTo>
                    <a:lnTo>
                      <a:pt x="687" y="3993"/>
                    </a:lnTo>
                    <a:lnTo>
                      <a:pt x="699" y="3994"/>
                    </a:lnTo>
                    <a:lnTo>
                      <a:pt x="708" y="3995"/>
                    </a:lnTo>
                    <a:lnTo>
                      <a:pt x="712" y="3995"/>
                    </a:lnTo>
                    <a:lnTo>
                      <a:pt x="713" y="3994"/>
                    </a:lnTo>
                    <a:lnTo>
                      <a:pt x="713" y="3990"/>
                    </a:lnTo>
                    <a:lnTo>
                      <a:pt x="712" y="3985"/>
                    </a:lnTo>
                    <a:lnTo>
                      <a:pt x="708" y="3973"/>
                    </a:lnTo>
                    <a:lnTo>
                      <a:pt x="706" y="3963"/>
                    </a:lnTo>
                    <a:lnTo>
                      <a:pt x="706" y="3954"/>
                    </a:lnTo>
                    <a:lnTo>
                      <a:pt x="707" y="3946"/>
                    </a:lnTo>
                    <a:lnTo>
                      <a:pt x="710" y="3941"/>
                    </a:lnTo>
                    <a:lnTo>
                      <a:pt x="712" y="3936"/>
                    </a:lnTo>
                    <a:lnTo>
                      <a:pt x="717" y="3933"/>
                    </a:lnTo>
                    <a:lnTo>
                      <a:pt x="722" y="3931"/>
                    </a:lnTo>
                    <a:lnTo>
                      <a:pt x="733" y="3927"/>
                    </a:lnTo>
                    <a:lnTo>
                      <a:pt x="743" y="3924"/>
                    </a:lnTo>
                    <a:lnTo>
                      <a:pt x="747" y="3923"/>
                    </a:lnTo>
                    <a:lnTo>
                      <a:pt x="751" y="3922"/>
                    </a:lnTo>
                    <a:lnTo>
                      <a:pt x="754" y="3920"/>
                    </a:lnTo>
                    <a:lnTo>
                      <a:pt x="754" y="3919"/>
                    </a:lnTo>
                    <a:lnTo>
                      <a:pt x="754" y="3916"/>
                    </a:lnTo>
                    <a:lnTo>
                      <a:pt x="752" y="3914"/>
                    </a:lnTo>
                    <a:lnTo>
                      <a:pt x="750" y="3911"/>
                    </a:lnTo>
                    <a:lnTo>
                      <a:pt x="746" y="3910"/>
                    </a:lnTo>
                    <a:lnTo>
                      <a:pt x="738" y="3906"/>
                    </a:lnTo>
                    <a:lnTo>
                      <a:pt x="728" y="3905"/>
                    </a:lnTo>
                    <a:lnTo>
                      <a:pt x="708" y="3900"/>
                    </a:lnTo>
                    <a:lnTo>
                      <a:pt x="694" y="3896"/>
                    </a:lnTo>
                    <a:lnTo>
                      <a:pt x="689" y="3890"/>
                    </a:lnTo>
                    <a:lnTo>
                      <a:pt x="686" y="3884"/>
                    </a:lnTo>
                    <a:lnTo>
                      <a:pt x="685" y="3876"/>
                    </a:lnTo>
                    <a:lnTo>
                      <a:pt x="685" y="3868"/>
                    </a:lnTo>
                    <a:lnTo>
                      <a:pt x="685" y="3862"/>
                    </a:lnTo>
                    <a:lnTo>
                      <a:pt x="684" y="3854"/>
                    </a:lnTo>
                    <a:lnTo>
                      <a:pt x="682" y="3849"/>
                    </a:lnTo>
                    <a:lnTo>
                      <a:pt x="680" y="3845"/>
                    </a:lnTo>
                    <a:lnTo>
                      <a:pt x="669" y="3839"/>
                    </a:lnTo>
                    <a:lnTo>
                      <a:pt x="658" y="3833"/>
                    </a:lnTo>
                    <a:lnTo>
                      <a:pt x="645" y="3831"/>
                    </a:lnTo>
                    <a:lnTo>
                      <a:pt x="632" y="3828"/>
                    </a:lnTo>
                    <a:lnTo>
                      <a:pt x="603" y="3827"/>
                    </a:lnTo>
                    <a:lnTo>
                      <a:pt x="577" y="3830"/>
                    </a:lnTo>
                    <a:lnTo>
                      <a:pt x="555" y="3830"/>
                    </a:lnTo>
                    <a:lnTo>
                      <a:pt x="523" y="3826"/>
                    </a:lnTo>
                    <a:lnTo>
                      <a:pt x="507" y="3823"/>
                    </a:lnTo>
                    <a:lnTo>
                      <a:pt x="494" y="3819"/>
                    </a:lnTo>
                    <a:lnTo>
                      <a:pt x="489" y="3815"/>
                    </a:lnTo>
                    <a:lnTo>
                      <a:pt x="487" y="3813"/>
                    </a:lnTo>
                    <a:lnTo>
                      <a:pt x="485" y="3810"/>
                    </a:lnTo>
                    <a:lnTo>
                      <a:pt x="487" y="3806"/>
                    </a:lnTo>
                    <a:lnTo>
                      <a:pt x="489" y="3801"/>
                    </a:lnTo>
                    <a:lnTo>
                      <a:pt x="493" y="3797"/>
                    </a:lnTo>
                    <a:lnTo>
                      <a:pt x="497" y="3793"/>
                    </a:lnTo>
                    <a:lnTo>
                      <a:pt x="501" y="3791"/>
                    </a:lnTo>
                    <a:lnTo>
                      <a:pt x="510" y="3787"/>
                    </a:lnTo>
                    <a:lnTo>
                      <a:pt x="520" y="3784"/>
                    </a:lnTo>
                    <a:lnTo>
                      <a:pt x="541" y="3782"/>
                    </a:lnTo>
                    <a:lnTo>
                      <a:pt x="561" y="3782"/>
                    </a:lnTo>
                    <a:lnTo>
                      <a:pt x="571" y="3782"/>
                    </a:lnTo>
                    <a:lnTo>
                      <a:pt x="577" y="3780"/>
                    </a:lnTo>
                    <a:lnTo>
                      <a:pt x="581" y="3778"/>
                    </a:lnTo>
                    <a:lnTo>
                      <a:pt x="581" y="3775"/>
                    </a:lnTo>
                    <a:lnTo>
                      <a:pt x="580" y="3771"/>
                    </a:lnTo>
                    <a:lnTo>
                      <a:pt x="576" y="3769"/>
                    </a:lnTo>
                    <a:lnTo>
                      <a:pt x="572" y="3765"/>
                    </a:lnTo>
                    <a:lnTo>
                      <a:pt x="566" y="3760"/>
                    </a:lnTo>
                    <a:lnTo>
                      <a:pt x="539" y="3745"/>
                    </a:lnTo>
                    <a:lnTo>
                      <a:pt x="524" y="3738"/>
                    </a:lnTo>
                    <a:lnTo>
                      <a:pt x="526" y="3732"/>
                    </a:lnTo>
                    <a:lnTo>
                      <a:pt x="528" y="3729"/>
                    </a:lnTo>
                    <a:lnTo>
                      <a:pt x="533" y="3727"/>
                    </a:lnTo>
                    <a:lnTo>
                      <a:pt x="539" y="3726"/>
                    </a:lnTo>
                    <a:lnTo>
                      <a:pt x="555" y="3726"/>
                    </a:lnTo>
                    <a:lnTo>
                      <a:pt x="573" y="3729"/>
                    </a:lnTo>
                    <a:lnTo>
                      <a:pt x="610" y="3736"/>
                    </a:lnTo>
                    <a:lnTo>
                      <a:pt x="633" y="3742"/>
                    </a:lnTo>
                    <a:lnTo>
                      <a:pt x="647" y="3743"/>
                    </a:lnTo>
                    <a:lnTo>
                      <a:pt x="664" y="3742"/>
                    </a:lnTo>
                    <a:lnTo>
                      <a:pt x="672" y="3740"/>
                    </a:lnTo>
                    <a:lnTo>
                      <a:pt x="680" y="3740"/>
                    </a:lnTo>
                    <a:lnTo>
                      <a:pt x="686" y="3742"/>
                    </a:lnTo>
                    <a:lnTo>
                      <a:pt x="691" y="3744"/>
                    </a:lnTo>
                    <a:lnTo>
                      <a:pt x="698" y="3748"/>
                    </a:lnTo>
                    <a:lnTo>
                      <a:pt x="703" y="3753"/>
                    </a:lnTo>
                    <a:lnTo>
                      <a:pt x="707" y="3760"/>
                    </a:lnTo>
                    <a:lnTo>
                      <a:pt x="712" y="3765"/>
                    </a:lnTo>
                    <a:lnTo>
                      <a:pt x="717" y="3770"/>
                    </a:lnTo>
                    <a:lnTo>
                      <a:pt x="722" y="3775"/>
                    </a:lnTo>
                    <a:lnTo>
                      <a:pt x="726" y="3776"/>
                    </a:lnTo>
                    <a:lnTo>
                      <a:pt x="729" y="3776"/>
                    </a:lnTo>
                    <a:lnTo>
                      <a:pt x="734" y="3776"/>
                    </a:lnTo>
                    <a:lnTo>
                      <a:pt x="738" y="3776"/>
                    </a:lnTo>
                    <a:lnTo>
                      <a:pt x="752" y="3773"/>
                    </a:lnTo>
                    <a:lnTo>
                      <a:pt x="767" y="3770"/>
                    </a:lnTo>
                    <a:lnTo>
                      <a:pt x="773" y="3771"/>
                    </a:lnTo>
                    <a:lnTo>
                      <a:pt x="779" y="3774"/>
                    </a:lnTo>
                    <a:lnTo>
                      <a:pt x="785" y="3778"/>
                    </a:lnTo>
                    <a:lnTo>
                      <a:pt x="790" y="3786"/>
                    </a:lnTo>
                    <a:lnTo>
                      <a:pt x="799" y="3800"/>
                    </a:lnTo>
                    <a:lnTo>
                      <a:pt x="809" y="3817"/>
                    </a:lnTo>
                    <a:lnTo>
                      <a:pt x="816" y="3823"/>
                    </a:lnTo>
                    <a:lnTo>
                      <a:pt x="822" y="3828"/>
                    </a:lnTo>
                    <a:lnTo>
                      <a:pt x="830" y="3832"/>
                    </a:lnTo>
                    <a:lnTo>
                      <a:pt x="839" y="3833"/>
                    </a:lnTo>
                    <a:lnTo>
                      <a:pt x="849" y="3832"/>
                    </a:lnTo>
                    <a:lnTo>
                      <a:pt x="864" y="3831"/>
                    </a:lnTo>
                    <a:lnTo>
                      <a:pt x="871" y="3830"/>
                    </a:lnTo>
                    <a:lnTo>
                      <a:pt x="877" y="3827"/>
                    </a:lnTo>
                    <a:lnTo>
                      <a:pt x="878" y="3826"/>
                    </a:lnTo>
                    <a:lnTo>
                      <a:pt x="879" y="3826"/>
                    </a:lnTo>
                    <a:lnTo>
                      <a:pt x="879" y="3824"/>
                    </a:lnTo>
                    <a:lnTo>
                      <a:pt x="879" y="3822"/>
                    </a:lnTo>
                    <a:lnTo>
                      <a:pt x="873" y="3818"/>
                    </a:lnTo>
                    <a:lnTo>
                      <a:pt x="866" y="3814"/>
                    </a:lnTo>
                    <a:lnTo>
                      <a:pt x="858" y="3810"/>
                    </a:lnTo>
                    <a:lnTo>
                      <a:pt x="851" y="3808"/>
                    </a:lnTo>
                    <a:lnTo>
                      <a:pt x="843" y="3804"/>
                    </a:lnTo>
                    <a:lnTo>
                      <a:pt x="835" y="3801"/>
                    </a:lnTo>
                    <a:lnTo>
                      <a:pt x="829" y="3797"/>
                    </a:lnTo>
                    <a:lnTo>
                      <a:pt x="824" y="3792"/>
                    </a:lnTo>
                    <a:lnTo>
                      <a:pt x="822" y="3789"/>
                    </a:lnTo>
                    <a:lnTo>
                      <a:pt x="822" y="3787"/>
                    </a:lnTo>
                    <a:lnTo>
                      <a:pt x="822" y="3784"/>
                    </a:lnTo>
                    <a:lnTo>
                      <a:pt x="824" y="3783"/>
                    </a:lnTo>
                    <a:lnTo>
                      <a:pt x="829" y="3778"/>
                    </a:lnTo>
                    <a:lnTo>
                      <a:pt x="834" y="3774"/>
                    </a:lnTo>
                    <a:lnTo>
                      <a:pt x="848" y="3767"/>
                    </a:lnTo>
                    <a:lnTo>
                      <a:pt x="858" y="3761"/>
                    </a:lnTo>
                    <a:lnTo>
                      <a:pt x="862" y="3758"/>
                    </a:lnTo>
                    <a:lnTo>
                      <a:pt x="866" y="3757"/>
                    </a:lnTo>
                    <a:lnTo>
                      <a:pt x="871" y="3756"/>
                    </a:lnTo>
                    <a:lnTo>
                      <a:pt x="878" y="3754"/>
                    </a:lnTo>
                    <a:lnTo>
                      <a:pt x="893" y="3754"/>
                    </a:lnTo>
                    <a:lnTo>
                      <a:pt x="909" y="3756"/>
                    </a:lnTo>
                    <a:lnTo>
                      <a:pt x="943" y="3760"/>
                    </a:lnTo>
                    <a:lnTo>
                      <a:pt x="967" y="3762"/>
                    </a:lnTo>
                    <a:lnTo>
                      <a:pt x="956" y="3749"/>
                    </a:lnTo>
                    <a:lnTo>
                      <a:pt x="948" y="3740"/>
                    </a:lnTo>
                    <a:lnTo>
                      <a:pt x="944" y="3736"/>
                    </a:lnTo>
                    <a:lnTo>
                      <a:pt x="938" y="3732"/>
                    </a:lnTo>
                    <a:lnTo>
                      <a:pt x="927" y="3730"/>
                    </a:lnTo>
                    <a:lnTo>
                      <a:pt x="914" y="3729"/>
                    </a:lnTo>
                    <a:lnTo>
                      <a:pt x="892" y="3732"/>
                    </a:lnTo>
                    <a:lnTo>
                      <a:pt x="857" y="3739"/>
                    </a:lnTo>
                    <a:lnTo>
                      <a:pt x="849" y="3740"/>
                    </a:lnTo>
                    <a:lnTo>
                      <a:pt x="842" y="3740"/>
                    </a:lnTo>
                    <a:lnTo>
                      <a:pt x="836" y="3740"/>
                    </a:lnTo>
                    <a:lnTo>
                      <a:pt x="831" y="3738"/>
                    </a:lnTo>
                    <a:lnTo>
                      <a:pt x="830" y="3736"/>
                    </a:lnTo>
                    <a:lnTo>
                      <a:pt x="830" y="3735"/>
                    </a:lnTo>
                    <a:lnTo>
                      <a:pt x="829" y="3734"/>
                    </a:lnTo>
                    <a:lnTo>
                      <a:pt x="830" y="3731"/>
                    </a:lnTo>
                    <a:lnTo>
                      <a:pt x="833" y="3726"/>
                    </a:lnTo>
                    <a:lnTo>
                      <a:pt x="839" y="3719"/>
                    </a:lnTo>
                    <a:lnTo>
                      <a:pt x="851" y="3712"/>
                    </a:lnTo>
                    <a:lnTo>
                      <a:pt x="860" y="3703"/>
                    </a:lnTo>
                    <a:lnTo>
                      <a:pt x="858" y="3700"/>
                    </a:lnTo>
                    <a:lnTo>
                      <a:pt x="855" y="3697"/>
                    </a:lnTo>
                    <a:lnTo>
                      <a:pt x="848" y="3696"/>
                    </a:lnTo>
                    <a:lnTo>
                      <a:pt x="839" y="3695"/>
                    </a:lnTo>
                    <a:lnTo>
                      <a:pt x="818" y="3692"/>
                    </a:lnTo>
                    <a:lnTo>
                      <a:pt x="795" y="3690"/>
                    </a:lnTo>
                    <a:lnTo>
                      <a:pt x="772" y="3686"/>
                    </a:lnTo>
                    <a:lnTo>
                      <a:pt x="754" y="3681"/>
                    </a:lnTo>
                    <a:lnTo>
                      <a:pt x="746" y="3678"/>
                    </a:lnTo>
                    <a:lnTo>
                      <a:pt x="741" y="3674"/>
                    </a:lnTo>
                    <a:lnTo>
                      <a:pt x="739" y="3672"/>
                    </a:lnTo>
                    <a:lnTo>
                      <a:pt x="738" y="3669"/>
                    </a:lnTo>
                    <a:lnTo>
                      <a:pt x="738" y="3666"/>
                    </a:lnTo>
                    <a:lnTo>
                      <a:pt x="738" y="3664"/>
                    </a:lnTo>
                    <a:lnTo>
                      <a:pt x="741" y="3659"/>
                    </a:lnTo>
                    <a:lnTo>
                      <a:pt x="743" y="3655"/>
                    </a:lnTo>
                    <a:lnTo>
                      <a:pt x="746" y="3652"/>
                    </a:lnTo>
                    <a:lnTo>
                      <a:pt x="750" y="3650"/>
                    </a:lnTo>
                    <a:lnTo>
                      <a:pt x="759" y="3644"/>
                    </a:lnTo>
                    <a:lnTo>
                      <a:pt x="768" y="3640"/>
                    </a:lnTo>
                    <a:lnTo>
                      <a:pt x="774" y="3637"/>
                    </a:lnTo>
                    <a:lnTo>
                      <a:pt x="779" y="3633"/>
                    </a:lnTo>
                    <a:lnTo>
                      <a:pt x="781" y="3630"/>
                    </a:lnTo>
                    <a:lnTo>
                      <a:pt x="781" y="3628"/>
                    </a:lnTo>
                    <a:lnTo>
                      <a:pt x="781" y="3625"/>
                    </a:lnTo>
                    <a:lnTo>
                      <a:pt x="778" y="3621"/>
                    </a:lnTo>
                    <a:lnTo>
                      <a:pt x="763" y="3602"/>
                    </a:lnTo>
                    <a:lnTo>
                      <a:pt x="755" y="3590"/>
                    </a:lnTo>
                    <a:lnTo>
                      <a:pt x="754" y="3586"/>
                    </a:lnTo>
                    <a:lnTo>
                      <a:pt x="754" y="3583"/>
                    </a:lnTo>
                    <a:lnTo>
                      <a:pt x="755" y="3582"/>
                    </a:lnTo>
                    <a:lnTo>
                      <a:pt x="757" y="3581"/>
                    </a:lnTo>
                    <a:lnTo>
                      <a:pt x="778" y="3581"/>
                    </a:lnTo>
                    <a:lnTo>
                      <a:pt x="811" y="3580"/>
                    </a:lnTo>
                    <a:lnTo>
                      <a:pt x="820" y="3578"/>
                    </a:lnTo>
                    <a:lnTo>
                      <a:pt x="826" y="3580"/>
                    </a:lnTo>
                    <a:lnTo>
                      <a:pt x="830" y="3581"/>
                    </a:lnTo>
                    <a:lnTo>
                      <a:pt x="834" y="3585"/>
                    </a:lnTo>
                    <a:lnTo>
                      <a:pt x="839" y="3595"/>
                    </a:lnTo>
                    <a:lnTo>
                      <a:pt x="847" y="3609"/>
                    </a:lnTo>
                    <a:lnTo>
                      <a:pt x="849" y="3613"/>
                    </a:lnTo>
                    <a:lnTo>
                      <a:pt x="852" y="3616"/>
                    </a:lnTo>
                    <a:lnTo>
                      <a:pt x="856" y="3618"/>
                    </a:lnTo>
                    <a:lnTo>
                      <a:pt x="860" y="3621"/>
                    </a:lnTo>
                    <a:lnTo>
                      <a:pt x="870" y="3624"/>
                    </a:lnTo>
                    <a:lnTo>
                      <a:pt x="881" y="3626"/>
                    </a:lnTo>
                    <a:lnTo>
                      <a:pt x="901" y="3629"/>
                    </a:lnTo>
                    <a:lnTo>
                      <a:pt x="919" y="3631"/>
                    </a:lnTo>
                    <a:lnTo>
                      <a:pt x="936" y="3633"/>
                    </a:lnTo>
                    <a:lnTo>
                      <a:pt x="958" y="3635"/>
                    </a:lnTo>
                    <a:lnTo>
                      <a:pt x="969" y="3637"/>
                    </a:lnTo>
                    <a:lnTo>
                      <a:pt x="979" y="3639"/>
                    </a:lnTo>
                    <a:lnTo>
                      <a:pt x="987" y="3642"/>
                    </a:lnTo>
                    <a:lnTo>
                      <a:pt x="991" y="3646"/>
                    </a:lnTo>
                    <a:lnTo>
                      <a:pt x="1005" y="3668"/>
                    </a:lnTo>
                    <a:lnTo>
                      <a:pt x="1017" y="3692"/>
                    </a:lnTo>
                    <a:lnTo>
                      <a:pt x="1029" y="3717"/>
                    </a:lnTo>
                    <a:lnTo>
                      <a:pt x="1045" y="3739"/>
                    </a:lnTo>
                    <a:lnTo>
                      <a:pt x="1052" y="3749"/>
                    </a:lnTo>
                    <a:lnTo>
                      <a:pt x="1058" y="3756"/>
                    </a:lnTo>
                    <a:lnTo>
                      <a:pt x="1062" y="3760"/>
                    </a:lnTo>
                    <a:lnTo>
                      <a:pt x="1066" y="3761"/>
                    </a:lnTo>
                    <a:lnTo>
                      <a:pt x="1068" y="3761"/>
                    </a:lnTo>
                    <a:lnTo>
                      <a:pt x="1071" y="3758"/>
                    </a:lnTo>
                    <a:lnTo>
                      <a:pt x="1072" y="3754"/>
                    </a:lnTo>
                    <a:lnTo>
                      <a:pt x="1072" y="3751"/>
                    </a:lnTo>
                    <a:lnTo>
                      <a:pt x="1071" y="3738"/>
                    </a:lnTo>
                    <a:lnTo>
                      <a:pt x="1068" y="3725"/>
                    </a:lnTo>
                    <a:lnTo>
                      <a:pt x="1063" y="3713"/>
                    </a:lnTo>
                    <a:lnTo>
                      <a:pt x="1058" y="3704"/>
                    </a:lnTo>
                    <a:lnTo>
                      <a:pt x="1040" y="3682"/>
                    </a:lnTo>
                    <a:lnTo>
                      <a:pt x="1014" y="3651"/>
                    </a:lnTo>
                    <a:lnTo>
                      <a:pt x="1002" y="3634"/>
                    </a:lnTo>
                    <a:lnTo>
                      <a:pt x="992" y="3620"/>
                    </a:lnTo>
                    <a:lnTo>
                      <a:pt x="987" y="3612"/>
                    </a:lnTo>
                    <a:lnTo>
                      <a:pt x="984" y="3607"/>
                    </a:lnTo>
                    <a:lnTo>
                      <a:pt x="983" y="3602"/>
                    </a:lnTo>
                    <a:lnTo>
                      <a:pt x="982" y="3596"/>
                    </a:lnTo>
                    <a:lnTo>
                      <a:pt x="983" y="3594"/>
                    </a:lnTo>
                    <a:lnTo>
                      <a:pt x="984" y="3591"/>
                    </a:lnTo>
                    <a:lnTo>
                      <a:pt x="988" y="3590"/>
                    </a:lnTo>
                    <a:lnTo>
                      <a:pt x="993" y="3590"/>
                    </a:lnTo>
                    <a:lnTo>
                      <a:pt x="1005" y="3593"/>
                    </a:lnTo>
                    <a:lnTo>
                      <a:pt x="1018" y="3598"/>
                    </a:lnTo>
                    <a:lnTo>
                      <a:pt x="1032" y="3605"/>
                    </a:lnTo>
                    <a:lnTo>
                      <a:pt x="1045" y="3612"/>
                    </a:lnTo>
                    <a:lnTo>
                      <a:pt x="1055" y="3618"/>
                    </a:lnTo>
                    <a:lnTo>
                      <a:pt x="1061" y="3624"/>
                    </a:lnTo>
                    <a:lnTo>
                      <a:pt x="1070" y="3639"/>
                    </a:lnTo>
                    <a:lnTo>
                      <a:pt x="1081" y="3655"/>
                    </a:lnTo>
                    <a:lnTo>
                      <a:pt x="1088" y="3660"/>
                    </a:lnTo>
                    <a:lnTo>
                      <a:pt x="1094" y="3665"/>
                    </a:lnTo>
                    <a:lnTo>
                      <a:pt x="1098" y="3666"/>
                    </a:lnTo>
                    <a:lnTo>
                      <a:pt x="1102" y="3668"/>
                    </a:lnTo>
                    <a:lnTo>
                      <a:pt x="1107" y="3668"/>
                    </a:lnTo>
                    <a:lnTo>
                      <a:pt x="1111" y="3668"/>
                    </a:lnTo>
                    <a:lnTo>
                      <a:pt x="1114" y="3666"/>
                    </a:lnTo>
                    <a:lnTo>
                      <a:pt x="1116" y="3665"/>
                    </a:lnTo>
                    <a:lnTo>
                      <a:pt x="1118" y="3662"/>
                    </a:lnTo>
                    <a:lnTo>
                      <a:pt x="1119" y="3659"/>
                    </a:lnTo>
                    <a:lnTo>
                      <a:pt x="1120" y="3652"/>
                    </a:lnTo>
                    <a:lnTo>
                      <a:pt x="1119" y="3644"/>
                    </a:lnTo>
                    <a:lnTo>
                      <a:pt x="1116" y="3635"/>
                    </a:lnTo>
                    <a:lnTo>
                      <a:pt x="1112" y="3628"/>
                    </a:lnTo>
                    <a:lnTo>
                      <a:pt x="1109" y="3621"/>
                    </a:lnTo>
                    <a:lnTo>
                      <a:pt x="1105" y="3616"/>
                    </a:lnTo>
                    <a:lnTo>
                      <a:pt x="1097" y="3608"/>
                    </a:lnTo>
                    <a:lnTo>
                      <a:pt x="1090" y="3600"/>
                    </a:lnTo>
                    <a:lnTo>
                      <a:pt x="1085" y="3593"/>
                    </a:lnTo>
                    <a:lnTo>
                      <a:pt x="1080" y="3583"/>
                    </a:lnTo>
                    <a:lnTo>
                      <a:pt x="1077" y="3573"/>
                    </a:lnTo>
                    <a:lnTo>
                      <a:pt x="1075" y="3564"/>
                    </a:lnTo>
                    <a:lnTo>
                      <a:pt x="1074" y="3554"/>
                    </a:lnTo>
                    <a:lnTo>
                      <a:pt x="1074" y="3542"/>
                    </a:lnTo>
                    <a:lnTo>
                      <a:pt x="1074" y="3530"/>
                    </a:lnTo>
                    <a:lnTo>
                      <a:pt x="1076" y="3524"/>
                    </a:lnTo>
                    <a:lnTo>
                      <a:pt x="1077" y="3523"/>
                    </a:lnTo>
                    <a:lnTo>
                      <a:pt x="1079" y="3523"/>
                    </a:lnTo>
                    <a:lnTo>
                      <a:pt x="1080" y="3523"/>
                    </a:lnTo>
                    <a:lnTo>
                      <a:pt x="1081" y="3525"/>
                    </a:lnTo>
                    <a:lnTo>
                      <a:pt x="1084" y="3530"/>
                    </a:lnTo>
                    <a:lnTo>
                      <a:pt x="1087" y="3537"/>
                    </a:lnTo>
                    <a:lnTo>
                      <a:pt x="1088" y="3546"/>
                    </a:lnTo>
                    <a:lnTo>
                      <a:pt x="1088" y="3555"/>
                    </a:lnTo>
                    <a:lnTo>
                      <a:pt x="1093" y="3559"/>
                    </a:lnTo>
                    <a:lnTo>
                      <a:pt x="1098" y="3564"/>
                    </a:lnTo>
                    <a:lnTo>
                      <a:pt x="1101" y="3567"/>
                    </a:lnTo>
                    <a:lnTo>
                      <a:pt x="1103" y="3569"/>
                    </a:lnTo>
                    <a:lnTo>
                      <a:pt x="1107" y="3571"/>
                    </a:lnTo>
                    <a:lnTo>
                      <a:pt x="1110" y="3571"/>
                    </a:lnTo>
                    <a:lnTo>
                      <a:pt x="1121" y="3571"/>
                    </a:lnTo>
                    <a:lnTo>
                      <a:pt x="1134" y="3573"/>
                    </a:lnTo>
                    <a:lnTo>
                      <a:pt x="1141" y="3573"/>
                    </a:lnTo>
                    <a:lnTo>
                      <a:pt x="1146" y="3572"/>
                    </a:lnTo>
                    <a:lnTo>
                      <a:pt x="1150" y="3569"/>
                    </a:lnTo>
                    <a:lnTo>
                      <a:pt x="1153" y="3565"/>
                    </a:lnTo>
                    <a:lnTo>
                      <a:pt x="1151" y="3560"/>
                    </a:lnTo>
                    <a:lnTo>
                      <a:pt x="1150" y="3555"/>
                    </a:lnTo>
                    <a:lnTo>
                      <a:pt x="1145" y="3550"/>
                    </a:lnTo>
                    <a:lnTo>
                      <a:pt x="1137" y="3545"/>
                    </a:lnTo>
                    <a:lnTo>
                      <a:pt x="1131" y="3541"/>
                    </a:lnTo>
                    <a:lnTo>
                      <a:pt x="1125" y="3537"/>
                    </a:lnTo>
                    <a:lnTo>
                      <a:pt x="1123" y="3532"/>
                    </a:lnTo>
                    <a:lnTo>
                      <a:pt x="1120" y="3526"/>
                    </a:lnTo>
                    <a:lnTo>
                      <a:pt x="1118" y="3514"/>
                    </a:lnTo>
                    <a:lnTo>
                      <a:pt x="1116" y="3499"/>
                    </a:lnTo>
                    <a:lnTo>
                      <a:pt x="1119" y="3491"/>
                    </a:lnTo>
                    <a:lnTo>
                      <a:pt x="1121" y="3484"/>
                    </a:lnTo>
                    <a:lnTo>
                      <a:pt x="1127" y="3477"/>
                    </a:lnTo>
                    <a:lnTo>
                      <a:pt x="1132" y="3472"/>
                    </a:lnTo>
                    <a:lnTo>
                      <a:pt x="1137" y="3468"/>
                    </a:lnTo>
                    <a:lnTo>
                      <a:pt x="1145" y="3466"/>
                    </a:lnTo>
                    <a:lnTo>
                      <a:pt x="1153" y="3466"/>
                    </a:lnTo>
                    <a:lnTo>
                      <a:pt x="1162" y="3467"/>
                    </a:lnTo>
                    <a:lnTo>
                      <a:pt x="1169" y="3468"/>
                    </a:lnTo>
                    <a:lnTo>
                      <a:pt x="1178" y="3469"/>
                    </a:lnTo>
                    <a:lnTo>
                      <a:pt x="1186" y="3468"/>
                    </a:lnTo>
                    <a:lnTo>
                      <a:pt x="1194" y="3467"/>
                    </a:lnTo>
                    <a:lnTo>
                      <a:pt x="1208" y="3464"/>
                    </a:lnTo>
                    <a:lnTo>
                      <a:pt x="1221" y="3464"/>
                    </a:lnTo>
                    <a:lnTo>
                      <a:pt x="1217" y="3482"/>
                    </a:lnTo>
                    <a:lnTo>
                      <a:pt x="1215" y="3504"/>
                    </a:lnTo>
                    <a:lnTo>
                      <a:pt x="1215" y="3511"/>
                    </a:lnTo>
                    <a:lnTo>
                      <a:pt x="1215" y="3515"/>
                    </a:lnTo>
                    <a:lnTo>
                      <a:pt x="1216" y="3519"/>
                    </a:lnTo>
                    <a:lnTo>
                      <a:pt x="1219" y="3523"/>
                    </a:lnTo>
                    <a:lnTo>
                      <a:pt x="1221" y="3525"/>
                    </a:lnTo>
                    <a:lnTo>
                      <a:pt x="1226" y="3526"/>
                    </a:lnTo>
                    <a:lnTo>
                      <a:pt x="1232" y="3526"/>
                    </a:lnTo>
                    <a:lnTo>
                      <a:pt x="1238" y="3525"/>
                    </a:lnTo>
                    <a:lnTo>
                      <a:pt x="1258" y="3519"/>
                    </a:lnTo>
                    <a:lnTo>
                      <a:pt x="1277" y="3511"/>
                    </a:lnTo>
                    <a:lnTo>
                      <a:pt x="1281" y="3508"/>
                    </a:lnTo>
                    <a:lnTo>
                      <a:pt x="1283" y="3506"/>
                    </a:lnTo>
                    <a:lnTo>
                      <a:pt x="1286" y="3503"/>
                    </a:lnTo>
                    <a:lnTo>
                      <a:pt x="1286" y="3499"/>
                    </a:lnTo>
                    <a:lnTo>
                      <a:pt x="1286" y="3495"/>
                    </a:lnTo>
                    <a:lnTo>
                      <a:pt x="1283" y="3491"/>
                    </a:lnTo>
                    <a:lnTo>
                      <a:pt x="1280" y="3488"/>
                    </a:lnTo>
                    <a:lnTo>
                      <a:pt x="1274" y="3482"/>
                    </a:lnTo>
                    <a:lnTo>
                      <a:pt x="1268" y="3476"/>
                    </a:lnTo>
                    <a:lnTo>
                      <a:pt x="1264" y="3471"/>
                    </a:lnTo>
                    <a:lnTo>
                      <a:pt x="1265" y="3467"/>
                    </a:lnTo>
                    <a:lnTo>
                      <a:pt x="1267" y="3464"/>
                    </a:lnTo>
                    <a:lnTo>
                      <a:pt x="1270" y="3460"/>
                    </a:lnTo>
                    <a:lnTo>
                      <a:pt x="1273" y="3458"/>
                    </a:lnTo>
                    <a:lnTo>
                      <a:pt x="1276" y="3455"/>
                    </a:lnTo>
                    <a:lnTo>
                      <a:pt x="1276" y="3451"/>
                    </a:lnTo>
                    <a:lnTo>
                      <a:pt x="1274" y="3444"/>
                    </a:lnTo>
                    <a:lnTo>
                      <a:pt x="1274" y="3437"/>
                    </a:lnTo>
                    <a:lnTo>
                      <a:pt x="1277" y="3431"/>
                    </a:lnTo>
                    <a:lnTo>
                      <a:pt x="1282" y="3427"/>
                    </a:lnTo>
                    <a:lnTo>
                      <a:pt x="1289" y="3423"/>
                    </a:lnTo>
                    <a:lnTo>
                      <a:pt x="1295" y="3422"/>
                    </a:lnTo>
                    <a:lnTo>
                      <a:pt x="1303" y="3420"/>
                    </a:lnTo>
                    <a:lnTo>
                      <a:pt x="1311" y="3422"/>
                    </a:lnTo>
                    <a:lnTo>
                      <a:pt x="1322" y="3424"/>
                    </a:lnTo>
                    <a:lnTo>
                      <a:pt x="1334" y="3424"/>
                    </a:lnTo>
                    <a:lnTo>
                      <a:pt x="1344" y="3424"/>
                    </a:lnTo>
                    <a:lnTo>
                      <a:pt x="1356" y="3423"/>
                    </a:lnTo>
                    <a:lnTo>
                      <a:pt x="1366" y="3424"/>
                    </a:lnTo>
                    <a:lnTo>
                      <a:pt x="1377" y="3427"/>
                    </a:lnTo>
                    <a:lnTo>
                      <a:pt x="1382" y="3429"/>
                    </a:lnTo>
                    <a:lnTo>
                      <a:pt x="1386" y="3433"/>
                    </a:lnTo>
                    <a:lnTo>
                      <a:pt x="1391" y="3437"/>
                    </a:lnTo>
                    <a:lnTo>
                      <a:pt x="1395" y="3442"/>
                    </a:lnTo>
                    <a:lnTo>
                      <a:pt x="1418" y="3468"/>
                    </a:lnTo>
                    <a:lnTo>
                      <a:pt x="1427" y="3481"/>
                    </a:lnTo>
                    <a:lnTo>
                      <a:pt x="1429" y="3488"/>
                    </a:lnTo>
                    <a:lnTo>
                      <a:pt x="1427" y="3498"/>
                    </a:lnTo>
                    <a:lnTo>
                      <a:pt x="1423" y="3514"/>
                    </a:lnTo>
                    <a:lnTo>
                      <a:pt x="1418" y="3537"/>
                    </a:lnTo>
                    <a:lnTo>
                      <a:pt x="1418" y="3542"/>
                    </a:lnTo>
                    <a:lnTo>
                      <a:pt x="1418" y="3547"/>
                    </a:lnTo>
                    <a:lnTo>
                      <a:pt x="1418" y="3551"/>
                    </a:lnTo>
                    <a:lnTo>
                      <a:pt x="1419" y="3555"/>
                    </a:lnTo>
                    <a:lnTo>
                      <a:pt x="1422" y="3556"/>
                    </a:lnTo>
                    <a:lnTo>
                      <a:pt x="1426" y="3558"/>
                    </a:lnTo>
                    <a:lnTo>
                      <a:pt x="1429" y="3559"/>
                    </a:lnTo>
                    <a:lnTo>
                      <a:pt x="1432" y="3559"/>
                    </a:lnTo>
                    <a:lnTo>
                      <a:pt x="1452" y="3556"/>
                    </a:lnTo>
                    <a:lnTo>
                      <a:pt x="1471" y="3555"/>
                    </a:lnTo>
                    <a:lnTo>
                      <a:pt x="1476" y="3555"/>
                    </a:lnTo>
                    <a:lnTo>
                      <a:pt x="1487" y="3555"/>
                    </a:lnTo>
                    <a:lnTo>
                      <a:pt x="1495" y="3555"/>
                    </a:lnTo>
                    <a:lnTo>
                      <a:pt x="1498" y="3552"/>
                    </a:lnTo>
                    <a:lnTo>
                      <a:pt x="1492" y="3550"/>
                    </a:lnTo>
                    <a:lnTo>
                      <a:pt x="1487" y="3546"/>
                    </a:lnTo>
                    <a:lnTo>
                      <a:pt x="1483" y="3542"/>
                    </a:lnTo>
                    <a:lnTo>
                      <a:pt x="1480" y="3538"/>
                    </a:lnTo>
                    <a:lnTo>
                      <a:pt x="1480" y="3534"/>
                    </a:lnTo>
                    <a:lnTo>
                      <a:pt x="1480" y="3530"/>
                    </a:lnTo>
                    <a:lnTo>
                      <a:pt x="1483" y="3526"/>
                    </a:lnTo>
                    <a:lnTo>
                      <a:pt x="1486" y="3523"/>
                    </a:lnTo>
                    <a:lnTo>
                      <a:pt x="1492" y="3515"/>
                    </a:lnTo>
                    <a:lnTo>
                      <a:pt x="1502" y="3508"/>
                    </a:lnTo>
                    <a:lnTo>
                      <a:pt x="1511" y="3504"/>
                    </a:lnTo>
                    <a:lnTo>
                      <a:pt x="1522" y="3501"/>
                    </a:lnTo>
                    <a:lnTo>
                      <a:pt x="1531" y="3501"/>
                    </a:lnTo>
                    <a:lnTo>
                      <a:pt x="1544" y="3502"/>
                    </a:lnTo>
                    <a:lnTo>
                      <a:pt x="1559" y="3503"/>
                    </a:lnTo>
                    <a:lnTo>
                      <a:pt x="1575" y="3506"/>
                    </a:lnTo>
                    <a:lnTo>
                      <a:pt x="1589" y="3508"/>
                    </a:lnTo>
                    <a:lnTo>
                      <a:pt x="1601" y="3508"/>
                    </a:lnTo>
                    <a:lnTo>
                      <a:pt x="1606" y="3507"/>
                    </a:lnTo>
                    <a:lnTo>
                      <a:pt x="1609" y="3506"/>
                    </a:lnTo>
                    <a:lnTo>
                      <a:pt x="1611" y="3503"/>
                    </a:lnTo>
                    <a:lnTo>
                      <a:pt x="1611" y="3501"/>
                    </a:lnTo>
                    <a:lnTo>
                      <a:pt x="1614" y="3488"/>
                    </a:lnTo>
                    <a:lnTo>
                      <a:pt x="1618" y="3469"/>
                    </a:lnTo>
                    <a:lnTo>
                      <a:pt x="1623" y="3453"/>
                    </a:lnTo>
                    <a:lnTo>
                      <a:pt x="1624" y="3445"/>
                    </a:lnTo>
                    <a:lnTo>
                      <a:pt x="1622" y="3442"/>
                    </a:lnTo>
                    <a:lnTo>
                      <a:pt x="1618" y="3442"/>
                    </a:lnTo>
                    <a:lnTo>
                      <a:pt x="1611" y="3442"/>
                    </a:lnTo>
                    <a:lnTo>
                      <a:pt x="1603" y="3442"/>
                    </a:lnTo>
                    <a:lnTo>
                      <a:pt x="1589" y="3445"/>
                    </a:lnTo>
                    <a:lnTo>
                      <a:pt x="1580" y="3446"/>
                    </a:lnTo>
                    <a:lnTo>
                      <a:pt x="1568" y="3446"/>
                    </a:lnTo>
                    <a:lnTo>
                      <a:pt x="1559" y="3445"/>
                    </a:lnTo>
                    <a:lnTo>
                      <a:pt x="1554" y="3444"/>
                    </a:lnTo>
                    <a:lnTo>
                      <a:pt x="1553" y="3441"/>
                    </a:lnTo>
                    <a:lnTo>
                      <a:pt x="1553" y="3438"/>
                    </a:lnTo>
                    <a:lnTo>
                      <a:pt x="1555" y="3436"/>
                    </a:lnTo>
                    <a:lnTo>
                      <a:pt x="1561" y="3432"/>
                    </a:lnTo>
                    <a:lnTo>
                      <a:pt x="1566" y="3428"/>
                    </a:lnTo>
                    <a:lnTo>
                      <a:pt x="1596" y="3414"/>
                    </a:lnTo>
                    <a:lnTo>
                      <a:pt x="1615" y="3405"/>
                    </a:lnTo>
                    <a:lnTo>
                      <a:pt x="1632" y="3396"/>
                    </a:lnTo>
                    <a:lnTo>
                      <a:pt x="1651" y="3389"/>
                    </a:lnTo>
                    <a:lnTo>
                      <a:pt x="1669" y="3384"/>
                    </a:lnTo>
                    <a:lnTo>
                      <a:pt x="1686" y="3378"/>
                    </a:lnTo>
                    <a:lnTo>
                      <a:pt x="1693" y="3374"/>
                    </a:lnTo>
                    <a:lnTo>
                      <a:pt x="1701" y="3368"/>
                    </a:lnTo>
                    <a:lnTo>
                      <a:pt x="1707" y="3362"/>
                    </a:lnTo>
                    <a:lnTo>
                      <a:pt x="1712" y="3355"/>
                    </a:lnTo>
                    <a:lnTo>
                      <a:pt x="1716" y="3348"/>
                    </a:lnTo>
                    <a:lnTo>
                      <a:pt x="1720" y="3337"/>
                    </a:lnTo>
                    <a:lnTo>
                      <a:pt x="1721" y="3326"/>
                    </a:lnTo>
                    <a:lnTo>
                      <a:pt x="1723" y="3311"/>
                    </a:lnTo>
                    <a:lnTo>
                      <a:pt x="1712" y="3313"/>
                    </a:lnTo>
                    <a:lnTo>
                      <a:pt x="1699" y="3315"/>
                    </a:lnTo>
                    <a:lnTo>
                      <a:pt x="1688" y="3315"/>
                    </a:lnTo>
                    <a:lnTo>
                      <a:pt x="1676" y="3315"/>
                    </a:lnTo>
                    <a:lnTo>
                      <a:pt x="1671" y="3314"/>
                    </a:lnTo>
                    <a:lnTo>
                      <a:pt x="1667" y="3313"/>
                    </a:lnTo>
                    <a:lnTo>
                      <a:pt x="1664" y="3310"/>
                    </a:lnTo>
                    <a:lnTo>
                      <a:pt x="1662" y="3308"/>
                    </a:lnTo>
                    <a:lnTo>
                      <a:pt x="1662" y="3304"/>
                    </a:lnTo>
                    <a:lnTo>
                      <a:pt x="1663" y="3298"/>
                    </a:lnTo>
                    <a:lnTo>
                      <a:pt x="1666" y="3292"/>
                    </a:lnTo>
                    <a:lnTo>
                      <a:pt x="1671" y="3284"/>
                    </a:lnTo>
                    <a:lnTo>
                      <a:pt x="1676" y="3279"/>
                    </a:lnTo>
                    <a:lnTo>
                      <a:pt x="1684" y="3273"/>
                    </a:lnTo>
                    <a:lnTo>
                      <a:pt x="1695" y="3265"/>
                    </a:lnTo>
                    <a:lnTo>
                      <a:pt x="1707" y="3257"/>
                    </a:lnTo>
                    <a:lnTo>
                      <a:pt x="1717" y="3251"/>
                    </a:lnTo>
                    <a:lnTo>
                      <a:pt x="1726" y="3244"/>
                    </a:lnTo>
                    <a:lnTo>
                      <a:pt x="1732" y="3240"/>
                    </a:lnTo>
                    <a:lnTo>
                      <a:pt x="1733" y="3238"/>
                    </a:lnTo>
                    <a:lnTo>
                      <a:pt x="1720" y="3219"/>
                    </a:lnTo>
                    <a:lnTo>
                      <a:pt x="1708" y="3204"/>
                    </a:lnTo>
                    <a:lnTo>
                      <a:pt x="1704" y="3204"/>
                    </a:lnTo>
                    <a:lnTo>
                      <a:pt x="1701" y="3205"/>
                    </a:lnTo>
                    <a:lnTo>
                      <a:pt x="1697" y="3207"/>
                    </a:lnTo>
                    <a:lnTo>
                      <a:pt x="1694" y="3209"/>
                    </a:lnTo>
                    <a:lnTo>
                      <a:pt x="1686" y="3216"/>
                    </a:lnTo>
                    <a:lnTo>
                      <a:pt x="1679" y="3223"/>
                    </a:lnTo>
                    <a:lnTo>
                      <a:pt x="1666" y="3240"/>
                    </a:lnTo>
                    <a:lnTo>
                      <a:pt x="1654" y="3253"/>
                    </a:lnTo>
                    <a:lnTo>
                      <a:pt x="1632" y="3269"/>
                    </a:lnTo>
                    <a:lnTo>
                      <a:pt x="1597" y="3292"/>
                    </a:lnTo>
                    <a:lnTo>
                      <a:pt x="1590" y="3298"/>
                    </a:lnTo>
                    <a:lnTo>
                      <a:pt x="1584" y="3304"/>
                    </a:lnTo>
                    <a:lnTo>
                      <a:pt x="1579" y="3310"/>
                    </a:lnTo>
                    <a:lnTo>
                      <a:pt x="1576" y="3315"/>
                    </a:lnTo>
                    <a:lnTo>
                      <a:pt x="1575" y="3317"/>
                    </a:lnTo>
                    <a:lnTo>
                      <a:pt x="1575" y="3319"/>
                    </a:lnTo>
                    <a:lnTo>
                      <a:pt x="1575" y="3322"/>
                    </a:lnTo>
                    <a:lnTo>
                      <a:pt x="1576" y="3323"/>
                    </a:lnTo>
                    <a:lnTo>
                      <a:pt x="1581" y="3326"/>
                    </a:lnTo>
                    <a:lnTo>
                      <a:pt x="1589" y="3328"/>
                    </a:lnTo>
                    <a:lnTo>
                      <a:pt x="1602" y="3328"/>
                    </a:lnTo>
                    <a:lnTo>
                      <a:pt x="1620" y="3330"/>
                    </a:lnTo>
                    <a:lnTo>
                      <a:pt x="1627" y="3331"/>
                    </a:lnTo>
                    <a:lnTo>
                      <a:pt x="1631" y="3333"/>
                    </a:lnTo>
                    <a:lnTo>
                      <a:pt x="1632" y="3335"/>
                    </a:lnTo>
                    <a:lnTo>
                      <a:pt x="1631" y="3337"/>
                    </a:lnTo>
                    <a:lnTo>
                      <a:pt x="1629" y="3340"/>
                    </a:lnTo>
                    <a:lnTo>
                      <a:pt x="1625" y="3344"/>
                    </a:lnTo>
                    <a:lnTo>
                      <a:pt x="1612" y="3353"/>
                    </a:lnTo>
                    <a:lnTo>
                      <a:pt x="1594" y="3367"/>
                    </a:lnTo>
                    <a:lnTo>
                      <a:pt x="1571" y="3381"/>
                    </a:lnTo>
                    <a:lnTo>
                      <a:pt x="1546" y="3397"/>
                    </a:lnTo>
                    <a:lnTo>
                      <a:pt x="1520" y="3411"/>
                    </a:lnTo>
                    <a:lnTo>
                      <a:pt x="1497" y="3423"/>
                    </a:lnTo>
                    <a:lnTo>
                      <a:pt x="1487" y="3427"/>
                    </a:lnTo>
                    <a:lnTo>
                      <a:pt x="1478" y="3429"/>
                    </a:lnTo>
                    <a:lnTo>
                      <a:pt x="1470" y="3431"/>
                    </a:lnTo>
                    <a:lnTo>
                      <a:pt x="1463" y="3431"/>
                    </a:lnTo>
                    <a:lnTo>
                      <a:pt x="1458" y="3428"/>
                    </a:lnTo>
                    <a:lnTo>
                      <a:pt x="1449" y="3424"/>
                    </a:lnTo>
                    <a:lnTo>
                      <a:pt x="1440" y="3418"/>
                    </a:lnTo>
                    <a:lnTo>
                      <a:pt x="1431" y="3411"/>
                    </a:lnTo>
                    <a:lnTo>
                      <a:pt x="1422" y="3403"/>
                    </a:lnTo>
                    <a:lnTo>
                      <a:pt x="1416" y="3396"/>
                    </a:lnTo>
                    <a:lnTo>
                      <a:pt x="1413" y="3392"/>
                    </a:lnTo>
                    <a:lnTo>
                      <a:pt x="1412" y="3388"/>
                    </a:lnTo>
                    <a:lnTo>
                      <a:pt x="1410" y="3384"/>
                    </a:lnTo>
                    <a:lnTo>
                      <a:pt x="1412" y="3381"/>
                    </a:lnTo>
                    <a:lnTo>
                      <a:pt x="1423" y="3370"/>
                    </a:lnTo>
                    <a:lnTo>
                      <a:pt x="1447" y="3353"/>
                    </a:lnTo>
                    <a:lnTo>
                      <a:pt x="1457" y="3345"/>
                    </a:lnTo>
                    <a:lnTo>
                      <a:pt x="1463" y="3339"/>
                    </a:lnTo>
                    <a:lnTo>
                      <a:pt x="1463" y="3336"/>
                    </a:lnTo>
                    <a:lnTo>
                      <a:pt x="1463" y="3335"/>
                    </a:lnTo>
                    <a:lnTo>
                      <a:pt x="1460" y="3333"/>
                    </a:lnTo>
                    <a:lnTo>
                      <a:pt x="1454" y="3335"/>
                    </a:lnTo>
                    <a:lnTo>
                      <a:pt x="1443" y="3336"/>
                    </a:lnTo>
                    <a:lnTo>
                      <a:pt x="1425" y="3341"/>
                    </a:lnTo>
                    <a:lnTo>
                      <a:pt x="1401" y="3345"/>
                    </a:lnTo>
                    <a:lnTo>
                      <a:pt x="1378" y="3349"/>
                    </a:lnTo>
                    <a:lnTo>
                      <a:pt x="1366" y="3350"/>
                    </a:lnTo>
                    <a:lnTo>
                      <a:pt x="1357" y="3352"/>
                    </a:lnTo>
                    <a:lnTo>
                      <a:pt x="1348" y="3350"/>
                    </a:lnTo>
                    <a:lnTo>
                      <a:pt x="1343" y="3349"/>
                    </a:lnTo>
                    <a:lnTo>
                      <a:pt x="1340" y="3348"/>
                    </a:lnTo>
                    <a:lnTo>
                      <a:pt x="1339" y="3345"/>
                    </a:lnTo>
                    <a:lnTo>
                      <a:pt x="1339" y="3344"/>
                    </a:lnTo>
                    <a:lnTo>
                      <a:pt x="1339" y="3341"/>
                    </a:lnTo>
                    <a:lnTo>
                      <a:pt x="1343" y="3335"/>
                    </a:lnTo>
                    <a:lnTo>
                      <a:pt x="1349" y="3326"/>
                    </a:lnTo>
                    <a:lnTo>
                      <a:pt x="1355" y="3322"/>
                    </a:lnTo>
                    <a:lnTo>
                      <a:pt x="1361" y="3319"/>
                    </a:lnTo>
                    <a:lnTo>
                      <a:pt x="1369" y="3318"/>
                    </a:lnTo>
                    <a:lnTo>
                      <a:pt x="1377" y="3315"/>
                    </a:lnTo>
                    <a:lnTo>
                      <a:pt x="1384" y="3314"/>
                    </a:lnTo>
                    <a:lnTo>
                      <a:pt x="1392" y="3311"/>
                    </a:lnTo>
                    <a:lnTo>
                      <a:pt x="1399" y="3309"/>
                    </a:lnTo>
                    <a:lnTo>
                      <a:pt x="1404" y="3305"/>
                    </a:lnTo>
                    <a:lnTo>
                      <a:pt x="1405" y="3304"/>
                    </a:lnTo>
                    <a:lnTo>
                      <a:pt x="1406" y="3301"/>
                    </a:lnTo>
                    <a:lnTo>
                      <a:pt x="1406" y="3298"/>
                    </a:lnTo>
                    <a:lnTo>
                      <a:pt x="1405" y="3296"/>
                    </a:lnTo>
                    <a:lnTo>
                      <a:pt x="1404" y="3291"/>
                    </a:lnTo>
                    <a:lnTo>
                      <a:pt x="1401" y="3286"/>
                    </a:lnTo>
                    <a:lnTo>
                      <a:pt x="1400" y="3280"/>
                    </a:lnTo>
                    <a:lnTo>
                      <a:pt x="1399" y="3275"/>
                    </a:lnTo>
                    <a:lnTo>
                      <a:pt x="1400" y="3273"/>
                    </a:lnTo>
                    <a:lnTo>
                      <a:pt x="1401" y="3270"/>
                    </a:lnTo>
                    <a:lnTo>
                      <a:pt x="1404" y="3269"/>
                    </a:lnTo>
                    <a:lnTo>
                      <a:pt x="1406" y="3266"/>
                    </a:lnTo>
                    <a:lnTo>
                      <a:pt x="1410" y="3266"/>
                    </a:lnTo>
                    <a:lnTo>
                      <a:pt x="1413" y="3266"/>
                    </a:lnTo>
                    <a:lnTo>
                      <a:pt x="1416" y="3266"/>
                    </a:lnTo>
                    <a:lnTo>
                      <a:pt x="1419" y="3267"/>
                    </a:lnTo>
                    <a:lnTo>
                      <a:pt x="1426" y="3273"/>
                    </a:lnTo>
                    <a:lnTo>
                      <a:pt x="1434" y="3278"/>
                    </a:lnTo>
                    <a:lnTo>
                      <a:pt x="1440" y="3283"/>
                    </a:lnTo>
                    <a:lnTo>
                      <a:pt x="1448" y="3287"/>
                    </a:lnTo>
                    <a:lnTo>
                      <a:pt x="1452" y="3288"/>
                    </a:lnTo>
                    <a:lnTo>
                      <a:pt x="1454" y="3289"/>
                    </a:lnTo>
                    <a:lnTo>
                      <a:pt x="1458" y="3289"/>
                    </a:lnTo>
                    <a:lnTo>
                      <a:pt x="1462" y="3288"/>
                    </a:lnTo>
                    <a:lnTo>
                      <a:pt x="1467" y="3286"/>
                    </a:lnTo>
                    <a:lnTo>
                      <a:pt x="1473" y="3283"/>
                    </a:lnTo>
                    <a:lnTo>
                      <a:pt x="1476" y="3280"/>
                    </a:lnTo>
                    <a:lnTo>
                      <a:pt x="1479" y="3278"/>
                    </a:lnTo>
                    <a:lnTo>
                      <a:pt x="1483" y="3270"/>
                    </a:lnTo>
                    <a:lnTo>
                      <a:pt x="1484" y="3262"/>
                    </a:lnTo>
                    <a:lnTo>
                      <a:pt x="1483" y="3245"/>
                    </a:lnTo>
                    <a:lnTo>
                      <a:pt x="1480" y="3226"/>
                    </a:lnTo>
                    <a:lnTo>
                      <a:pt x="1480" y="3222"/>
                    </a:lnTo>
                    <a:lnTo>
                      <a:pt x="1483" y="3216"/>
                    </a:lnTo>
                    <a:lnTo>
                      <a:pt x="1487" y="3208"/>
                    </a:lnTo>
                    <a:lnTo>
                      <a:pt x="1491" y="3199"/>
                    </a:lnTo>
                    <a:lnTo>
                      <a:pt x="1505" y="3177"/>
                    </a:lnTo>
                    <a:lnTo>
                      <a:pt x="1520" y="3151"/>
                    </a:lnTo>
                    <a:lnTo>
                      <a:pt x="1537" y="3125"/>
                    </a:lnTo>
                    <a:lnTo>
                      <a:pt x="1553" y="3100"/>
                    </a:lnTo>
                    <a:lnTo>
                      <a:pt x="1566" y="3078"/>
                    </a:lnTo>
                    <a:lnTo>
                      <a:pt x="1574" y="3061"/>
                    </a:lnTo>
                    <a:lnTo>
                      <a:pt x="1589" y="3052"/>
                    </a:lnTo>
                    <a:lnTo>
                      <a:pt x="1606" y="3043"/>
                    </a:lnTo>
                    <a:lnTo>
                      <a:pt x="1623" y="3033"/>
                    </a:lnTo>
                    <a:lnTo>
                      <a:pt x="1638" y="3021"/>
                    </a:lnTo>
                    <a:lnTo>
                      <a:pt x="1646" y="3015"/>
                    </a:lnTo>
                    <a:lnTo>
                      <a:pt x="1653" y="3008"/>
                    </a:lnTo>
                    <a:lnTo>
                      <a:pt x="1658" y="3002"/>
                    </a:lnTo>
                    <a:lnTo>
                      <a:pt x="1663" y="2994"/>
                    </a:lnTo>
                    <a:lnTo>
                      <a:pt x="1668" y="2986"/>
                    </a:lnTo>
                    <a:lnTo>
                      <a:pt x="1671" y="2979"/>
                    </a:lnTo>
                    <a:lnTo>
                      <a:pt x="1673" y="2971"/>
                    </a:lnTo>
                    <a:lnTo>
                      <a:pt x="1673" y="2962"/>
                    </a:lnTo>
                    <a:lnTo>
                      <a:pt x="1680" y="2971"/>
                    </a:lnTo>
                    <a:lnTo>
                      <a:pt x="1693" y="2994"/>
                    </a:lnTo>
                    <a:lnTo>
                      <a:pt x="1699" y="3007"/>
                    </a:lnTo>
                    <a:lnTo>
                      <a:pt x="1704" y="3019"/>
                    </a:lnTo>
                    <a:lnTo>
                      <a:pt x="1708" y="3029"/>
                    </a:lnTo>
                    <a:lnTo>
                      <a:pt x="1710" y="3036"/>
                    </a:lnTo>
                    <a:lnTo>
                      <a:pt x="1711" y="3054"/>
                    </a:lnTo>
                    <a:lnTo>
                      <a:pt x="1714" y="3067"/>
                    </a:lnTo>
                    <a:lnTo>
                      <a:pt x="1715" y="3072"/>
                    </a:lnTo>
                    <a:lnTo>
                      <a:pt x="1717" y="3074"/>
                    </a:lnTo>
                    <a:lnTo>
                      <a:pt x="1720" y="3076"/>
                    </a:lnTo>
                    <a:lnTo>
                      <a:pt x="1723" y="3077"/>
                    </a:lnTo>
                    <a:lnTo>
                      <a:pt x="1730" y="3076"/>
                    </a:lnTo>
                    <a:lnTo>
                      <a:pt x="1738" y="3072"/>
                    </a:lnTo>
                    <a:lnTo>
                      <a:pt x="1749" y="3065"/>
                    </a:lnTo>
                    <a:lnTo>
                      <a:pt x="1760" y="3059"/>
                    </a:lnTo>
                    <a:lnTo>
                      <a:pt x="1769" y="3054"/>
                    </a:lnTo>
                    <a:lnTo>
                      <a:pt x="1776" y="3052"/>
                    </a:lnTo>
                    <a:lnTo>
                      <a:pt x="1782" y="3052"/>
                    </a:lnTo>
                    <a:lnTo>
                      <a:pt x="1787" y="3052"/>
                    </a:lnTo>
                    <a:lnTo>
                      <a:pt x="1790" y="3052"/>
                    </a:lnTo>
                    <a:lnTo>
                      <a:pt x="1793" y="3051"/>
                    </a:lnTo>
                    <a:lnTo>
                      <a:pt x="1795" y="3050"/>
                    </a:lnTo>
                    <a:lnTo>
                      <a:pt x="1796" y="3047"/>
                    </a:lnTo>
                    <a:lnTo>
                      <a:pt x="1799" y="3038"/>
                    </a:lnTo>
                    <a:lnTo>
                      <a:pt x="1800" y="3024"/>
                    </a:lnTo>
                    <a:lnTo>
                      <a:pt x="1803" y="3016"/>
                    </a:lnTo>
                    <a:lnTo>
                      <a:pt x="1804" y="3010"/>
                    </a:lnTo>
                    <a:lnTo>
                      <a:pt x="1808" y="3006"/>
                    </a:lnTo>
                    <a:lnTo>
                      <a:pt x="1812" y="3002"/>
                    </a:lnTo>
                    <a:lnTo>
                      <a:pt x="1821" y="2997"/>
                    </a:lnTo>
                    <a:lnTo>
                      <a:pt x="1830" y="2995"/>
                    </a:lnTo>
                    <a:lnTo>
                      <a:pt x="1834" y="2994"/>
                    </a:lnTo>
                    <a:lnTo>
                      <a:pt x="1838" y="2993"/>
                    </a:lnTo>
                    <a:lnTo>
                      <a:pt x="1839" y="2990"/>
                    </a:lnTo>
                    <a:lnTo>
                      <a:pt x="1840" y="2988"/>
                    </a:lnTo>
                    <a:lnTo>
                      <a:pt x="1839" y="2984"/>
                    </a:lnTo>
                    <a:lnTo>
                      <a:pt x="1837" y="2979"/>
                    </a:lnTo>
                    <a:lnTo>
                      <a:pt x="1831" y="2972"/>
                    </a:lnTo>
                    <a:lnTo>
                      <a:pt x="1825" y="2963"/>
                    </a:lnTo>
                    <a:lnTo>
                      <a:pt x="1822" y="2958"/>
                    </a:lnTo>
                    <a:lnTo>
                      <a:pt x="1820" y="2954"/>
                    </a:lnTo>
                    <a:lnTo>
                      <a:pt x="1820" y="2949"/>
                    </a:lnTo>
                    <a:lnTo>
                      <a:pt x="1820" y="2944"/>
                    </a:lnTo>
                    <a:lnTo>
                      <a:pt x="1820" y="2940"/>
                    </a:lnTo>
                    <a:lnTo>
                      <a:pt x="1820" y="2934"/>
                    </a:lnTo>
                    <a:lnTo>
                      <a:pt x="1818" y="2929"/>
                    </a:lnTo>
                    <a:lnTo>
                      <a:pt x="1816" y="2924"/>
                    </a:lnTo>
                    <a:lnTo>
                      <a:pt x="1811" y="2915"/>
                    </a:lnTo>
                    <a:lnTo>
                      <a:pt x="1808" y="2907"/>
                    </a:lnTo>
                    <a:lnTo>
                      <a:pt x="1807" y="2899"/>
                    </a:lnTo>
                    <a:lnTo>
                      <a:pt x="1807" y="2893"/>
                    </a:lnTo>
                    <a:lnTo>
                      <a:pt x="1809" y="2887"/>
                    </a:lnTo>
                    <a:lnTo>
                      <a:pt x="1813" y="2881"/>
                    </a:lnTo>
                    <a:lnTo>
                      <a:pt x="1818" y="2876"/>
                    </a:lnTo>
                    <a:lnTo>
                      <a:pt x="1825" y="2872"/>
                    </a:lnTo>
                    <a:lnTo>
                      <a:pt x="1831" y="2868"/>
                    </a:lnTo>
                    <a:lnTo>
                      <a:pt x="1839" y="2865"/>
                    </a:lnTo>
                    <a:lnTo>
                      <a:pt x="1847" y="2862"/>
                    </a:lnTo>
                    <a:lnTo>
                      <a:pt x="1855" y="2861"/>
                    </a:lnTo>
                    <a:lnTo>
                      <a:pt x="1872" y="2858"/>
                    </a:lnTo>
                    <a:lnTo>
                      <a:pt x="1886" y="2857"/>
                    </a:lnTo>
                    <a:lnTo>
                      <a:pt x="1891" y="2857"/>
                    </a:lnTo>
                    <a:lnTo>
                      <a:pt x="1894" y="2855"/>
                    </a:lnTo>
                    <a:lnTo>
                      <a:pt x="1895" y="2853"/>
                    </a:lnTo>
                    <a:lnTo>
                      <a:pt x="1896" y="2850"/>
                    </a:lnTo>
                    <a:lnTo>
                      <a:pt x="1895" y="2845"/>
                    </a:lnTo>
                    <a:lnTo>
                      <a:pt x="1894" y="2837"/>
                    </a:lnTo>
                    <a:lnTo>
                      <a:pt x="1892" y="2830"/>
                    </a:lnTo>
                    <a:lnTo>
                      <a:pt x="1894" y="2823"/>
                    </a:lnTo>
                    <a:lnTo>
                      <a:pt x="1896" y="2820"/>
                    </a:lnTo>
                    <a:lnTo>
                      <a:pt x="1900" y="2818"/>
                    </a:lnTo>
                    <a:lnTo>
                      <a:pt x="1905" y="2817"/>
                    </a:lnTo>
                    <a:lnTo>
                      <a:pt x="1912" y="2815"/>
                    </a:lnTo>
                    <a:lnTo>
                      <a:pt x="1923" y="2815"/>
                    </a:lnTo>
                    <a:lnTo>
                      <a:pt x="1935" y="2817"/>
                    </a:lnTo>
                    <a:lnTo>
                      <a:pt x="1945" y="2818"/>
                    </a:lnTo>
                    <a:lnTo>
                      <a:pt x="1957" y="2820"/>
                    </a:lnTo>
                    <a:lnTo>
                      <a:pt x="1980" y="2824"/>
                    </a:lnTo>
                    <a:lnTo>
                      <a:pt x="2002" y="2827"/>
                    </a:lnTo>
                    <a:lnTo>
                      <a:pt x="1999" y="2819"/>
                    </a:lnTo>
                    <a:lnTo>
                      <a:pt x="1995" y="2813"/>
                    </a:lnTo>
                    <a:lnTo>
                      <a:pt x="1989" y="2808"/>
                    </a:lnTo>
                    <a:lnTo>
                      <a:pt x="1984" y="2802"/>
                    </a:lnTo>
                    <a:lnTo>
                      <a:pt x="1978" y="2800"/>
                    </a:lnTo>
                    <a:lnTo>
                      <a:pt x="1971" y="2797"/>
                    </a:lnTo>
                    <a:lnTo>
                      <a:pt x="1965" y="2796"/>
                    </a:lnTo>
                    <a:lnTo>
                      <a:pt x="1957" y="2795"/>
                    </a:lnTo>
                    <a:lnTo>
                      <a:pt x="1940" y="2795"/>
                    </a:lnTo>
                    <a:lnTo>
                      <a:pt x="1921" y="2797"/>
                    </a:lnTo>
                    <a:lnTo>
                      <a:pt x="1903" y="2802"/>
                    </a:lnTo>
                    <a:lnTo>
                      <a:pt x="1882" y="2809"/>
                    </a:lnTo>
                    <a:lnTo>
                      <a:pt x="1842" y="2824"/>
                    </a:lnTo>
                    <a:lnTo>
                      <a:pt x="1804" y="2840"/>
                    </a:lnTo>
                    <a:lnTo>
                      <a:pt x="1787" y="2846"/>
                    </a:lnTo>
                    <a:lnTo>
                      <a:pt x="1772" y="2852"/>
                    </a:lnTo>
                    <a:lnTo>
                      <a:pt x="1759" y="2855"/>
                    </a:lnTo>
                    <a:lnTo>
                      <a:pt x="1749" y="2857"/>
                    </a:lnTo>
                    <a:lnTo>
                      <a:pt x="1754" y="2844"/>
                    </a:lnTo>
                    <a:lnTo>
                      <a:pt x="1759" y="2832"/>
                    </a:lnTo>
                    <a:lnTo>
                      <a:pt x="1765" y="2824"/>
                    </a:lnTo>
                    <a:lnTo>
                      <a:pt x="1773" y="2818"/>
                    </a:lnTo>
                    <a:lnTo>
                      <a:pt x="1781" y="2814"/>
                    </a:lnTo>
                    <a:lnTo>
                      <a:pt x="1790" y="2810"/>
                    </a:lnTo>
                    <a:lnTo>
                      <a:pt x="1800" y="2808"/>
                    </a:lnTo>
                    <a:lnTo>
                      <a:pt x="1812" y="2804"/>
                    </a:lnTo>
                    <a:lnTo>
                      <a:pt x="1821" y="2801"/>
                    </a:lnTo>
                    <a:lnTo>
                      <a:pt x="1828" y="2797"/>
                    </a:lnTo>
                    <a:lnTo>
                      <a:pt x="1834" y="2793"/>
                    </a:lnTo>
                    <a:lnTo>
                      <a:pt x="1840" y="2788"/>
                    </a:lnTo>
                    <a:lnTo>
                      <a:pt x="1851" y="2776"/>
                    </a:lnTo>
                    <a:lnTo>
                      <a:pt x="1861" y="2765"/>
                    </a:lnTo>
                    <a:lnTo>
                      <a:pt x="1872" y="2753"/>
                    </a:lnTo>
                    <a:lnTo>
                      <a:pt x="1883" y="2741"/>
                    </a:lnTo>
                    <a:lnTo>
                      <a:pt x="1890" y="2736"/>
                    </a:lnTo>
                    <a:lnTo>
                      <a:pt x="1896" y="2732"/>
                    </a:lnTo>
                    <a:lnTo>
                      <a:pt x="1905" y="2728"/>
                    </a:lnTo>
                    <a:lnTo>
                      <a:pt x="1913" y="2726"/>
                    </a:lnTo>
                    <a:lnTo>
                      <a:pt x="1921" y="2723"/>
                    </a:lnTo>
                    <a:lnTo>
                      <a:pt x="1930" y="2718"/>
                    </a:lnTo>
                    <a:lnTo>
                      <a:pt x="1940" y="2712"/>
                    </a:lnTo>
                    <a:lnTo>
                      <a:pt x="1951" y="2705"/>
                    </a:lnTo>
                    <a:lnTo>
                      <a:pt x="1970" y="2692"/>
                    </a:lnTo>
                    <a:lnTo>
                      <a:pt x="1982" y="2687"/>
                    </a:lnTo>
                    <a:lnTo>
                      <a:pt x="1980" y="2709"/>
                    </a:lnTo>
                    <a:lnTo>
                      <a:pt x="1979" y="2734"/>
                    </a:lnTo>
                    <a:lnTo>
                      <a:pt x="1979" y="2738"/>
                    </a:lnTo>
                    <a:lnTo>
                      <a:pt x="1980" y="2743"/>
                    </a:lnTo>
                    <a:lnTo>
                      <a:pt x="1983" y="2745"/>
                    </a:lnTo>
                    <a:lnTo>
                      <a:pt x="1986" y="2748"/>
                    </a:lnTo>
                    <a:lnTo>
                      <a:pt x="1988" y="2749"/>
                    </a:lnTo>
                    <a:lnTo>
                      <a:pt x="1993" y="2748"/>
                    </a:lnTo>
                    <a:lnTo>
                      <a:pt x="1999" y="2747"/>
                    </a:lnTo>
                    <a:lnTo>
                      <a:pt x="2005" y="2743"/>
                    </a:lnTo>
                    <a:lnTo>
                      <a:pt x="2026" y="2734"/>
                    </a:lnTo>
                    <a:lnTo>
                      <a:pt x="2052" y="2722"/>
                    </a:lnTo>
                    <a:lnTo>
                      <a:pt x="2063" y="2716"/>
                    </a:lnTo>
                    <a:lnTo>
                      <a:pt x="2074" y="2708"/>
                    </a:lnTo>
                    <a:lnTo>
                      <a:pt x="2078" y="2703"/>
                    </a:lnTo>
                    <a:lnTo>
                      <a:pt x="2080" y="2699"/>
                    </a:lnTo>
                    <a:lnTo>
                      <a:pt x="2083" y="2694"/>
                    </a:lnTo>
                    <a:lnTo>
                      <a:pt x="2083" y="2688"/>
                    </a:lnTo>
                    <a:lnTo>
                      <a:pt x="2059" y="2692"/>
                    </a:lnTo>
                    <a:lnTo>
                      <a:pt x="2040" y="2696"/>
                    </a:lnTo>
                    <a:lnTo>
                      <a:pt x="2036" y="2696"/>
                    </a:lnTo>
                    <a:lnTo>
                      <a:pt x="2032" y="2695"/>
                    </a:lnTo>
                    <a:lnTo>
                      <a:pt x="2030" y="2692"/>
                    </a:lnTo>
                    <a:lnTo>
                      <a:pt x="2027" y="2688"/>
                    </a:lnTo>
                    <a:lnTo>
                      <a:pt x="2026" y="2683"/>
                    </a:lnTo>
                    <a:lnTo>
                      <a:pt x="2024" y="2677"/>
                    </a:lnTo>
                    <a:lnTo>
                      <a:pt x="2024" y="2668"/>
                    </a:lnTo>
                    <a:lnTo>
                      <a:pt x="2026" y="2656"/>
                    </a:lnTo>
                    <a:lnTo>
                      <a:pt x="2026" y="2647"/>
                    </a:lnTo>
                    <a:lnTo>
                      <a:pt x="2024" y="2640"/>
                    </a:lnTo>
                    <a:lnTo>
                      <a:pt x="2022" y="2635"/>
                    </a:lnTo>
                    <a:lnTo>
                      <a:pt x="2018" y="2631"/>
                    </a:lnTo>
                    <a:lnTo>
                      <a:pt x="2015" y="2630"/>
                    </a:lnTo>
                    <a:lnTo>
                      <a:pt x="2010" y="2629"/>
                    </a:lnTo>
                    <a:lnTo>
                      <a:pt x="2006" y="2629"/>
                    </a:lnTo>
                    <a:lnTo>
                      <a:pt x="2002" y="2630"/>
                    </a:lnTo>
                    <a:lnTo>
                      <a:pt x="1995" y="2630"/>
                    </a:lnTo>
                    <a:lnTo>
                      <a:pt x="1989" y="2630"/>
                    </a:lnTo>
                    <a:lnTo>
                      <a:pt x="1989" y="2627"/>
                    </a:lnTo>
                    <a:lnTo>
                      <a:pt x="1989" y="2624"/>
                    </a:lnTo>
                    <a:lnTo>
                      <a:pt x="1992" y="2618"/>
                    </a:lnTo>
                    <a:lnTo>
                      <a:pt x="1996" y="2611"/>
                    </a:lnTo>
                    <a:lnTo>
                      <a:pt x="2005" y="2599"/>
                    </a:lnTo>
                    <a:lnTo>
                      <a:pt x="2015" y="2589"/>
                    </a:lnTo>
                    <a:lnTo>
                      <a:pt x="2023" y="2577"/>
                    </a:lnTo>
                    <a:lnTo>
                      <a:pt x="2026" y="2573"/>
                    </a:lnTo>
                    <a:lnTo>
                      <a:pt x="2028" y="2573"/>
                    </a:lnTo>
                    <a:lnTo>
                      <a:pt x="2030" y="2577"/>
                    </a:lnTo>
                    <a:lnTo>
                      <a:pt x="2031" y="2582"/>
                    </a:lnTo>
                    <a:lnTo>
                      <a:pt x="2036" y="2589"/>
                    </a:lnTo>
                    <a:lnTo>
                      <a:pt x="2039" y="2591"/>
                    </a:lnTo>
                    <a:lnTo>
                      <a:pt x="2044" y="2592"/>
                    </a:lnTo>
                    <a:lnTo>
                      <a:pt x="2050" y="2594"/>
                    </a:lnTo>
                    <a:lnTo>
                      <a:pt x="2058" y="2594"/>
                    </a:lnTo>
                    <a:lnTo>
                      <a:pt x="2062" y="2592"/>
                    </a:lnTo>
                    <a:lnTo>
                      <a:pt x="2063" y="2590"/>
                    </a:lnTo>
                    <a:lnTo>
                      <a:pt x="2063" y="2587"/>
                    </a:lnTo>
                    <a:lnTo>
                      <a:pt x="2063" y="2582"/>
                    </a:lnTo>
                    <a:lnTo>
                      <a:pt x="2057" y="2570"/>
                    </a:lnTo>
                    <a:lnTo>
                      <a:pt x="2048" y="2556"/>
                    </a:lnTo>
                    <a:lnTo>
                      <a:pt x="2028" y="2530"/>
                    </a:lnTo>
                    <a:lnTo>
                      <a:pt x="2019" y="2515"/>
                    </a:lnTo>
                    <a:lnTo>
                      <a:pt x="2023" y="2504"/>
                    </a:lnTo>
                    <a:lnTo>
                      <a:pt x="2027" y="2495"/>
                    </a:lnTo>
                    <a:lnTo>
                      <a:pt x="2031" y="2490"/>
                    </a:lnTo>
                    <a:lnTo>
                      <a:pt x="2036" y="2486"/>
                    </a:lnTo>
                    <a:lnTo>
                      <a:pt x="2041" y="2484"/>
                    </a:lnTo>
                    <a:lnTo>
                      <a:pt x="2046" y="2484"/>
                    </a:lnTo>
                    <a:lnTo>
                      <a:pt x="2052" y="2484"/>
                    </a:lnTo>
                    <a:lnTo>
                      <a:pt x="2057" y="2486"/>
                    </a:lnTo>
                    <a:lnTo>
                      <a:pt x="2067" y="2490"/>
                    </a:lnTo>
                    <a:lnTo>
                      <a:pt x="2078" y="2494"/>
                    </a:lnTo>
                    <a:lnTo>
                      <a:pt x="2081" y="2495"/>
                    </a:lnTo>
                    <a:lnTo>
                      <a:pt x="2085" y="2495"/>
                    </a:lnTo>
                    <a:lnTo>
                      <a:pt x="2089" y="2494"/>
                    </a:lnTo>
                    <a:lnTo>
                      <a:pt x="2093" y="2490"/>
                    </a:lnTo>
                    <a:lnTo>
                      <a:pt x="2096" y="2485"/>
                    </a:lnTo>
                    <a:lnTo>
                      <a:pt x="2097" y="2480"/>
                    </a:lnTo>
                    <a:lnTo>
                      <a:pt x="2097" y="2475"/>
                    </a:lnTo>
                    <a:lnTo>
                      <a:pt x="2096" y="2469"/>
                    </a:lnTo>
                    <a:lnTo>
                      <a:pt x="2091" y="2458"/>
                    </a:lnTo>
                    <a:lnTo>
                      <a:pt x="2085" y="2447"/>
                    </a:lnTo>
                    <a:lnTo>
                      <a:pt x="2080" y="2437"/>
                    </a:lnTo>
                    <a:lnTo>
                      <a:pt x="2076" y="2428"/>
                    </a:lnTo>
                    <a:lnTo>
                      <a:pt x="2076" y="2424"/>
                    </a:lnTo>
                    <a:lnTo>
                      <a:pt x="2078" y="2420"/>
                    </a:lnTo>
                    <a:lnTo>
                      <a:pt x="2081" y="2416"/>
                    </a:lnTo>
                    <a:lnTo>
                      <a:pt x="2085" y="2414"/>
                    </a:lnTo>
                    <a:lnTo>
                      <a:pt x="2103" y="2399"/>
                    </a:lnTo>
                    <a:lnTo>
                      <a:pt x="2116" y="2387"/>
                    </a:lnTo>
                    <a:lnTo>
                      <a:pt x="2120" y="2388"/>
                    </a:lnTo>
                    <a:lnTo>
                      <a:pt x="2124" y="2389"/>
                    </a:lnTo>
                    <a:lnTo>
                      <a:pt x="2128" y="2392"/>
                    </a:lnTo>
                    <a:lnTo>
                      <a:pt x="2133" y="2396"/>
                    </a:lnTo>
                    <a:lnTo>
                      <a:pt x="2142" y="2405"/>
                    </a:lnTo>
                    <a:lnTo>
                      <a:pt x="2151" y="2414"/>
                    </a:lnTo>
                    <a:lnTo>
                      <a:pt x="2159" y="2423"/>
                    </a:lnTo>
                    <a:lnTo>
                      <a:pt x="2167" y="2431"/>
                    </a:lnTo>
                    <a:lnTo>
                      <a:pt x="2171" y="2433"/>
                    </a:lnTo>
                    <a:lnTo>
                      <a:pt x="2173" y="2434"/>
                    </a:lnTo>
                    <a:lnTo>
                      <a:pt x="2176" y="2434"/>
                    </a:lnTo>
                    <a:lnTo>
                      <a:pt x="2179" y="2434"/>
                    </a:lnTo>
                    <a:lnTo>
                      <a:pt x="2180" y="2432"/>
                    </a:lnTo>
                    <a:lnTo>
                      <a:pt x="2181" y="2428"/>
                    </a:lnTo>
                    <a:lnTo>
                      <a:pt x="2182" y="2424"/>
                    </a:lnTo>
                    <a:lnTo>
                      <a:pt x="2182" y="2419"/>
                    </a:lnTo>
                    <a:lnTo>
                      <a:pt x="2181" y="2410"/>
                    </a:lnTo>
                    <a:lnTo>
                      <a:pt x="2180" y="2398"/>
                    </a:lnTo>
                    <a:lnTo>
                      <a:pt x="2177" y="2388"/>
                    </a:lnTo>
                    <a:lnTo>
                      <a:pt x="2175" y="2377"/>
                    </a:lnTo>
                    <a:lnTo>
                      <a:pt x="2175" y="2368"/>
                    </a:lnTo>
                    <a:lnTo>
                      <a:pt x="2175" y="2361"/>
                    </a:lnTo>
                    <a:lnTo>
                      <a:pt x="2180" y="2350"/>
                    </a:lnTo>
                    <a:lnTo>
                      <a:pt x="2189" y="2336"/>
                    </a:lnTo>
                    <a:lnTo>
                      <a:pt x="2198" y="2323"/>
                    </a:lnTo>
                    <a:lnTo>
                      <a:pt x="2202" y="2315"/>
                    </a:lnTo>
                    <a:lnTo>
                      <a:pt x="2201" y="2313"/>
                    </a:lnTo>
                    <a:lnTo>
                      <a:pt x="2199" y="2310"/>
                    </a:lnTo>
                    <a:lnTo>
                      <a:pt x="2195" y="2307"/>
                    </a:lnTo>
                    <a:lnTo>
                      <a:pt x="2192" y="2305"/>
                    </a:lnTo>
                    <a:lnTo>
                      <a:pt x="2181" y="2302"/>
                    </a:lnTo>
                    <a:lnTo>
                      <a:pt x="2168" y="2300"/>
                    </a:lnTo>
                    <a:lnTo>
                      <a:pt x="2157" y="2298"/>
                    </a:lnTo>
                    <a:lnTo>
                      <a:pt x="2145" y="2297"/>
                    </a:lnTo>
                    <a:lnTo>
                      <a:pt x="2136" y="2295"/>
                    </a:lnTo>
                    <a:lnTo>
                      <a:pt x="2131" y="2292"/>
                    </a:lnTo>
                    <a:lnTo>
                      <a:pt x="2131" y="2291"/>
                    </a:lnTo>
                    <a:lnTo>
                      <a:pt x="2132" y="2288"/>
                    </a:lnTo>
                    <a:lnTo>
                      <a:pt x="2133" y="2284"/>
                    </a:lnTo>
                    <a:lnTo>
                      <a:pt x="2136" y="2282"/>
                    </a:lnTo>
                    <a:lnTo>
                      <a:pt x="2140" y="2275"/>
                    </a:lnTo>
                    <a:lnTo>
                      <a:pt x="2145" y="2273"/>
                    </a:lnTo>
                    <a:lnTo>
                      <a:pt x="2153" y="2271"/>
                    </a:lnTo>
                    <a:lnTo>
                      <a:pt x="2160" y="2273"/>
                    </a:lnTo>
                    <a:lnTo>
                      <a:pt x="2170" y="2275"/>
                    </a:lnTo>
                    <a:lnTo>
                      <a:pt x="2176" y="2278"/>
                    </a:lnTo>
                    <a:lnTo>
                      <a:pt x="2182" y="2280"/>
                    </a:lnTo>
                    <a:lnTo>
                      <a:pt x="2188" y="2282"/>
                    </a:lnTo>
                    <a:lnTo>
                      <a:pt x="2193" y="2283"/>
                    </a:lnTo>
                    <a:lnTo>
                      <a:pt x="2198" y="2283"/>
                    </a:lnTo>
                    <a:lnTo>
                      <a:pt x="2208" y="2280"/>
                    </a:lnTo>
                    <a:lnTo>
                      <a:pt x="2217" y="2278"/>
                    </a:lnTo>
                    <a:lnTo>
                      <a:pt x="2225" y="2275"/>
                    </a:lnTo>
                    <a:lnTo>
                      <a:pt x="2234" y="2271"/>
                    </a:lnTo>
                    <a:lnTo>
                      <a:pt x="2242" y="2270"/>
                    </a:lnTo>
                    <a:lnTo>
                      <a:pt x="2250" y="2271"/>
                    </a:lnTo>
                    <a:lnTo>
                      <a:pt x="2262" y="2275"/>
                    </a:lnTo>
                    <a:lnTo>
                      <a:pt x="2273" y="2282"/>
                    </a:lnTo>
                    <a:lnTo>
                      <a:pt x="2280" y="2284"/>
                    </a:lnTo>
                    <a:lnTo>
                      <a:pt x="2286" y="2284"/>
                    </a:lnTo>
                    <a:lnTo>
                      <a:pt x="2293" y="2284"/>
                    </a:lnTo>
                    <a:lnTo>
                      <a:pt x="2298" y="2282"/>
                    </a:lnTo>
                    <a:lnTo>
                      <a:pt x="2307" y="2274"/>
                    </a:lnTo>
                    <a:lnTo>
                      <a:pt x="2312" y="2267"/>
                    </a:lnTo>
                    <a:lnTo>
                      <a:pt x="2316" y="2263"/>
                    </a:lnTo>
                    <a:lnTo>
                      <a:pt x="2320" y="2261"/>
                    </a:lnTo>
                    <a:lnTo>
                      <a:pt x="2325" y="2260"/>
                    </a:lnTo>
                    <a:lnTo>
                      <a:pt x="2333" y="2258"/>
                    </a:lnTo>
                    <a:lnTo>
                      <a:pt x="2342" y="2256"/>
                    </a:lnTo>
                    <a:lnTo>
                      <a:pt x="2355" y="2248"/>
                    </a:lnTo>
                    <a:lnTo>
                      <a:pt x="2366" y="2240"/>
                    </a:lnTo>
                    <a:lnTo>
                      <a:pt x="2373" y="2235"/>
                    </a:lnTo>
                    <a:lnTo>
                      <a:pt x="2350" y="2234"/>
                    </a:lnTo>
                    <a:lnTo>
                      <a:pt x="2325" y="2234"/>
                    </a:lnTo>
                    <a:lnTo>
                      <a:pt x="2299" y="2231"/>
                    </a:lnTo>
                    <a:lnTo>
                      <a:pt x="2277" y="2228"/>
                    </a:lnTo>
                    <a:lnTo>
                      <a:pt x="2260" y="2226"/>
                    </a:lnTo>
                    <a:lnTo>
                      <a:pt x="2249" y="2223"/>
                    </a:lnTo>
                    <a:lnTo>
                      <a:pt x="2245" y="2222"/>
                    </a:lnTo>
                    <a:lnTo>
                      <a:pt x="2242" y="2221"/>
                    </a:lnTo>
                    <a:lnTo>
                      <a:pt x="2239" y="2218"/>
                    </a:lnTo>
                    <a:lnTo>
                      <a:pt x="2238" y="2217"/>
                    </a:lnTo>
                    <a:lnTo>
                      <a:pt x="2239" y="2212"/>
                    </a:lnTo>
                    <a:lnTo>
                      <a:pt x="2243" y="2205"/>
                    </a:lnTo>
                    <a:lnTo>
                      <a:pt x="2250" y="2196"/>
                    </a:lnTo>
                    <a:lnTo>
                      <a:pt x="2259" y="2184"/>
                    </a:lnTo>
                    <a:lnTo>
                      <a:pt x="2262" y="2182"/>
                    </a:lnTo>
                    <a:lnTo>
                      <a:pt x="2262" y="2178"/>
                    </a:lnTo>
                    <a:lnTo>
                      <a:pt x="2262" y="2175"/>
                    </a:lnTo>
                    <a:lnTo>
                      <a:pt x="2260" y="2171"/>
                    </a:lnTo>
                    <a:lnTo>
                      <a:pt x="2256" y="2165"/>
                    </a:lnTo>
                    <a:lnTo>
                      <a:pt x="2251" y="2159"/>
                    </a:lnTo>
                    <a:lnTo>
                      <a:pt x="2239" y="2146"/>
                    </a:lnTo>
                    <a:lnTo>
                      <a:pt x="2229" y="2138"/>
                    </a:lnTo>
                    <a:lnTo>
                      <a:pt x="2225" y="2133"/>
                    </a:lnTo>
                    <a:lnTo>
                      <a:pt x="2223" y="2129"/>
                    </a:lnTo>
                    <a:lnTo>
                      <a:pt x="2221" y="2125"/>
                    </a:lnTo>
                    <a:lnTo>
                      <a:pt x="2223" y="2124"/>
                    </a:lnTo>
                    <a:lnTo>
                      <a:pt x="2225" y="2122"/>
                    </a:lnTo>
                    <a:lnTo>
                      <a:pt x="2230" y="2121"/>
                    </a:lnTo>
                    <a:lnTo>
                      <a:pt x="2234" y="2121"/>
                    </a:lnTo>
                    <a:lnTo>
                      <a:pt x="2241" y="2121"/>
                    </a:lnTo>
                    <a:lnTo>
                      <a:pt x="2268" y="2124"/>
                    </a:lnTo>
                    <a:lnTo>
                      <a:pt x="2289" y="2125"/>
                    </a:lnTo>
                    <a:lnTo>
                      <a:pt x="2296" y="2124"/>
                    </a:lnTo>
                    <a:lnTo>
                      <a:pt x="2302" y="2122"/>
                    </a:lnTo>
                    <a:lnTo>
                      <a:pt x="2304" y="2121"/>
                    </a:lnTo>
                    <a:lnTo>
                      <a:pt x="2306" y="2120"/>
                    </a:lnTo>
                    <a:lnTo>
                      <a:pt x="2303" y="2114"/>
                    </a:lnTo>
                    <a:lnTo>
                      <a:pt x="2300" y="2103"/>
                    </a:lnTo>
                    <a:lnTo>
                      <a:pt x="2300" y="2096"/>
                    </a:lnTo>
                    <a:lnTo>
                      <a:pt x="2299" y="2092"/>
                    </a:lnTo>
                    <a:lnTo>
                      <a:pt x="2296" y="2090"/>
                    </a:lnTo>
                    <a:lnTo>
                      <a:pt x="2293" y="2087"/>
                    </a:lnTo>
                    <a:lnTo>
                      <a:pt x="2284" y="2086"/>
                    </a:lnTo>
                    <a:lnTo>
                      <a:pt x="2271" y="2079"/>
                    </a:lnTo>
                    <a:lnTo>
                      <a:pt x="2268" y="2077"/>
                    </a:lnTo>
                    <a:lnTo>
                      <a:pt x="2265" y="2073"/>
                    </a:lnTo>
                    <a:lnTo>
                      <a:pt x="2265" y="2070"/>
                    </a:lnTo>
                    <a:lnTo>
                      <a:pt x="2265" y="2069"/>
                    </a:lnTo>
                    <a:lnTo>
                      <a:pt x="2269" y="2064"/>
                    </a:lnTo>
                    <a:lnTo>
                      <a:pt x="2277" y="2061"/>
                    </a:lnTo>
                    <a:lnTo>
                      <a:pt x="2294" y="2056"/>
                    </a:lnTo>
                    <a:lnTo>
                      <a:pt x="2307" y="2054"/>
                    </a:lnTo>
                    <a:lnTo>
                      <a:pt x="2312" y="2052"/>
                    </a:lnTo>
                    <a:lnTo>
                      <a:pt x="2316" y="2050"/>
                    </a:lnTo>
                    <a:lnTo>
                      <a:pt x="2319" y="2048"/>
                    </a:lnTo>
                    <a:lnTo>
                      <a:pt x="2320" y="2045"/>
                    </a:lnTo>
                    <a:lnTo>
                      <a:pt x="2320" y="2042"/>
                    </a:lnTo>
                    <a:lnTo>
                      <a:pt x="2319" y="2039"/>
                    </a:lnTo>
                    <a:lnTo>
                      <a:pt x="2317" y="2035"/>
                    </a:lnTo>
                    <a:lnTo>
                      <a:pt x="2315" y="2032"/>
                    </a:lnTo>
                    <a:lnTo>
                      <a:pt x="2302" y="2017"/>
                    </a:lnTo>
                    <a:lnTo>
                      <a:pt x="2289" y="2002"/>
                    </a:lnTo>
                    <a:lnTo>
                      <a:pt x="2309" y="2002"/>
                    </a:lnTo>
                    <a:lnTo>
                      <a:pt x="2331" y="2000"/>
                    </a:lnTo>
                    <a:lnTo>
                      <a:pt x="2354" y="1999"/>
                    </a:lnTo>
                    <a:lnTo>
                      <a:pt x="2374" y="1998"/>
                    </a:lnTo>
                    <a:lnTo>
                      <a:pt x="2374" y="1998"/>
                    </a:lnTo>
                    <a:lnTo>
                      <a:pt x="2376" y="1998"/>
                    </a:lnTo>
                    <a:lnTo>
                      <a:pt x="2376" y="1994"/>
                    </a:lnTo>
                    <a:lnTo>
                      <a:pt x="2373" y="1991"/>
                    </a:lnTo>
                    <a:lnTo>
                      <a:pt x="2370" y="1988"/>
                    </a:lnTo>
                    <a:lnTo>
                      <a:pt x="2365" y="1984"/>
                    </a:lnTo>
                    <a:lnTo>
                      <a:pt x="2355" y="1976"/>
                    </a:lnTo>
                    <a:lnTo>
                      <a:pt x="2342" y="1967"/>
                    </a:lnTo>
                    <a:lnTo>
                      <a:pt x="2330" y="1956"/>
                    </a:lnTo>
                    <a:lnTo>
                      <a:pt x="2321" y="1945"/>
                    </a:lnTo>
                    <a:lnTo>
                      <a:pt x="2317" y="1940"/>
                    </a:lnTo>
                    <a:lnTo>
                      <a:pt x="2315" y="1933"/>
                    </a:lnTo>
                    <a:lnTo>
                      <a:pt x="2315" y="1928"/>
                    </a:lnTo>
                    <a:lnTo>
                      <a:pt x="2315" y="1921"/>
                    </a:lnTo>
                    <a:lnTo>
                      <a:pt x="2317" y="1919"/>
                    </a:lnTo>
                    <a:lnTo>
                      <a:pt x="2321" y="1919"/>
                    </a:lnTo>
                    <a:lnTo>
                      <a:pt x="2329" y="1919"/>
                    </a:lnTo>
                    <a:lnTo>
                      <a:pt x="2335" y="1919"/>
                    </a:lnTo>
                    <a:lnTo>
                      <a:pt x="2351" y="1921"/>
                    </a:lnTo>
                    <a:lnTo>
                      <a:pt x="2360" y="1921"/>
                    </a:lnTo>
                    <a:lnTo>
                      <a:pt x="2370" y="1920"/>
                    </a:lnTo>
                    <a:lnTo>
                      <a:pt x="2378" y="1918"/>
                    </a:lnTo>
                    <a:lnTo>
                      <a:pt x="2386" y="1912"/>
                    </a:lnTo>
                    <a:lnTo>
                      <a:pt x="2394" y="1907"/>
                    </a:lnTo>
                    <a:lnTo>
                      <a:pt x="2401" y="1903"/>
                    </a:lnTo>
                    <a:lnTo>
                      <a:pt x="2409" y="1898"/>
                    </a:lnTo>
                    <a:lnTo>
                      <a:pt x="2418" y="1896"/>
                    </a:lnTo>
                    <a:lnTo>
                      <a:pt x="2429" y="1894"/>
                    </a:lnTo>
                    <a:lnTo>
                      <a:pt x="2444" y="1897"/>
                    </a:lnTo>
                    <a:lnTo>
                      <a:pt x="2464" y="1899"/>
                    </a:lnTo>
                    <a:lnTo>
                      <a:pt x="2474" y="1901"/>
                    </a:lnTo>
                    <a:lnTo>
                      <a:pt x="2483" y="1902"/>
                    </a:lnTo>
                    <a:lnTo>
                      <a:pt x="2491" y="1901"/>
                    </a:lnTo>
                    <a:lnTo>
                      <a:pt x="2499" y="1898"/>
                    </a:lnTo>
                    <a:lnTo>
                      <a:pt x="2501" y="1896"/>
                    </a:lnTo>
                    <a:lnTo>
                      <a:pt x="2502" y="1894"/>
                    </a:lnTo>
                    <a:lnTo>
                      <a:pt x="2502" y="1892"/>
                    </a:lnTo>
                    <a:lnTo>
                      <a:pt x="2501" y="1888"/>
                    </a:lnTo>
                    <a:lnTo>
                      <a:pt x="2499" y="1883"/>
                    </a:lnTo>
                    <a:lnTo>
                      <a:pt x="2495" y="1875"/>
                    </a:lnTo>
                    <a:lnTo>
                      <a:pt x="2491" y="1868"/>
                    </a:lnTo>
                    <a:lnTo>
                      <a:pt x="2488" y="1862"/>
                    </a:lnTo>
                    <a:lnTo>
                      <a:pt x="2488" y="1859"/>
                    </a:lnTo>
                    <a:lnTo>
                      <a:pt x="2490" y="1857"/>
                    </a:lnTo>
                    <a:lnTo>
                      <a:pt x="2492" y="1854"/>
                    </a:lnTo>
                    <a:lnTo>
                      <a:pt x="2496" y="1852"/>
                    </a:lnTo>
                    <a:lnTo>
                      <a:pt x="2508" y="1848"/>
                    </a:lnTo>
                    <a:lnTo>
                      <a:pt x="2525" y="1842"/>
                    </a:lnTo>
                    <a:lnTo>
                      <a:pt x="2541" y="1839"/>
                    </a:lnTo>
                    <a:lnTo>
                      <a:pt x="2553" y="1836"/>
                    </a:lnTo>
                    <a:lnTo>
                      <a:pt x="2570" y="1845"/>
                    </a:lnTo>
                    <a:lnTo>
                      <a:pt x="2584" y="1855"/>
                    </a:lnTo>
                    <a:lnTo>
                      <a:pt x="2588" y="1854"/>
                    </a:lnTo>
                    <a:lnTo>
                      <a:pt x="2592" y="1853"/>
                    </a:lnTo>
                    <a:lnTo>
                      <a:pt x="2594" y="1850"/>
                    </a:lnTo>
                    <a:lnTo>
                      <a:pt x="2598" y="1848"/>
                    </a:lnTo>
                    <a:lnTo>
                      <a:pt x="2605" y="1841"/>
                    </a:lnTo>
                    <a:lnTo>
                      <a:pt x="2613" y="1836"/>
                    </a:lnTo>
                    <a:lnTo>
                      <a:pt x="2616" y="1835"/>
                    </a:lnTo>
                    <a:lnTo>
                      <a:pt x="2622" y="1833"/>
                    </a:lnTo>
                    <a:lnTo>
                      <a:pt x="2626" y="1833"/>
                    </a:lnTo>
                    <a:lnTo>
                      <a:pt x="2631" y="1835"/>
                    </a:lnTo>
                    <a:lnTo>
                      <a:pt x="2640" y="1837"/>
                    </a:lnTo>
                    <a:lnTo>
                      <a:pt x="2650" y="1840"/>
                    </a:lnTo>
                    <a:lnTo>
                      <a:pt x="2658" y="1842"/>
                    </a:lnTo>
                    <a:lnTo>
                      <a:pt x="2667" y="1844"/>
                    </a:lnTo>
                    <a:lnTo>
                      <a:pt x="2671" y="1844"/>
                    </a:lnTo>
                    <a:lnTo>
                      <a:pt x="2675" y="1842"/>
                    </a:lnTo>
                    <a:lnTo>
                      <a:pt x="2679" y="1840"/>
                    </a:lnTo>
                    <a:lnTo>
                      <a:pt x="2683" y="1837"/>
                    </a:lnTo>
                    <a:lnTo>
                      <a:pt x="2689" y="1828"/>
                    </a:lnTo>
                    <a:lnTo>
                      <a:pt x="2693" y="1822"/>
                    </a:lnTo>
                    <a:lnTo>
                      <a:pt x="2693" y="1818"/>
                    </a:lnTo>
                    <a:lnTo>
                      <a:pt x="2692" y="1815"/>
                    </a:lnTo>
                    <a:lnTo>
                      <a:pt x="2690" y="1813"/>
                    </a:lnTo>
                    <a:lnTo>
                      <a:pt x="2689" y="1811"/>
                    </a:lnTo>
                    <a:lnTo>
                      <a:pt x="2677" y="1804"/>
                    </a:lnTo>
                    <a:lnTo>
                      <a:pt x="2664" y="1795"/>
                    </a:lnTo>
                    <a:lnTo>
                      <a:pt x="2657" y="1787"/>
                    </a:lnTo>
                    <a:lnTo>
                      <a:pt x="2651" y="1778"/>
                    </a:lnTo>
                    <a:lnTo>
                      <a:pt x="2646" y="1767"/>
                    </a:lnTo>
                    <a:lnTo>
                      <a:pt x="2641" y="1758"/>
                    </a:lnTo>
                    <a:lnTo>
                      <a:pt x="2639" y="1754"/>
                    </a:lnTo>
                    <a:lnTo>
                      <a:pt x="2636" y="1752"/>
                    </a:lnTo>
                    <a:lnTo>
                      <a:pt x="2632" y="1749"/>
                    </a:lnTo>
                    <a:lnTo>
                      <a:pt x="2628" y="1748"/>
                    </a:lnTo>
                    <a:lnTo>
                      <a:pt x="2623" y="1748"/>
                    </a:lnTo>
                    <a:lnTo>
                      <a:pt x="2618" y="1748"/>
                    </a:lnTo>
                    <a:lnTo>
                      <a:pt x="2611" y="1750"/>
                    </a:lnTo>
                    <a:lnTo>
                      <a:pt x="2604" y="1756"/>
                    </a:lnTo>
                    <a:lnTo>
                      <a:pt x="2583" y="1770"/>
                    </a:lnTo>
                    <a:lnTo>
                      <a:pt x="2561" y="1783"/>
                    </a:lnTo>
                    <a:lnTo>
                      <a:pt x="2550" y="1787"/>
                    </a:lnTo>
                    <a:lnTo>
                      <a:pt x="2539" y="1791"/>
                    </a:lnTo>
                    <a:lnTo>
                      <a:pt x="2526" y="1792"/>
                    </a:lnTo>
                    <a:lnTo>
                      <a:pt x="2512" y="1791"/>
                    </a:lnTo>
                    <a:lnTo>
                      <a:pt x="2502" y="1791"/>
                    </a:lnTo>
                    <a:lnTo>
                      <a:pt x="2496" y="1791"/>
                    </a:lnTo>
                    <a:lnTo>
                      <a:pt x="2491" y="1789"/>
                    </a:lnTo>
                    <a:lnTo>
                      <a:pt x="2486" y="1788"/>
                    </a:lnTo>
                    <a:lnTo>
                      <a:pt x="2483" y="1785"/>
                    </a:lnTo>
                    <a:lnTo>
                      <a:pt x="2482" y="1783"/>
                    </a:lnTo>
                    <a:lnTo>
                      <a:pt x="2482" y="1780"/>
                    </a:lnTo>
                    <a:lnTo>
                      <a:pt x="2482" y="1776"/>
                    </a:lnTo>
                    <a:lnTo>
                      <a:pt x="2484" y="1769"/>
                    </a:lnTo>
                    <a:lnTo>
                      <a:pt x="2490" y="1761"/>
                    </a:lnTo>
                    <a:lnTo>
                      <a:pt x="2496" y="1753"/>
                    </a:lnTo>
                    <a:lnTo>
                      <a:pt x="2502" y="1745"/>
                    </a:lnTo>
                    <a:lnTo>
                      <a:pt x="2505" y="1741"/>
                    </a:lnTo>
                    <a:lnTo>
                      <a:pt x="2508" y="1739"/>
                    </a:lnTo>
                    <a:lnTo>
                      <a:pt x="2512" y="1738"/>
                    </a:lnTo>
                    <a:lnTo>
                      <a:pt x="2514" y="1736"/>
                    </a:lnTo>
                    <a:lnTo>
                      <a:pt x="2522" y="1735"/>
                    </a:lnTo>
                    <a:lnTo>
                      <a:pt x="2530" y="1736"/>
                    </a:lnTo>
                    <a:lnTo>
                      <a:pt x="2544" y="1740"/>
                    </a:lnTo>
                    <a:lnTo>
                      <a:pt x="2559" y="1741"/>
                    </a:lnTo>
                    <a:lnTo>
                      <a:pt x="2566" y="1740"/>
                    </a:lnTo>
                    <a:lnTo>
                      <a:pt x="2574" y="1739"/>
                    </a:lnTo>
                    <a:lnTo>
                      <a:pt x="2580" y="1738"/>
                    </a:lnTo>
                    <a:lnTo>
                      <a:pt x="2585" y="1735"/>
                    </a:lnTo>
                    <a:lnTo>
                      <a:pt x="2589" y="1731"/>
                    </a:lnTo>
                    <a:lnTo>
                      <a:pt x="2592" y="1726"/>
                    </a:lnTo>
                    <a:lnTo>
                      <a:pt x="2592" y="1723"/>
                    </a:lnTo>
                    <a:lnTo>
                      <a:pt x="2592" y="1719"/>
                    </a:lnTo>
                    <a:lnTo>
                      <a:pt x="2591" y="1715"/>
                    </a:lnTo>
                    <a:lnTo>
                      <a:pt x="2588" y="1712"/>
                    </a:lnTo>
                    <a:lnTo>
                      <a:pt x="2585" y="1710"/>
                    </a:lnTo>
                    <a:lnTo>
                      <a:pt x="2582" y="1708"/>
                    </a:lnTo>
                    <a:lnTo>
                      <a:pt x="2576" y="1706"/>
                    </a:lnTo>
                    <a:lnTo>
                      <a:pt x="2570" y="1706"/>
                    </a:lnTo>
                    <a:lnTo>
                      <a:pt x="2557" y="1704"/>
                    </a:lnTo>
                    <a:lnTo>
                      <a:pt x="2548" y="1700"/>
                    </a:lnTo>
                    <a:lnTo>
                      <a:pt x="2540" y="1695"/>
                    </a:lnTo>
                    <a:lnTo>
                      <a:pt x="2535" y="1691"/>
                    </a:lnTo>
                    <a:lnTo>
                      <a:pt x="2534" y="1688"/>
                    </a:lnTo>
                    <a:lnTo>
                      <a:pt x="2536" y="1686"/>
                    </a:lnTo>
                    <a:lnTo>
                      <a:pt x="2543" y="1682"/>
                    </a:lnTo>
                    <a:lnTo>
                      <a:pt x="2552" y="1675"/>
                    </a:lnTo>
                    <a:lnTo>
                      <a:pt x="2558" y="1669"/>
                    </a:lnTo>
                    <a:lnTo>
                      <a:pt x="2566" y="1660"/>
                    </a:lnTo>
                    <a:lnTo>
                      <a:pt x="2571" y="1656"/>
                    </a:lnTo>
                    <a:lnTo>
                      <a:pt x="2575" y="1652"/>
                    </a:lnTo>
                    <a:lnTo>
                      <a:pt x="2579" y="1651"/>
                    </a:lnTo>
                    <a:lnTo>
                      <a:pt x="2583" y="1651"/>
                    </a:lnTo>
                    <a:lnTo>
                      <a:pt x="2587" y="1652"/>
                    </a:lnTo>
                    <a:lnTo>
                      <a:pt x="2591" y="1655"/>
                    </a:lnTo>
                    <a:lnTo>
                      <a:pt x="2593" y="1657"/>
                    </a:lnTo>
                    <a:lnTo>
                      <a:pt x="2596" y="1661"/>
                    </a:lnTo>
                    <a:lnTo>
                      <a:pt x="2601" y="1669"/>
                    </a:lnTo>
                    <a:lnTo>
                      <a:pt x="2605" y="1674"/>
                    </a:lnTo>
                    <a:lnTo>
                      <a:pt x="2613" y="1679"/>
                    </a:lnTo>
                    <a:lnTo>
                      <a:pt x="2620" y="1682"/>
                    </a:lnTo>
                    <a:lnTo>
                      <a:pt x="2628" y="1683"/>
                    </a:lnTo>
                    <a:lnTo>
                      <a:pt x="2636" y="1684"/>
                    </a:lnTo>
                    <a:lnTo>
                      <a:pt x="2644" y="1687"/>
                    </a:lnTo>
                    <a:lnTo>
                      <a:pt x="2650" y="1690"/>
                    </a:lnTo>
                    <a:lnTo>
                      <a:pt x="2658" y="1695"/>
                    </a:lnTo>
                    <a:lnTo>
                      <a:pt x="2664" y="1704"/>
                    </a:lnTo>
                    <a:lnTo>
                      <a:pt x="2667" y="1712"/>
                    </a:lnTo>
                    <a:lnTo>
                      <a:pt x="2670" y="1723"/>
                    </a:lnTo>
                    <a:lnTo>
                      <a:pt x="2670" y="1730"/>
                    </a:lnTo>
                    <a:lnTo>
                      <a:pt x="2671" y="1734"/>
                    </a:lnTo>
                    <a:lnTo>
                      <a:pt x="2673" y="1738"/>
                    </a:lnTo>
                    <a:lnTo>
                      <a:pt x="2677" y="1740"/>
                    </a:lnTo>
                    <a:lnTo>
                      <a:pt x="2686" y="1743"/>
                    </a:lnTo>
                    <a:lnTo>
                      <a:pt x="2696" y="1744"/>
                    </a:lnTo>
                    <a:lnTo>
                      <a:pt x="2699" y="1743"/>
                    </a:lnTo>
                    <a:lnTo>
                      <a:pt x="2703" y="1740"/>
                    </a:lnTo>
                    <a:lnTo>
                      <a:pt x="2707" y="1736"/>
                    </a:lnTo>
                    <a:lnTo>
                      <a:pt x="2711" y="1732"/>
                    </a:lnTo>
                    <a:lnTo>
                      <a:pt x="2712" y="1726"/>
                    </a:lnTo>
                    <a:lnTo>
                      <a:pt x="2712" y="1719"/>
                    </a:lnTo>
                    <a:lnTo>
                      <a:pt x="2711" y="1714"/>
                    </a:lnTo>
                    <a:lnTo>
                      <a:pt x="2708" y="1710"/>
                    </a:lnTo>
                    <a:lnTo>
                      <a:pt x="2706" y="1705"/>
                    </a:lnTo>
                    <a:lnTo>
                      <a:pt x="2703" y="1701"/>
                    </a:lnTo>
                    <a:lnTo>
                      <a:pt x="2702" y="1696"/>
                    </a:lnTo>
                    <a:lnTo>
                      <a:pt x="2705" y="1691"/>
                    </a:lnTo>
                    <a:lnTo>
                      <a:pt x="2711" y="1682"/>
                    </a:lnTo>
                    <a:lnTo>
                      <a:pt x="2718" y="1674"/>
                    </a:lnTo>
                    <a:lnTo>
                      <a:pt x="2721" y="1670"/>
                    </a:lnTo>
                    <a:lnTo>
                      <a:pt x="2724" y="1665"/>
                    </a:lnTo>
                    <a:lnTo>
                      <a:pt x="2725" y="1660"/>
                    </a:lnTo>
                    <a:lnTo>
                      <a:pt x="2727" y="1653"/>
                    </a:lnTo>
                    <a:lnTo>
                      <a:pt x="2712" y="1655"/>
                    </a:lnTo>
                    <a:lnTo>
                      <a:pt x="2692" y="1658"/>
                    </a:lnTo>
                    <a:lnTo>
                      <a:pt x="2680" y="1658"/>
                    </a:lnTo>
                    <a:lnTo>
                      <a:pt x="2671" y="1658"/>
                    </a:lnTo>
                    <a:lnTo>
                      <a:pt x="2667" y="1657"/>
                    </a:lnTo>
                    <a:lnTo>
                      <a:pt x="2664" y="1655"/>
                    </a:lnTo>
                    <a:lnTo>
                      <a:pt x="2663" y="1652"/>
                    </a:lnTo>
                    <a:lnTo>
                      <a:pt x="2663" y="1648"/>
                    </a:lnTo>
                    <a:lnTo>
                      <a:pt x="2664" y="1644"/>
                    </a:lnTo>
                    <a:lnTo>
                      <a:pt x="2667" y="1640"/>
                    </a:lnTo>
                    <a:lnTo>
                      <a:pt x="2672" y="1636"/>
                    </a:lnTo>
                    <a:lnTo>
                      <a:pt x="2676" y="1633"/>
                    </a:lnTo>
                    <a:lnTo>
                      <a:pt x="2680" y="1629"/>
                    </a:lnTo>
                    <a:lnTo>
                      <a:pt x="2681" y="1625"/>
                    </a:lnTo>
                    <a:lnTo>
                      <a:pt x="2681" y="1624"/>
                    </a:lnTo>
                    <a:lnTo>
                      <a:pt x="2681" y="1622"/>
                    </a:lnTo>
                    <a:lnTo>
                      <a:pt x="2679" y="1621"/>
                    </a:lnTo>
                    <a:lnTo>
                      <a:pt x="2677" y="1620"/>
                    </a:lnTo>
                    <a:lnTo>
                      <a:pt x="2667" y="1616"/>
                    </a:lnTo>
                    <a:lnTo>
                      <a:pt x="2659" y="1611"/>
                    </a:lnTo>
                    <a:lnTo>
                      <a:pt x="2657" y="1608"/>
                    </a:lnTo>
                    <a:lnTo>
                      <a:pt x="2654" y="1605"/>
                    </a:lnTo>
                    <a:lnTo>
                      <a:pt x="2653" y="1601"/>
                    </a:lnTo>
                    <a:lnTo>
                      <a:pt x="2653" y="1599"/>
                    </a:lnTo>
                    <a:lnTo>
                      <a:pt x="2653" y="1596"/>
                    </a:lnTo>
                    <a:lnTo>
                      <a:pt x="2654" y="1594"/>
                    </a:lnTo>
                    <a:lnTo>
                      <a:pt x="2655" y="1591"/>
                    </a:lnTo>
                    <a:lnTo>
                      <a:pt x="2658" y="1590"/>
                    </a:lnTo>
                    <a:lnTo>
                      <a:pt x="2662" y="1587"/>
                    </a:lnTo>
                    <a:lnTo>
                      <a:pt x="2667" y="1587"/>
                    </a:lnTo>
                    <a:lnTo>
                      <a:pt x="2673" y="1587"/>
                    </a:lnTo>
                    <a:lnTo>
                      <a:pt x="2680" y="1587"/>
                    </a:lnTo>
                    <a:lnTo>
                      <a:pt x="2689" y="1589"/>
                    </a:lnTo>
                    <a:lnTo>
                      <a:pt x="2699" y="1591"/>
                    </a:lnTo>
                    <a:lnTo>
                      <a:pt x="2705" y="1591"/>
                    </a:lnTo>
                    <a:lnTo>
                      <a:pt x="2708" y="1591"/>
                    </a:lnTo>
                    <a:lnTo>
                      <a:pt x="2712" y="1589"/>
                    </a:lnTo>
                    <a:lnTo>
                      <a:pt x="2716" y="1586"/>
                    </a:lnTo>
                    <a:lnTo>
                      <a:pt x="2718" y="1582"/>
                    </a:lnTo>
                    <a:lnTo>
                      <a:pt x="2716" y="1577"/>
                    </a:lnTo>
                    <a:lnTo>
                      <a:pt x="2714" y="1573"/>
                    </a:lnTo>
                    <a:lnTo>
                      <a:pt x="2711" y="1569"/>
                    </a:lnTo>
                    <a:lnTo>
                      <a:pt x="2702" y="1563"/>
                    </a:lnTo>
                    <a:lnTo>
                      <a:pt x="2696" y="1556"/>
                    </a:lnTo>
                    <a:lnTo>
                      <a:pt x="2690" y="1551"/>
                    </a:lnTo>
                    <a:lnTo>
                      <a:pt x="2685" y="1546"/>
                    </a:lnTo>
                    <a:lnTo>
                      <a:pt x="2680" y="1543"/>
                    </a:lnTo>
                    <a:lnTo>
                      <a:pt x="2676" y="1541"/>
                    </a:lnTo>
                    <a:lnTo>
                      <a:pt x="2671" y="1539"/>
                    </a:lnTo>
                    <a:lnTo>
                      <a:pt x="2667" y="1539"/>
                    </a:lnTo>
                    <a:lnTo>
                      <a:pt x="2662" y="1539"/>
                    </a:lnTo>
                    <a:lnTo>
                      <a:pt x="2658" y="1541"/>
                    </a:lnTo>
                    <a:lnTo>
                      <a:pt x="2639" y="1550"/>
                    </a:lnTo>
                    <a:lnTo>
                      <a:pt x="2619" y="1561"/>
                    </a:lnTo>
                    <a:lnTo>
                      <a:pt x="2605" y="1568"/>
                    </a:lnTo>
                    <a:lnTo>
                      <a:pt x="2594" y="1570"/>
                    </a:lnTo>
                    <a:lnTo>
                      <a:pt x="2591" y="1572"/>
                    </a:lnTo>
                    <a:lnTo>
                      <a:pt x="2588" y="1572"/>
                    </a:lnTo>
                    <a:lnTo>
                      <a:pt x="2585" y="1570"/>
                    </a:lnTo>
                    <a:lnTo>
                      <a:pt x="2584" y="1569"/>
                    </a:lnTo>
                    <a:lnTo>
                      <a:pt x="2583" y="1565"/>
                    </a:lnTo>
                    <a:lnTo>
                      <a:pt x="2585" y="1560"/>
                    </a:lnTo>
                    <a:lnTo>
                      <a:pt x="2589" y="1554"/>
                    </a:lnTo>
                    <a:lnTo>
                      <a:pt x="2594" y="1546"/>
                    </a:lnTo>
                    <a:lnTo>
                      <a:pt x="2609" y="1529"/>
                    </a:lnTo>
                    <a:lnTo>
                      <a:pt x="2626" y="1512"/>
                    </a:lnTo>
                    <a:lnTo>
                      <a:pt x="2633" y="1504"/>
                    </a:lnTo>
                    <a:lnTo>
                      <a:pt x="2641" y="1499"/>
                    </a:lnTo>
                    <a:lnTo>
                      <a:pt x="2649" y="1494"/>
                    </a:lnTo>
                    <a:lnTo>
                      <a:pt x="2654" y="1491"/>
                    </a:lnTo>
                    <a:lnTo>
                      <a:pt x="2662" y="1490"/>
                    </a:lnTo>
                    <a:lnTo>
                      <a:pt x="2670" y="1490"/>
                    </a:lnTo>
                    <a:lnTo>
                      <a:pt x="2677" y="1491"/>
                    </a:lnTo>
                    <a:lnTo>
                      <a:pt x="2685" y="1493"/>
                    </a:lnTo>
                    <a:lnTo>
                      <a:pt x="2702" y="1498"/>
                    </a:lnTo>
                    <a:lnTo>
                      <a:pt x="2718" y="1502"/>
                    </a:lnTo>
                    <a:lnTo>
                      <a:pt x="2725" y="1502"/>
                    </a:lnTo>
                    <a:lnTo>
                      <a:pt x="2732" y="1502"/>
                    </a:lnTo>
                    <a:lnTo>
                      <a:pt x="2737" y="1499"/>
                    </a:lnTo>
                    <a:lnTo>
                      <a:pt x="2742" y="1497"/>
                    </a:lnTo>
                    <a:lnTo>
                      <a:pt x="2747" y="1490"/>
                    </a:lnTo>
                    <a:lnTo>
                      <a:pt x="2750" y="1482"/>
                    </a:lnTo>
                    <a:lnTo>
                      <a:pt x="2753" y="1472"/>
                    </a:lnTo>
                    <a:lnTo>
                      <a:pt x="2753" y="1459"/>
                    </a:lnTo>
                    <a:lnTo>
                      <a:pt x="2741" y="1456"/>
                    </a:lnTo>
                    <a:lnTo>
                      <a:pt x="2728" y="1451"/>
                    </a:lnTo>
                    <a:lnTo>
                      <a:pt x="2721" y="1449"/>
                    </a:lnTo>
                    <a:lnTo>
                      <a:pt x="2716" y="1446"/>
                    </a:lnTo>
                    <a:lnTo>
                      <a:pt x="2712" y="1442"/>
                    </a:lnTo>
                    <a:lnTo>
                      <a:pt x="2710" y="1437"/>
                    </a:lnTo>
                    <a:lnTo>
                      <a:pt x="2708" y="1434"/>
                    </a:lnTo>
                    <a:lnTo>
                      <a:pt x="2707" y="1432"/>
                    </a:lnTo>
                    <a:lnTo>
                      <a:pt x="2706" y="1430"/>
                    </a:lnTo>
                    <a:lnTo>
                      <a:pt x="2705" y="1430"/>
                    </a:lnTo>
                    <a:lnTo>
                      <a:pt x="2699" y="1430"/>
                    </a:lnTo>
                    <a:lnTo>
                      <a:pt x="2696" y="1432"/>
                    </a:lnTo>
                    <a:lnTo>
                      <a:pt x="2685" y="1438"/>
                    </a:lnTo>
                    <a:lnTo>
                      <a:pt x="2676" y="1441"/>
                    </a:lnTo>
                    <a:lnTo>
                      <a:pt x="2673" y="1440"/>
                    </a:lnTo>
                    <a:lnTo>
                      <a:pt x="2672" y="1438"/>
                    </a:lnTo>
                    <a:lnTo>
                      <a:pt x="2671" y="1437"/>
                    </a:lnTo>
                    <a:lnTo>
                      <a:pt x="2670" y="1434"/>
                    </a:lnTo>
                    <a:lnTo>
                      <a:pt x="2671" y="1429"/>
                    </a:lnTo>
                    <a:lnTo>
                      <a:pt x="2673" y="1423"/>
                    </a:lnTo>
                    <a:lnTo>
                      <a:pt x="2677" y="1416"/>
                    </a:lnTo>
                    <a:lnTo>
                      <a:pt x="2683" y="1411"/>
                    </a:lnTo>
                    <a:lnTo>
                      <a:pt x="2686" y="1408"/>
                    </a:lnTo>
                    <a:lnTo>
                      <a:pt x="2690" y="1407"/>
                    </a:lnTo>
                    <a:lnTo>
                      <a:pt x="2694" y="1406"/>
                    </a:lnTo>
                    <a:lnTo>
                      <a:pt x="2698" y="1406"/>
                    </a:lnTo>
                    <a:lnTo>
                      <a:pt x="2705" y="1405"/>
                    </a:lnTo>
                    <a:lnTo>
                      <a:pt x="2711" y="1403"/>
                    </a:lnTo>
                    <a:lnTo>
                      <a:pt x="2719" y="1402"/>
                    </a:lnTo>
                    <a:lnTo>
                      <a:pt x="2725" y="1398"/>
                    </a:lnTo>
                    <a:lnTo>
                      <a:pt x="2740" y="1392"/>
                    </a:lnTo>
                    <a:lnTo>
                      <a:pt x="2754" y="1385"/>
                    </a:lnTo>
                    <a:lnTo>
                      <a:pt x="2765" y="1380"/>
                    </a:lnTo>
                    <a:lnTo>
                      <a:pt x="2776" y="1377"/>
                    </a:lnTo>
                    <a:lnTo>
                      <a:pt x="2781" y="1377"/>
                    </a:lnTo>
                    <a:lnTo>
                      <a:pt x="2784" y="1379"/>
                    </a:lnTo>
                    <a:lnTo>
                      <a:pt x="2787" y="1381"/>
                    </a:lnTo>
                    <a:lnTo>
                      <a:pt x="2789" y="1385"/>
                    </a:lnTo>
                    <a:lnTo>
                      <a:pt x="2791" y="1397"/>
                    </a:lnTo>
                    <a:lnTo>
                      <a:pt x="2793" y="1410"/>
                    </a:lnTo>
                    <a:lnTo>
                      <a:pt x="2793" y="1423"/>
                    </a:lnTo>
                    <a:lnTo>
                      <a:pt x="2793" y="1436"/>
                    </a:lnTo>
                    <a:lnTo>
                      <a:pt x="2794" y="1447"/>
                    </a:lnTo>
                    <a:lnTo>
                      <a:pt x="2795" y="1459"/>
                    </a:lnTo>
                    <a:lnTo>
                      <a:pt x="2798" y="1464"/>
                    </a:lnTo>
                    <a:lnTo>
                      <a:pt x="2799" y="1469"/>
                    </a:lnTo>
                    <a:lnTo>
                      <a:pt x="2802" y="1473"/>
                    </a:lnTo>
                    <a:lnTo>
                      <a:pt x="2806" y="1477"/>
                    </a:lnTo>
                    <a:lnTo>
                      <a:pt x="2816" y="1489"/>
                    </a:lnTo>
                    <a:lnTo>
                      <a:pt x="2833" y="1508"/>
                    </a:lnTo>
                    <a:lnTo>
                      <a:pt x="2841" y="1516"/>
                    </a:lnTo>
                    <a:lnTo>
                      <a:pt x="2847" y="1519"/>
                    </a:lnTo>
                    <a:lnTo>
                      <a:pt x="2850" y="1519"/>
                    </a:lnTo>
                    <a:lnTo>
                      <a:pt x="2851" y="1517"/>
                    </a:lnTo>
                    <a:lnTo>
                      <a:pt x="2852" y="1513"/>
                    </a:lnTo>
                    <a:lnTo>
                      <a:pt x="2851" y="1507"/>
                    </a:lnTo>
                    <a:lnTo>
                      <a:pt x="2848" y="1498"/>
                    </a:lnTo>
                    <a:lnTo>
                      <a:pt x="2844" y="1487"/>
                    </a:lnTo>
                    <a:lnTo>
                      <a:pt x="2843" y="1484"/>
                    </a:lnTo>
                    <a:lnTo>
                      <a:pt x="2843" y="1478"/>
                    </a:lnTo>
                    <a:lnTo>
                      <a:pt x="2844" y="1475"/>
                    </a:lnTo>
                    <a:lnTo>
                      <a:pt x="2848" y="1469"/>
                    </a:lnTo>
                    <a:lnTo>
                      <a:pt x="2854" y="1464"/>
                    </a:lnTo>
                    <a:lnTo>
                      <a:pt x="2857" y="1459"/>
                    </a:lnTo>
                    <a:lnTo>
                      <a:pt x="2860" y="1454"/>
                    </a:lnTo>
                    <a:lnTo>
                      <a:pt x="2860" y="1450"/>
                    </a:lnTo>
                    <a:lnTo>
                      <a:pt x="2860" y="1447"/>
                    </a:lnTo>
                    <a:lnTo>
                      <a:pt x="2859" y="1445"/>
                    </a:lnTo>
                    <a:lnTo>
                      <a:pt x="2856" y="1442"/>
                    </a:lnTo>
                    <a:lnTo>
                      <a:pt x="2854" y="1440"/>
                    </a:lnTo>
                    <a:lnTo>
                      <a:pt x="2848" y="1436"/>
                    </a:lnTo>
                    <a:lnTo>
                      <a:pt x="2843" y="1430"/>
                    </a:lnTo>
                    <a:lnTo>
                      <a:pt x="2841" y="1429"/>
                    </a:lnTo>
                    <a:lnTo>
                      <a:pt x="2839" y="1427"/>
                    </a:lnTo>
                    <a:lnTo>
                      <a:pt x="2839" y="1423"/>
                    </a:lnTo>
                    <a:lnTo>
                      <a:pt x="2839" y="1420"/>
                    </a:lnTo>
                    <a:lnTo>
                      <a:pt x="2847" y="1396"/>
                    </a:lnTo>
                    <a:lnTo>
                      <a:pt x="2855" y="1368"/>
                    </a:lnTo>
                    <a:lnTo>
                      <a:pt x="2860" y="1355"/>
                    </a:lnTo>
                    <a:lnTo>
                      <a:pt x="2867" y="1344"/>
                    </a:lnTo>
                    <a:lnTo>
                      <a:pt x="2870" y="1340"/>
                    </a:lnTo>
                    <a:lnTo>
                      <a:pt x="2876" y="1335"/>
                    </a:lnTo>
                    <a:lnTo>
                      <a:pt x="2881" y="1331"/>
                    </a:lnTo>
                    <a:lnTo>
                      <a:pt x="2886" y="1328"/>
                    </a:lnTo>
                    <a:lnTo>
                      <a:pt x="2894" y="1326"/>
                    </a:lnTo>
                    <a:lnTo>
                      <a:pt x="2900" y="1326"/>
                    </a:lnTo>
                    <a:lnTo>
                      <a:pt x="2907" y="1327"/>
                    </a:lnTo>
                    <a:lnTo>
                      <a:pt x="2912" y="1329"/>
                    </a:lnTo>
                    <a:lnTo>
                      <a:pt x="2921" y="1335"/>
                    </a:lnTo>
                    <a:lnTo>
                      <a:pt x="2933" y="1340"/>
                    </a:lnTo>
                    <a:lnTo>
                      <a:pt x="2940" y="1341"/>
                    </a:lnTo>
                    <a:lnTo>
                      <a:pt x="2948" y="1340"/>
                    </a:lnTo>
                    <a:lnTo>
                      <a:pt x="2957" y="1337"/>
                    </a:lnTo>
                    <a:lnTo>
                      <a:pt x="2965" y="1335"/>
                    </a:lnTo>
                    <a:lnTo>
                      <a:pt x="2971" y="1332"/>
                    </a:lnTo>
                    <a:lnTo>
                      <a:pt x="2979" y="1332"/>
                    </a:lnTo>
                    <a:lnTo>
                      <a:pt x="2982" y="1332"/>
                    </a:lnTo>
                    <a:lnTo>
                      <a:pt x="2984" y="1333"/>
                    </a:lnTo>
                    <a:lnTo>
                      <a:pt x="2988" y="1336"/>
                    </a:lnTo>
                    <a:lnTo>
                      <a:pt x="2990" y="1340"/>
                    </a:lnTo>
                    <a:lnTo>
                      <a:pt x="2999" y="1350"/>
                    </a:lnTo>
                    <a:lnTo>
                      <a:pt x="3012" y="1364"/>
                    </a:lnTo>
                    <a:lnTo>
                      <a:pt x="3016" y="1367"/>
                    </a:lnTo>
                    <a:lnTo>
                      <a:pt x="3019" y="1368"/>
                    </a:lnTo>
                    <a:lnTo>
                      <a:pt x="3023" y="1370"/>
                    </a:lnTo>
                    <a:lnTo>
                      <a:pt x="3026" y="1371"/>
                    </a:lnTo>
                    <a:lnTo>
                      <a:pt x="3028" y="1370"/>
                    </a:lnTo>
                    <a:lnTo>
                      <a:pt x="3031" y="1368"/>
                    </a:lnTo>
                    <a:lnTo>
                      <a:pt x="3034" y="1364"/>
                    </a:lnTo>
                    <a:lnTo>
                      <a:pt x="3035" y="1359"/>
                    </a:lnTo>
                    <a:lnTo>
                      <a:pt x="3036" y="1351"/>
                    </a:lnTo>
                    <a:lnTo>
                      <a:pt x="3035" y="1345"/>
                    </a:lnTo>
                    <a:lnTo>
                      <a:pt x="3034" y="1339"/>
                    </a:lnTo>
                    <a:lnTo>
                      <a:pt x="3031" y="1333"/>
                    </a:lnTo>
                    <a:lnTo>
                      <a:pt x="3027" y="1324"/>
                    </a:lnTo>
                    <a:lnTo>
                      <a:pt x="3027" y="1319"/>
                    </a:lnTo>
                    <a:lnTo>
                      <a:pt x="3039" y="1311"/>
                    </a:lnTo>
                    <a:lnTo>
                      <a:pt x="3049" y="1306"/>
                    </a:lnTo>
                    <a:lnTo>
                      <a:pt x="3053" y="1304"/>
                    </a:lnTo>
                    <a:lnTo>
                      <a:pt x="3057" y="1298"/>
                    </a:lnTo>
                    <a:lnTo>
                      <a:pt x="3057" y="1292"/>
                    </a:lnTo>
                    <a:lnTo>
                      <a:pt x="3057" y="1284"/>
                    </a:lnTo>
                    <a:lnTo>
                      <a:pt x="3056" y="1274"/>
                    </a:lnTo>
                    <a:lnTo>
                      <a:pt x="3057" y="1267"/>
                    </a:lnTo>
                    <a:lnTo>
                      <a:pt x="3060" y="1261"/>
                    </a:lnTo>
                    <a:lnTo>
                      <a:pt x="3063" y="1257"/>
                    </a:lnTo>
                    <a:lnTo>
                      <a:pt x="3067" y="1252"/>
                    </a:lnTo>
                    <a:lnTo>
                      <a:pt x="3071" y="1247"/>
                    </a:lnTo>
                    <a:lnTo>
                      <a:pt x="3074" y="1241"/>
                    </a:lnTo>
                    <a:lnTo>
                      <a:pt x="3075" y="1234"/>
                    </a:lnTo>
                    <a:lnTo>
                      <a:pt x="3070" y="1235"/>
                    </a:lnTo>
                    <a:lnTo>
                      <a:pt x="3063" y="1237"/>
                    </a:lnTo>
                    <a:lnTo>
                      <a:pt x="3058" y="1243"/>
                    </a:lnTo>
                    <a:lnTo>
                      <a:pt x="3050" y="1248"/>
                    </a:lnTo>
                    <a:lnTo>
                      <a:pt x="3044" y="1254"/>
                    </a:lnTo>
                    <a:lnTo>
                      <a:pt x="3036" y="1259"/>
                    </a:lnTo>
                    <a:lnTo>
                      <a:pt x="3028" y="1263"/>
                    </a:lnTo>
                    <a:lnTo>
                      <a:pt x="3019" y="1266"/>
                    </a:lnTo>
                    <a:lnTo>
                      <a:pt x="3004" y="1266"/>
                    </a:lnTo>
                    <a:lnTo>
                      <a:pt x="2990" y="1266"/>
                    </a:lnTo>
                    <a:lnTo>
                      <a:pt x="2977" y="1262"/>
                    </a:lnTo>
                    <a:lnTo>
                      <a:pt x="2964" y="1258"/>
                    </a:lnTo>
                    <a:lnTo>
                      <a:pt x="2949" y="1261"/>
                    </a:lnTo>
                    <a:lnTo>
                      <a:pt x="2920" y="1267"/>
                    </a:lnTo>
                    <a:lnTo>
                      <a:pt x="2887" y="1274"/>
                    </a:lnTo>
                    <a:lnTo>
                      <a:pt x="2868" y="1278"/>
                    </a:lnTo>
                    <a:lnTo>
                      <a:pt x="2864" y="1276"/>
                    </a:lnTo>
                    <a:lnTo>
                      <a:pt x="2861" y="1275"/>
                    </a:lnTo>
                    <a:lnTo>
                      <a:pt x="2860" y="1274"/>
                    </a:lnTo>
                    <a:lnTo>
                      <a:pt x="2860" y="1272"/>
                    </a:lnTo>
                    <a:lnTo>
                      <a:pt x="2861" y="1269"/>
                    </a:lnTo>
                    <a:lnTo>
                      <a:pt x="2867" y="1263"/>
                    </a:lnTo>
                    <a:lnTo>
                      <a:pt x="2883" y="1250"/>
                    </a:lnTo>
                    <a:lnTo>
                      <a:pt x="2908" y="1235"/>
                    </a:lnTo>
                    <a:lnTo>
                      <a:pt x="2934" y="1221"/>
                    </a:lnTo>
                    <a:lnTo>
                      <a:pt x="2961" y="1206"/>
                    </a:lnTo>
                    <a:lnTo>
                      <a:pt x="2983" y="1196"/>
                    </a:lnTo>
                    <a:lnTo>
                      <a:pt x="2996" y="1192"/>
                    </a:lnTo>
                    <a:lnTo>
                      <a:pt x="3017" y="1186"/>
                    </a:lnTo>
                    <a:lnTo>
                      <a:pt x="3040" y="1175"/>
                    </a:lnTo>
                    <a:lnTo>
                      <a:pt x="3052" y="1169"/>
                    </a:lnTo>
                    <a:lnTo>
                      <a:pt x="3062" y="1162"/>
                    </a:lnTo>
                    <a:lnTo>
                      <a:pt x="3071" y="1155"/>
                    </a:lnTo>
                    <a:lnTo>
                      <a:pt x="3078" y="1147"/>
                    </a:lnTo>
                    <a:lnTo>
                      <a:pt x="3080" y="1140"/>
                    </a:lnTo>
                    <a:lnTo>
                      <a:pt x="3083" y="1134"/>
                    </a:lnTo>
                    <a:lnTo>
                      <a:pt x="3083" y="1127"/>
                    </a:lnTo>
                    <a:lnTo>
                      <a:pt x="3083" y="1122"/>
                    </a:lnTo>
                    <a:lnTo>
                      <a:pt x="3082" y="1109"/>
                    </a:lnTo>
                    <a:lnTo>
                      <a:pt x="3076" y="1098"/>
                    </a:lnTo>
                    <a:lnTo>
                      <a:pt x="3071" y="1086"/>
                    </a:lnTo>
                    <a:lnTo>
                      <a:pt x="3067" y="1074"/>
                    </a:lnTo>
                    <a:lnTo>
                      <a:pt x="3066" y="1068"/>
                    </a:lnTo>
                    <a:lnTo>
                      <a:pt x="3065" y="1063"/>
                    </a:lnTo>
                    <a:lnTo>
                      <a:pt x="3065" y="1056"/>
                    </a:lnTo>
                    <a:lnTo>
                      <a:pt x="3066" y="1050"/>
                    </a:lnTo>
                    <a:lnTo>
                      <a:pt x="3067" y="1026"/>
                    </a:lnTo>
                    <a:lnTo>
                      <a:pt x="3069" y="1000"/>
                    </a:lnTo>
                    <a:lnTo>
                      <a:pt x="3069" y="994"/>
                    </a:lnTo>
                    <a:lnTo>
                      <a:pt x="3070" y="989"/>
                    </a:lnTo>
                    <a:lnTo>
                      <a:pt x="3073" y="984"/>
                    </a:lnTo>
                    <a:lnTo>
                      <a:pt x="3075" y="978"/>
                    </a:lnTo>
                    <a:lnTo>
                      <a:pt x="3078" y="975"/>
                    </a:lnTo>
                    <a:lnTo>
                      <a:pt x="3083" y="972"/>
                    </a:lnTo>
                    <a:lnTo>
                      <a:pt x="3088" y="969"/>
                    </a:lnTo>
                    <a:lnTo>
                      <a:pt x="3095" y="968"/>
                    </a:lnTo>
                    <a:lnTo>
                      <a:pt x="3115" y="968"/>
                    </a:lnTo>
                    <a:lnTo>
                      <a:pt x="3139" y="969"/>
                    </a:lnTo>
                    <a:lnTo>
                      <a:pt x="3150" y="971"/>
                    </a:lnTo>
                    <a:lnTo>
                      <a:pt x="3162" y="971"/>
                    </a:lnTo>
                    <a:lnTo>
                      <a:pt x="3171" y="971"/>
                    </a:lnTo>
                    <a:lnTo>
                      <a:pt x="3180" y="969"/>
                    </a:lnTo>
                    <a:lnTo>
                      <a:pt x="3185" y="967"/>
                    </a:lnTo>
                    <a:lnTo>
                      <a:pt x="3188" y="964"/>
                    </a:lnTo>
                    <a:lnTo>
                      <a:pt x="3189" y="960"/>
                    </a:lnTo>
                    <a:lnTo>
                      <a:pt x="3190" y="956"/>
                    </a:lnTo>
                    <a:lnTo>
                      <a:pt x="3188" y="947"/>
                    </a:lnTo>
                    <a:lnTo>
                      <a:pt x="3183" y="937"/>
                    </a:lnTo>
                    <a:lnTo>
                      <a:pt x="3168" y="916"/>
                    </a:lnTo>
                    <a:lnTo>
                      <a:pt x="3159" y="901"/>
                    </a:lnTo>
                    <a:lnTo>
                      <a:pt x="3161" y="895"/>
                    </a:lnTo>
                    <a:lnTo>
                      <a:pt x="3162" y="889"/>
                    </a:lnTo>
                    <a:lnTo>
                      <a:pt x="3164" y="881"/>
                    </a:lnTo>
                    <a:lnTo>
                      <a:pt x="3168" y="872"/>
                    </a:lnTo>
                    <a:lnTo>
                      <a:pt x="3172" y="863"/>
                    </a:lnTo>
                    <a:lnTo>
                      <a:pt x="3176" y="854"/>
                    </a:lnTo>
                    <a:lnTo>
                      <a:pt x="3179" y="845"/>
                    </a:lnTo>
                    <a:lnTo>
                      <a:pt x="3180" y="836"/>
                    </a:lnTo>
                    <a:lnTo>
                      <a:pt x="3180" y="826"/>
                    </a:lnTo>
                    <a:lnTo>
                      <a:pt x="3181" y="819"/>
                    </a:lnTo>
                    <a:lnTo>
                      <a:pt x="3183" y="816"/>
                    </a:lnTo>
                    <a:lnTo>
                      <a:pt x="3184" y="815"/>
                    </a:lnTo>
                    <a:lnTo>
                      <a:pt x="3187" y="815"/>
                    </a:lnTo>
                    <a:lnTo>
                      <a:pt x="3188" y="815"/>
                    </a:lnTo>
                    <a:lnTo>
                      <a:pt x="3192" y="816"/>
                    </a:lnTo>
                    <a:lnTo>
                      <a:pt x="3197" y="820"/>
                    </a:lnTo>
                    <a:lnTo>
                      <a:pt x="3202" y="827"/>
                    </a:lnTo>
                    <a:lnTo>
                      <a:pt x="3207" y="833"/>
                    </a:lnTo>
                    <a:lnTo>
                      <a:pt x="3219" y="849"/>
                    </a:lnTo>
                    <a:lnTo>
                      <a:pt x="3231" y="866"/>
                    </a:lnTo>
                    <a:lnTo>
                      <a:pt x="3241" y="880"/>
                    </a:lnTo>
                    <a:lnTo>
                      <a:pt x="3249" y="888"/>
                    </a:lnTo>
                    <a:lnTo>
                      <a:pt x="3255" y="888"/>
                    </a:lnTo>
                    <a:lnTo>
                      <a:pt x="3266" y="888"/>
                    </a:lnTo>
                    <a:lnTo>
                      <a:pt x="3280" y="886"/>
                    </a:lnTo>
                    <a:lnTo>
                      <a:pt x="3294" y="884"/>
                    </a:lnTo>
                    <a:lnTo>
                      <a:pt x="3306" y="881"/>
                    </a:lnTo>
                    <a:lnTo>
                      <a:pt x="3315" y="877"/>
                    </a:lnTo>
                    <a:lnTo>
                      <a:pt x="3317" y="875"/>
                    </a:lnTo>
                    <a:lnTo>
                      <a:pt x="3319" y="872"/>
                    </a:lnTo>
                    <a:lnTo>
                      <a:pt x="3317" y="870"/>
                    </a:lnTo>
                    <a:lnTo>
                      <a:pt x="3313" y="866"/>
                    </a:lnTo>
                    <a:lnTo>
                      <a:pt x="3295" y="854"/>
                    </a:lnTo>
                    <a:lnTo>
                      <a:pt x="3276" y="841"/>
                    </a:lnTo>
                    <a:lnTo>
                      <a:pt x="3268" y="833"/>
                    </a:lnTo>
                    <a:lnTo>
                      <a:pt x="3262" y="824"/>
                    </a:lnTo>
                    <a:lnTo>
                      <a:pt x="3259" y="820"/>
                    </a:lnTo>
                    <a:lnTo>
                      <a:pt x="3256" y="815"/>
                    </a:lnTo>
                    <a:lnTo>
                      <a:pt x="3255" y="809"/>
                    </a:lnTo>
                    <a:lnTo>
                      <a:pt x="3255" y="804"/>
                    </a:lnTo>
                    <a:lnTo>
                      <a:pt x="3255" y="794"/>
                    </a:lnTo>
                    <a:lnTo>
                      <a:pt x="3258" y="788"/>
                    </a:lnTo>
                    <a:lnTo>
                      <a:pt x="3260" y="784"/>
                    </a:lnTo>
                    <a:lnTo>
                      <a:pt x="3263" y="783"/>
                    </a:lnTo>
                    <a:lnTo>
                      <a:pt x="3267" y="783"/>
                    </a:lnTo>
                    <a:lnTo>
                      <a:pt x="3272" y="783"/>
                    </a:lnTo>
                    <a:lnTo>
                      <a:pt x="3277" y="785"/>
                    </a:lnTo>
                    <a:lnTo>
                      <a:pt x="3282" y="789"/>
                    </a:lnTo>
                    <a:lnTo>
                      <a:pt x="3303" y="807"/>
                    </a:lnTo>
                    <a:lnTo>
                      <a:pt x="3317" y="823"/>
                    </a:lnTo>
                    <a:lnTo>
                      <a:pt x="3329" y="841"/>
                    </a:lnTo>
                    <a:lnTo>
                      <a:pt x="3338" y="859"/>
                    </a:lnTo>
                    <a:lnTo>
                      <a:pt x="3350" y="868"/>
                    </a:lnTo>
                    <a:lnTo>
                      <a:pt x="3363" y="876"/>
                    </a:lnTo>
                    <a:lnTo>
                      <a:pt x="3368" y="880"/>
                    </a:lnTo>
                    <a:lnTo>
                      <a:pt x="3373" y="885"/>
                    </a:lnTo>
                    <a:lnTo>
                      <a:pt x="3376" y="893"/>
                    </a:lnTo>
                    <a:lnTo>
                      <a:pt x="3377" y="901"/>
                    </a:lnTo>
                    <a:lnTo>
                      <a:pt x="3377" y="916"/>
                    </a:lnTo>
                    <a:lnTo>
                      <a:pt x="3380" y="928"/>
                    </a:lnTo>
                    <a:lnTo>
                      <a:pt x="3385" y="940"/>
                    </a:lnTo>
                    <a:lnTo>
                      <a:pt x="3391" y="952"/>
                    </a:lnTo>
                    <a:lnTo>
                      <a:pt x="3395" y="956"/>
                    </a:lnTo>
                    <a:lnTo>
                      <a:pt x="3398" y="960"/>
                    </a:lnTo>
                    <a:lnTo>
                      <a:pt x="3402" y="964"/>
                    </a:lnTo>
                    <a:lnTo>
                      <a:pt x="3405" y="965"/>
                    </a:lnTo>
                    <a:lnTo>
                      <a:pt x="3409" y="967"/>
                    </a:lnTo>
                    <a:lnTo>
                      <a:pt x="3415" y="967"/>
                    </a:lnTo>
                    <a:lnTo>
                      <a:pt x="3420" y="967"/>
                    </a:lnTo>
                    <a:lnTo>
                      <a:pt x="3425" y="964"/>
                    </a:lnTo>
                    <a:lnTo>
                      <a:pt x="3426" y="963"/>
                    </a:lnTo>
                    <a:lnTo>
                      <a:pt x="3427" y="962"/>
                    </a:lnTo>
                    <a:lnTo>
                      <a:pt x="3426" y="959"/>
                    </a:lnTo>
                    <a:lnTo>
                      <a:pt x="3425" y="958"/>
                    </a:lnTo>
                    <a:lnTo>
                      <a:pt x="3421" y="952"/>
                    </a:lnTo>
                    <a:lnTo>
                      <a:pt x="3418" y="950"/>
                    </a:lnTo>
                    <a:lnTo>
                      <a:pt x="3413" y="938"/>
                    </a:lnTo>
                    <a:lnTo>
                      <a:pt x="3411" y="928"/>
                    </a:lnTo>
                    <a:lnTo>
                      <a:pt x="3409" y="918"/>
                    </a:lnTo>
                    <a:lnTo>
                      <a:pt x="3408" y="907"/>
                    </a:lnTo>
                    <a:lnTo>
                      <a:pt x="3407" y="897"/>
                    </a:lnTo>
                    <a:lnTo>
                      <a:pt x="3403" y="888"/>
                    </a:lnTo>
                    <a:lnTo>
                      <a:pt x="3399" y="883"/>
                    </a:lnTo>
                    <a:lnTo>
                      <a:pt x="3395" y="879"/>
                    </a:lnTo>
                    <a:lnTo>
                      <a:pt x="3390" y="873"/>
                    </a:lnTo>
                    <a:lnTo>
                      <a:pt x="3385" y="870"/>
                    </a:lnTo>
                    <a:lnTo>
                      <a:pt x="3377" y="864"/>
                    </a:lnTo>
                    <a:lnTo>
                      <a:pt x="3370" y="858"/>
                    </a:lnTo>
                    <a:lnTo>
                      <a:pt x="3365" y="853"/>
                    </a:lnTo>
                    <a:lnTo>
                      <a:pt x="3361" y="846"/>
                    </a:lnTo>
                    <a:lnTo>
                      <a:pt x="3359" y="838"/>
                    </a:lnTo>
                    <a:lnTo>
                      <a:pt x="3358" y="831"/>
                    </a:lnTo>
                    <a:lnTo>
                      <a:pt x="3356" y="822"/>
                    </a:lnTo>
                    <a:lnTo>
                      <a:pt x="3356" y="813"/>
                    </a:lnTo>
                    <a:lnTo>
                      <a:pt x="3356" y="801"/>
                    </a:lnTo>
                    <a:lnTo>
                      <a:pt x="3358" y="791"/>
                    </a:lnTo>
                    <a:lnTo>
                      <a:pt x="3358" y="787"/>
                    </a:lnTo>
                    <a:lnTo>
                      <a:pt x="3360" y="781"/>
                    </a:lnTo>
                    <a:lnTo>
                      <a:pt x="3363" y="778"/>
                    </a:lnTo>
                    <a:lnTo>
                      <a:pt x="3367" y="772"/>
                    </a:lnTo>
                    <a:lnTo>
                      <a:pt x="3370" y="765"/>
                    </a:lnTo>
                    <a:lnTo>
                      <a:pt x="3373" y="757"/>
                    </a:lnTo>
                    <a:lnTo>
                      <a:pt x="3374" y="748"/>
                    </a:lnTo>
                    <a:lnTo>
                      <a:pt x="3374" y="740"/>
                    </a:lnTo>
                    <a:lnTo>
                      <a:pt x="3374" y="732"/>
                    </a:lnTo>
                    <a:lnTo>
                      <a:pt x="3376" y="723"/>
                    </a:lnTo>
                    <a:lnTo>
                      <a:pt x="3380" y="715"/>
                    </a:lnTo>
                    <a:lnTo>
                      <a:pt x="3386" y="708"/>
                    </a:lnTo>
                    <a:lnTo>
                      <a:pt x="3396" y="697"/>
                    </a:lnTo>
                    <a:lnTo>
                      <a:pt x="3412" y="683"/>
                    </a:lnTo>
                    <a:lnTo>
                      <a:pt x="3420" y="677"/>
                    </a:lnTo>
                    <a:lnTo>
                      <a:pt x="3427" y="671"/>
                    </a:lnTo>
                    <a:lnTo>
                      <a:pt x="3434" y="666"/>
                    </a:lnTo>
                    <a:lnTo>
                      <a:pt x="3439" y="665"/>
                    </a:lnTo>
                    <a:lnTo>
                      <a:pt x="3438" y="688"/>
                    </a:lnTo>
                    <a:lnTo>
                      <a:pt x="3437" y="709"/>
                    </a:lnTo>
                    <a:lnTo>
                      <a:pt x="3433" y="731"/>
                    </a:lnTo>
                    <a:lnTo>
                      <a:pt x="3429" y="753"/>
                    </a:lnTo>
                    <a:lnTo>
                      <a:pt x="3426" y="774"/>
                    </a:lnTo>
                    <a:lnTo>
                      <a:pt x="3425" y="791"/>
                    </a:lnTo>
                    <a:lnTo>
                      <a:pt x="3426" y="796"/>
                    </a:lnTo>
                    <a:lnTo>
                      <a:pt x="3427" y="800"/>
                    </a:lnTo>
                    <a:lnTo>
                      <a:pt x="3430" y="804"/>
                    </a:lnTo>
                    <a:lnTo>
                      <a:pt x="3433" y="805"/>
                    </a:lnTo>
                    <a:lnTo>
                      <a:pt x="3435" y="805"/>
                    </a:lnTo>
                    <a:lnTo>
                      <a:pt x="3438" y="802"/>
                    </a:lnTo>
                    <a:lnTo>
                      <a:pt x="3442" y="800"/>
                    </a:lnTo>
                    <a:lnTo>
                      <a:pt x="3444" y="794"/>
                    </a:lnTo>
                    <a:lnTo>
                      <a:pt x="3452" y="780"/>
                    </a:lnTo>
                    <a:lnTo>
                      <a:pt x="3460" y="759"/>
                    </a:lnTo>
                    <a:lnTo>
                      <a:pt x="3462" y="752"/>
                    </a:lnTo>
                    <a:lnTo>
                      <a:pt x="3464" y="743"/>
                    </a:lnTo>
                    <a:lnTo>
                      <a:pt x="3464" y="734"/>
                    </a:lnTo>
                    <a:lnTo>
                      <a:pt x="3464" y="726"/>
                    </a:lnTo>
                    <a:lnTo>
                      <a:pt x="3462" y="709"/>
                    </a:lnTo>
                    <a:lnTo>
                      <a:pt x="3464" y="692"/>
                    </a:lnTo>
                    <a:lnTo>
                      <a:pt x="3465" y="680"/>
                    </a:lnTo>
                    <a:lnTo>
                      <a:pt x="3466" y="671"/>
                    </a:lnTo>
                    <a:lnTo>
                      <a:pt x="3468" y="666"/>
                    </a:lnTo>
                    <a:lnTo>
                      <a:pt x="3470" y="662"/>
                    </a:lnTo>
                    <a:lnTo>
                      <a:pt x="3479" y="657"/>
                    </a:lnTo>
                    <a:lnTo>
                      <a:pt x="3499" y="649"/>
                    </a:lnTo>
                    <a:lnTo>
                      <a:pt x="3519" y="640"/>
                    </a:lnTo>
                    <a:lnTo>
                      <a:pt x="3536" y="633"/>
                    </a:lnTo>
                    <a:lnTo>
                      <a:pt x="3540" y="633"/>
                    </a:lnTo>
                    <a:lnTo>
                      <a:pt x="3544" y="633"/>
                    </a:lnTo>
                    <a:lnTo>
                      <a:pt x="3547" y="634"/>
                    </a:lnTo>
                    <a:lnTo>
                      <a:pt x="3548" y="635"/>
                    </a:lnTo>
                    <a:lnTo>
                      <a:pt x="3551" y="639"/>
                    </a:lnTo>
                    <a:lnTo>
                      <a:pt x="3552" y="643"/>
                    </a:lnTo>
                    <a:lnTo>
                      <a:pt x="3552" y="649"/>
                    </a:lnTo>
                    <a:lnTo>
                      <a:pt x="3552" y="656"/>
                    </a:lnTo>
                    <a:lnTo>
                      <a:pt x="3551" y="690"/>
                    </a:lnTo>
                    <a:lnTo>
                      <a:pt x="3548" y="726"/>
                    </a:lnTo>
                    <a:lnTo>
                      <a:pt x="3544" y="743"/>
                    </a:lnTo>
                    <a:lnTo>
                      <a:pt x="3540" y="759"/>
                    </a:lnTo>
                    <a:lnTo>
                      <a:pt x="3536" y="767"/>
                    </a:lnTo>
                    <a:lnTo>
                      <a:pt x="3534" y="775"/>
                    </a:lnTo>
                    <a:lnTo>
                      <a:pt x="3529" y="783"/>
                    </a:lnTo>
                    <a:lnTo>
                      <a:pt x="3525" y="789"/>
                    </a:lnTo>
                    <a:lnTo>
                      <a:pt x="3519" y="797"/>
                    </a:lnTo>
                    <a:lnTo>
                      <a:pt x="3512" y="810"/>
                    </a:lnTo>
                    <a:lnTo>
                      <a:pt x="3509" y="816"/>
                    </a:lnTo>
                    <a:lnTo>
                      <a:pt x="3506" y="823"/>
                    </a:lnTo>
                    <a:lnTo>
                      <a:pt x="3506" y="826"/>
                    </a:lnTo>
                    <a:lnTo>
                      <a:pt x="3506" y="827"/>
                    </a:lnTo>
                    <a:lnTo>
                      <a:pt x="3506" y="829"/>
                    </a:lnTo>
                    <a:lnTo>
                      <a:pt x="3508" y="831"/>
                    </a:lnTo>
                    <a:lnTo>
                      <a:pt x="3510" y="831"/>
                    </a:lnTo>
                    <a:lnTo>
                      <a:pt x="3513" y="829"/>
                    </a:lnTo>
                    <a:lnTo>
                      <a:pt x="3514" y="828"/>
                    </a:lnTo>
                    <a:lnTo>
                      <a:pt x="3517" y="826"/>
                    </a:lnTo>
                    <a:lnTo>
                      <a:pt x="3523" y="819"/>
                    </a:lnTo>
                    <a:lnTo>
                      <a:pt x="3529" y="811"/>
                    </a:lnTo>
                    <a:lnTo>
                      <a:pt x="3538" y="794"/>
                    </a:lnTo>
                    <a:lnTo>
                      <a:pt x="3544" y="784"/>
                    </a:lnTo>
                    <a:lnTo>
                      <a:pt x="3553" y="771"/>
                    </a:lnTo>
                    <a:lnTo>
                      <a:pt x="3565" y="761"/>
                    </a:lnTo>
                    <a:lnTo>
                      <a:pt x="3575" y="749"/>
                    </a:lnTo>
                    <a:lnTo>
                      <a:pt x="3584" y="737"/>
                    </a:lnTo>
                    <a:lnTo>
                      <a:pt x="3587" y="732"/>
                    </a:lnTo>
                    <a:lnTo>
                      <a:pt x="3589" y="726"/>
                    </a:lnTo>
                    <a:lnTo>
                      <a:pt x="3591" y="721"/>
                    </a:lnTo>
                    <a:lnTo>
                      <a:pt x="3592" y="715"/>
                    </a:lnTo>
                    <a:lnTo>
                      <a:pt x="3592" y="704"/>
                    </a:lnTo>
                    <a:lnTo>
                      <a:pt x="3593" y="692"/>
                    </a:lnTo>
                    <a:lnTo>
                      <a:pt x="3595" y="680"/>
                    </a:lnTo>
                    <a:lnTo>
                      <a:pt x="3600" y="669"/>
                    </a:lnTo>
                    <a:lnTo>
                      <a:pt x="3604" y="662"/>
                    </a:lnTo>
                    <a:lnTo>
                      <a:pt x="3608" y="656"/>
                    </a:lnTo>
                    <a:lnTo>
                      <a:pt x="3614" y="651"/>
                    </a:lnTo>
                    <a:lnTo>
                      <a:pt x="3622" y="644"/>
                    </a:lnTo>
                    <a:lnTo>
                      <a:pt x="3630" y="636"/>
                    </a:lnTo>
                    <a:lnTo>
                      <a:pt x="3636" y="626"/>
                    </a:lnTo>
                    <a:lnTo>
                      <a:pt x="3641" y="614"/>
                    </a:lnTo>
                    <a:lnTo>
                      <a:pt x="3646" y="603"/>
                    </a:lnTo>
                    <a:lnTo>
                      <a:pt x="3650" y="592"/>
                    </a:lnTo>
                    <a:lnTo>
                      <a:pt x="3654" y="583"/>
                    </a:lnTo>
                    <a:lnTo>
                      <a:pt x="3657" y="576"/>
                    </a:lnTo>
                    <a:lnTo>
                      <a:pt x="3662" y="570"/>
                    </a:lnTo>
                    <a:lnTo>
                      <a:pt x="3671" y="566"/>
                    </a:lnTo>
                    <a:lnTo>
                      <a:pt x="3680" y="564"/>
                    </a:lnTo>
                    <a:lnTo>
                      <a:pt x="3689" y="564"/>
                    </a:lnTo>
                    <a:lnTo>
                      <a:pt x="3696" y="566"/>
                    </a:lnTo>
                    <a:lnTo>
                      <a:pt x="3703" y="570"/>
                    </a:lnTo>
                    <a:lnTo>
                      <a:pt x="3709" y="577"/>
                    </a:lnTo>
                    <a:lnTo>
                      <a:pt x="3714" y="583"/>
                    </a:lnTo>
                    <a:lnTo>
                      <a:pt x="3719" y="592"/>
                    </a:lnTo>
                    <a:lnTo>
                      <a:pt x="3735" y="629"/>
                    </a:lnTo>
                    <a:lnTo>
                      <a:pt x="3746" y="660"/>
                    </a:lnTo>
                    <a:lnTo>
                      <a:pt x="3750" y="666"/>
                    </a:lnTo>
                    <a:lnTo>
                      <a:pt x="3759" y="675"/>
                    </a:lnTo>
                    <a:lnTo>
                      <a:pt x="3769" y="684"/>
                    </a:lnTo>
                    <a:lnTo>
                      <a:pt x="3781" y="695"/>
                    </a:lnTo>
                    <a:lnTo>
                      <a:pt x="3793" y="702"/>
                    </a:lnTo>
                    <a:lnTo>
                      <a:pt x="3804" y="706"/>
                    </a:lnTo>
                    <a:lnTo>
                      <a:pt x="3810" y="706"/>
                    </a:lnTo>
                    <a:lnTo>
                      <a:pt x="3814" y="706"/>
                    </a:lnTo>
                    <a:lnTo>
                      <a:pt x="3817" y="704"/>
                    </a:lnTo>
                    <a:lnTo>
                      <a:pt x="3820" y="700"/>
                    </a:lnTo>
                    <a:lnTo>
                      <a:pt x="3819" y="696"/>
                    </a:lnTo>
                    <a:lnTo>
                      <a:pt x="3815" y="688"/>
                    </a:lnTo>
                    <a:lnTo>
                      <a:pt x="3808" y="678"/>
                    </a:lnTo>
                    <a:lnTo>
                      <a:pt x="3801" y="666"/>
                    </a:lnTo>
                    <a:lnTo>
                      <a:pt x="3785" y="644"/>
                    </a:lnTo>
                    <a:lnTo>
                      <a:pt x="3775" y="630"/>
                    </a:lnTo>
                    <a:lnTo>
                      <a:pt x="3772" y="625"/>
                    </a:lnTo>
                    <a:lnTo>
                      <a:pt x="3771" y="620"/>
                    </a:lnTo>
                    <a:lnTo>
                      <a:pt x="3771" y="612"/>
                    </a:lnTo>
                    <a:lnTo>
                      <a:pt x="3772" y="605"/>
                    </a:lnTo>
                    <a:lnTo>
                      <a:pt x="3775" y="591"/>
                    </a:lnTo>
                    <a:lnTo>
                      <a:pt x="3780" y="576"/>
                    </a:lnTo>
                    <a:lnTo>
                      <a:pt x="3781" y="568"/>
                    </a:lnTo>
                    <a:lnTo>
                      <a:pt x="3782" y="560"/>
                    </a:lnTo>
                    <a:lnTo>
                      <a:pt x="3782" y="552"/>
                    </a:lnTo>
                    <a:lnTo>
                      <a:pt x="3781" y="546"/>
                    </a:lnTo>
                    <a:lnTo>
                      <a:pt x="3780" y="539"/>
                    </a:lnTo>
                    <a:lnTo>
                      <a:pt x="3776" y="534"/>
                    </a:lnTo>
                    <a:lnTo>
                      <a:pt x="3769" y="528"/>
                    </a:lnTo>
                    <a:lnTo>
                      <a:pt x="3763" y="524"/>
                    </a:lnTo>
                    <a:lnTo>
                      <a:pt x="3749" y="517"/>
                    </a:lnTo>
                    <a:lnTo>
                      <a:pt x="3733" y="509"/>
                    </a:lnTo>
                    <a:lnTo>
                      <a:pt x="3719" y="502"/>
                    </a:lnTo>
                    <a:lnTo>
                      <a:pt x="3705" y="491"/>
                    </a:lnTo>
                    <a:lnTo>
                      <a:pt x="3698" y="486"/>
                    </a:lnTo>
                    <a:lnTo>
                      <a:pt x="3692" y="480"/>
                    </a:lnTo>
                    <a:lnTo>
                      <a:pt x="3687" y="474"/>
                    </a:lnTo>
                    <a:lnTo>
                      <a:pt x="3681" y="468"/>
                    </a:lnTo>
                    <a:lnTo>
                      <a:pt x="3678" y="460"/>
                    </a:lnTo>
                    <a:lnTo>
                      <a:pt x="3675" y="452"/>
                    </a:lnTo>
                    <a:lnTo>
                      <a:pt x="3672" y="445"/>
                    </a:lnTo>
                    <a:lnTo>
                      <a:pt x="3672" y="437"/>
                    </a:lnTo>
                    <a:lnTo>
                      <a:pt x="3674" y="436"/>
                    </a:lnTo>
                    <a:lnTo>
                      <a:pt x="3685" y="441"/>
                    </a:lnTo>
                    <a:lnTo>
                      <a:pt x="3694" y="445"/>
                    </a:lnTo>
                    <a:lnTo>
                      <a:pt x="3702" y="446"/>
                    </a:lnTo>
                    <a:lnTo>
                      <a:pt x="3707" y="446"/>
                    </a:lnTo>
                    <a:lnTo>
                      <a:pt x="3720" y="445"/>
                    </a:lnTo>
                    <a:lnTo>
                      <a:pt x="3740" y="439"/>
                    </a:lnTo>
                    <a:lnTo>
                      <a:pt x="3747" y="439"/>
                    </a:lnTo>
                    <a:lnTo>
                      <a:pt x="3753" y="441"/>
                    </a:lnTo>
                    <a:lnTo>
                      <a:pt x="3758" y="443"/>
                    </a:lnTo>
                    <a:lnTo>
                      <a:pt x="3762" y="447"/>
                    </a:lnTo>
                    <a:lnTo>
                      <a:pt x="3766" y="450"/>
                    </a:lnTo>
                    <a:lnTo>
                      <a:pt x="3769" y="452"/>
                    </a:lnTo>
                    <a:lnTo>
                      <a:pt x="3773" y="455"/>
                    </a:lnTo>
                    <a:lnTo>
                      <a:pt x="3779" y="455"/>
                    </a:lnTo>
                    <a:lnTo>
                      <a:pt x="3788" y="454"/>
                    </a:lnTo>
                    <a:lnTo>
                      <a:pt x="3798" y="450"/>
                    </a:lnTo>
                    <a:lnTo>
                      <a:pt x="3803" y="449"/>
                    </a:lnTo>
                    <a:lnTo>
                      <a:pt x="3808" y="449"/>
                    </a:lnTo>
                    <a:lnTo>
                      <a:pt x="3812" y="450"/>
                    </a:lnTo>
                    <a:lnTo>
                      <a:pt x="3815" y="452"/>
                    </a:lnTo>
                    <a:lnTo>
                      <a:pt x="3820" y="468"/>
                    </a:lnTo>
                    <a:lnTo>
                      <a:pt x="3826" y="489"/>
                    </a:lnTo>
                    <a:lnTo>
                      <a:pt x="3828" y="493"/>
                    </a:lnTo>
                    <a:lnTo>
                      <a:pt x="3830" y="495"/>
                    </a:lnTo>
                    <a:lnTo>
                      <a:pt x="3833" y="498"/>
                    </a:lnTo>
                    <a:lnTo>
                      <a:pt x="3836" y="498"/>
                    </a:lnTo>
                    <a:lnTo>
                      <a:pt x="3838" y="496"/>
                    </a:lnTo>
                    <a:lnTo>
                      <a:pt x="3842" y="494"/>
                    </a:lnTo>
                    <a:lnTo>
                      <a:pt x="3846" y="489"/>
                    </a:lnTo>
                    <a:lnTo>
                      <a:pt x="3850" y="481"/>
                    </a:lnTo>
                    <a:lnTo>
                      <a:pt x="3854" y="474"/>
                    </a:lnTo>
                    <a:lnTo>
                      <a:pt x="3859" y="471"/>
                    </a:lnTo>
                    <a:lnTo>
                      <a:pt x="3865" y="467"/>
                    </a:lnTo>
                    <a:lnTo>
                      <a:pt x="3872" y="464"/>
                    </a:lnTo>
                    <a:lnTo>
                      <a:pt x="3878" y="464"/>
                    </a:lnTo>
                    <a:lnTo>
                      <a:pt x="3886" y="463"/>
                    </a:lnTo>
                    <a:lnTo>
                      <a:pt x="3894" y="464"/>
                    </a:lnTo>
                    <a:lnTo>
                      <a:pt x="3900" y="465"/>
                    </a:lnTo>
                    <a:lnTo>
                      <a:pt x="3913" y="469"/>
                    </a:lnTo>
                    <a:lnTo>
                      <a:pt x="3922" y="474"/>
                    </a:lnTo>
                    <a:lnTo>
                      <a:pt x="3925" y="477"/>
                    </a:lnTo>
                    <a:lnTo>
                      <a:pt x="3926" y="480"/>
                    </a:lnTo>
                    <a:lnTo>
                      <a:pt x="3926" y="482"/>
                    </a:lnTo>
                    <a:lnTo>
                      <a:pt x="3922" y="484"/>
                    </a:lnTo>
                    <a:lnTo>
                      <a:pt x="3908" y="493"/>
                    </a:lnTo>
                    <a:lnTo>
                      <a:pt x="3886" y="508"/>
                    </a:lnTo>
                    <a:lnTo>
                      <a:pt x="3877" y="516"/>
                    </a:lnTo>
                    <a:lnTo>
                      <a:pt x="3871" y="524"/>
                    </a:lnTo>
                    <a:lnTo>
                      <a:pt x="3869" y="526"/>
                    </a:lnTo>
                    <a:lnTo>
                      <a:pt x="3869" y="529"/>
                    </a:lnTo>
                    <a:lnTo>
                      <a:pt x="3869" y="530"/>
                    </a:lnTo>
                    <a:lnTo>
                      <a:pt x="3872" y="531"/>
                    </a:lnTo>
                    <a:lnTo>
                      <a:pt x="3887" y="530"/>
                    </a:lnTo>
                    <a:lnTo>
                      <a:pt x="3908" y="526"/>
                    </a:lnTo>
                    <a:lnTo>
                      <a:pt x="3918" y="524"/>
                    </a:lnTo>
                    <a:lnTo>
                      <a:pt x="3928" y="524"/>
                    </a:lnTo>
                    <a:lnTo>
                      <a:pt x="3931" y="524"/>
                    </a:lnTo>
                    <a:lnTo>
                      <a:pt x="3934" y="524"/>
                    </a:lnTo>
                    <a:lnTo>
                      <a:pt x="3937" y="525"/>
                    </a:lnTo>
                    <a:lnTo>
                      <a:pt x="3938" y="528"/>
                    </a:lnTo>
                    <a:lnTo>
                      <a:pt x="3940" y="530"/>
                    </a:lnTo>
                    <a:lnTo>
                      <a:pt x="3943" y="534"/>
                    </a:lnTo>
                    <a:lnTo>
                      <a:pt x="3943" y="539"/>
                    </a:lnTo>
                    <a:lnTo>
                      <a:pt x="3943" y="544"/>
                    </a:lnTo>
                    <a:lnTo>
                      <a:pt x="3940" y="560"/>
                    </a:lnTo>
                    <a:lnTo>
                      <a:pt x="3937" y="577"/>
                    </a:lnTo>
                    <a:lnTo>
                      <a:pt x="3933" y="592"/>
                    </a:lnTo>
                    <a:lnTo>
                      <a:pt x="3933" y="604"/>
                    </a:lnTo>
                    <a:lnTo>
                      <a:pt x="3933" y="609"/>
                    </a:lnTo>
                    <a:lnTo>
                      <a:pt x="3935" y="612"/>
                    </a:lnTo>
                    <a:lnTo>
                      <a:pt x="3939" y="613"/>
                    </a:lnTo>
                    <a:lnTo>
                      <a:pt x="3944" y="612"/>
                    </a:lnTo>
                    <a:lnTo>
                      <a:pt x="3961" y="598"/>
                    </a:lnTo>
                    <a:lnTo>
                      <a:pt x="3979" y="585"/>
                    </a:lnTo>
                    <a:lnTo>
                      <a:pt x="3997" y="583"/>
                    </a:lnTo>
                    <a:lnTo>
                      <a:pt x="4018" y="583"/>
                    </a:lnTo>
                    <a:lnTo>
                      <a:pt x="4029" y="582"/>
                    </a:lnTo>
                    <a:lnTo>
                      <a:pt x="4036" y="579"/>
                    </a:lnTo>
                    <a:lnTo>
                      <a:pt x="4040" y="577"/>
                    </a:lnTo>
                    <a:lnTo>
                      <a:pt x="4043" y="573"/>
                    </a:lnTo>
                    <a:lnTo>
                      <a:pt x="4044" y="569"/>
                    </a:lnTo>
                    <a:lnTo>
                      <a:pt x="4045" y="564"/>
                    </a:lnTo>
                    <a:lnTo>
                      <a:pt x="4045" y="560"/>
                    </a:lnTo>
                    <a:lnTo>
                      <a:pt x="4044" y="557"/>
                    </a:lnTo>
                    <a:lnTo>
                      <a:pt x="4043" y="555"/>
                    </a:lnTo>
                    <a:lnTo>
                      <a:pt x="4042" y="552"/>
                    </a:lnTo>
                    <a:lnTo>
                      <a:pt x="4035" y="548"/>
                    </a:lnTo>
                    <a:lnTo>
                      <a:pt x="4029" y="543"/>
                    </a:lnTo>
                    <a:lnTo>
                      <a:pt x="4013" y="537"/>
                    </a:lnTo>
                    <a:lnTo>
                      <a:pt x="4001" y="529"/>
                    </a:lnTo>
                    <a:lnTo>
                      <a:pt x="3994" y="522"/>
                    </a:lnTo>
                    <a:lnTo>
                      <a:pt x="3988" y="516"/>
                    </a:lnTo>
                    <a:lnTo>
                      <a:pt x="3986" y="511"/>
                    </a:lnTo>
                    <a:lnTo>
                      <a:pt x="3986" y="507"/>
                    </a:lnTo>
                    <a:lnTo>
                      <a:pt x="3987" y="503"/>
                    </a:lnTo>
                    <a:lnTo>
                      <a:pt x="3991" y="499"/>
                    </a:lnTo>
                    <a:lnTo>
                      <a:pt x="3996" y="496"/>
                    </a:lnTo>
                    <a:lnTo>
                      <a:pt x="4001" y="493"/>
                    </a:lnTo>
                    <a:lnTo>
                      <a:pt x="4012" y="489"/>
                    </a:lnTo>
                    <a:lnTo>
                      <a:pt x="4021" y="484"/>
                    </a:lnTo>
                    <a:lnTo>
                      <a:pt x="4023" y="482"/>
                    </a:lnTo>
                    <a:lnTo>
                      <a:pt x="4023" y="480"/>
                    </a:lnTo>
                    <a:lnTo>
                      <a:pt x="4022" y="476"/>
                    </a:lnTo>
                    <a:lnTo>
                      <a:pt x="4018" y="473"/>
                    </a:lnTo>
                    <a:lnTo>
                      <a:pt x="4012" y="469"/>
                    </a:lnTo>
                    <a:lnTo>
                      <a:pt x="4007" y="464"/>
                    </a:lnTo>
                    <a:lnTo>
                      <a:pt x="4003" y="459"/>
                    </a:lnTo>
                    <a:lnTo>
                      <a:pt x="3999" y="454"/>
                    </a:lnTo>
                    <a:lnTo>
                      <a:pt x="3997" y="449"/>
                    </a:lnTo>
                    <a:lnTo>
                      <a:pt x="3996" y="442"/>
                    </a:lnTo>
                    <a:lnTo>
                      <a:pt x="3995" y="437"/>
                    </a:lnTo>
                    <a:lnTo>
                      <a:pt x="3995" y="430"/>
                    </a:lnTo>
                    <a:lnTo>
                      <a:pt x="3997" y="419"/>
                    </a:lnTo>
                    <a:lnTo>
                      <a:pt x="4003" y="406"/>
                    </a:lnTo>
                    <a:lnTo>
                      <a:pt x="4010" y="394"/>
                    </a:lnTo>
                    <a:lnTo>
                      <a:pt x="4021" y="383"/>
                    </a:lnTo>
                    <a:lnTo>
                      <a:pt x="4030" y="373"/>
                    </a:lnTo>
                    <a:lnTo>
                      <a:pt x="4039" y="363"/>
                    </a:lnTo>
                    <a:lnTo>
                      <a:pt x="4044" y="358"/>
                    </a:lnTo>
                    <a:lnTo>
                      <a:pt x="4049" y="355"/>
                    </a:lnTo>
                    <a:lnTo>
                      <a:pt x="4054" y="353"/>
                    </a:lnTo>
                    <a:lnTo>
                      <a:pt x="4062" y="353"/>
                    </a:lnTo>
                    <a:lnTo>
                      <a:pt x="4083" y="354"/>
                    </a:lnTo>
                    <a:lnTo>
                      <a:pt x="4114" y="353"/>
                    </a:lnTo>
                    <a:lnTo>
                      <a:pt x="4128" y="351"/>
                    </a:lnTo>
                    <a:lnTo>
                      <a:pt x="4143" y="348"/>
                    </a:lnTo>
                    <a:lnTo>
                      <a:pt x="4148" y="346"/>
                    </a:lnTo>
                    <a:lnTo>
                      <a:pt x="4153" y="344"/>
                    </a:lnTo>
                    <a:lnTo>
                      <a:pt x="4157" y="341"/>
                    </a:lnTo>
                    <a:lnTo>
                      <a:pt x="4159" y="338"/>
                    </a:lnTo>
                    <a:lnTo>
                      <a:pt x="4154" y="332"/>
                    </a:lnTo>
                    <a:lnTo>
                      <a:pt x="4144" y="318"/>
                    </a:lnTo>
                    <a:lnTo>
                      <a:pt x="4134" y="301"/>
                    </a:lnTo>
                    <a:lnTo>
                      <a:pt x="4124" y="285"/>
                    </a:lnTo>
                    <a:lnTo>
                      <a:pt x="4119" y="274"/>
                    </a:lnTo>
                    <a:lnTo>
                      <a:pt x="4114" y="254"/>
                    </a:lnTo>
                    <a:lnTo>
                      <a:pt x="4114" y="250"/>
                    </a:lnTo>
                    <a:lnTo>
                      <a:pt x="4114" y="246"/>
                    </a:lnTo>
                    <a:lnTo>
                      <a:pt x="4114" y="243"/>
                    </a:lnTo>
                    <a:lnTo>
                      <a:pt x="4115" y="240"/>
                    </a:lnTo>
                    <a:lnTo>
                      <a:pt x="4118" y="239"/>
                    </a:lnTo>
                    <a:lnTo>
                      <a:pt x="4122" y="237"/>
                    </a:lnTo>
                    <a:lnTo>
                      <a:pt x="4127" y="239"/>
                    </a:lnTo>
                    <a:lnTo>
                      <a:pt x="4134" y="240"/>
                    </a:lnTo>
                    <a:lnTo>
                      <a:pt x="4148" y="246"/>
                    </a:lnTo>
                    <a:lnTo>
                      <a:pt x="4161" y="252"/>
                    </a:lnTo>
                    <a:lnTo>
                      <a:pt x="4171" y="256"/>
                    </a:lnTo>
                    <a:lnTo>
                      <a:pt x="4180" y="257"/>
                    </a:lnTo>
                    <a:lnTo>
                      <a:pt x="4184" y="256"/>
                    </a:lnTo>
                    <a:lnTo>
                      <a:pt x="4185" y="254"/>
                    </a:lnTo>
                    <a:lnTo>
                      <a:pt x="4188" y="250"/>
                    </a:lnTo>
                    <a:lnTo>
                      <a:pt x="4188" y="246"/>
                    </a:lnTo>
                    <a:lnTo>
                      <a:pt x="4187" y="241"/>
                    </a:lnTo>
                    <a:lnTo>
                      <a:pt x="4185" y="234"/>
                    </a:lnTo>
                    <a:lnTo>
                      <a:pt x="4183" y="224"/>
                    </a:lnTo>
                    <a:lnTo>
                      <a:pt x="4179" y="214"/>
                    </a:lnTo>
                    <a:lnTo>
                      <a:pt x="4175" y="208"/>
                    </a:lnTo>
                    <a:lnTo>
                      <a:pt x="4168" y="202"/>
                    </a:lnTo>
                    <a:lnTo>
                      <a:pt x="4162" y="200"/>
                    </a:lnTo>
                    <a:lnTo>
                      <a:pt x="4154" y="197"/>
                    </a:lnTo>
                    <a:lnTo>
                      <a:pt x="4146" y="195"/>
                    </a:lnTo>
                    <a:lnTo>
                      <a:pt x="4139" y="192"/>
                    </a:lnTo>
                    <a:lnTo>
                      <a:pt x="4131" y="187"/>
                    </a:lnTo>
                    <a:lnTo>
                      <a:pt x="4124" y="180"/>
                    </a:lnTo>
                    <a:lnTo>
                      <a:pt x="4119" y="173"/>
                    </a:lnTo>
                    <a:lnTo>
                      <a:pt x="4117" y="165"/>
                    </a:lnTo>
                    <a:lnTo>
                      <a:pt x="4117" y="157"/>
                    </a:lnTo>
                    <a:lnTo>
                      <a:pt x="4118" y="151"/>
                    </a:lnTo>
                    <a:lnTo>
                      <a:pt x="4121" y="144"/>
                    </a:lnTo>
                    <a:lnTo>
                      <a:pt x="4126" y="139"/>
                    </a:lnTo>
                    <a:lnTo>
                      <a:pt x="4131" y="135"/>
                    </a:lnTo>
                    <a:lnTo>
                      <a:pt x="4139" y="131"/>
                    </a:lnTo>
                    <a:lnTo>
                      <a:pt x="4146" y="129"/>
                    </a:lnTo>
                    <a:lnTo>
                      <a:pt x="4154" y="127"/>
                    </a:lnTo>
                    <a:lnTo>
                      <a:pt x="4163" y="126"/>
                    </a:lnTo>
                    <a:lnTo>
                      <a:pt x="4171" y="127"/>
                    </a:lnTo>
                    <a:lnTo>
                      <a:pt x="4180" y="129"/>
                    </a:lnTo>
                    <a:lnTo>
                      <a:pt x="4188" y="132"/>
                    </a:lnTo>
                    <a:lnTo>
                      <a:pt x="4194" y="136"/>
                    </a:lnTo>
                    <a:lnTo>
                      <a:pt x="4201" y="143"/>
                    </a:lnTo>
                    <a:lnTo>
                      <a:pt x="4213" y="156"/>
                    </a:lnTo>
                    <a:lnTo>
                      <a:pt x="4229" y="169"/>
                    </a:lnTo>
                    <a:lnTo>
                      <a:pt x="4237" y="175"/>
                    </a:lnTo>
                    <a:lnTo>
                      <a:pt x="4246" y="180"/>
                    </a:lnTo>
                    <a:lnTo>
                      <a:pt x="4254" y="184"/>
                    </a:lnTo>
                    <a:lnTo>
                      <a:pt x="4262" y="187"/>
                    </a:lnTo>
                    <a:lnTo>
                      <a:pt x="4268" y="188"/>
                    </a:lnTo>
                    <a:lnTo>
                      <a:pt x="4273" y="189"/>
                    </a:lnTo>
                    <a:lnTo>
                      <a:pt x="4277" y="188"/>
                    </a:lnTo>
                    <a:lnTo>
                      <a:pt x="4281" y="187"/>
                    </a:lnTo>
                    <a:lnTo>
                      <a:pt x="4284" y="184"/>
                    </a:lnTo>
                    <a:lnTo>
                      <a:pt x="4285" y="180"/>
                    </a:lnTo>
                    <a:lnTo>
                      <a:pt x="4285" y="177"/>
                    </a:lnTo>
                    <a:lnTo>
                      <a:pt x="4285" y="173"/>
                    </a:lnTo>
                    <a:lnTo>
                      <a:pt x="4281" y="156"/>
                    </a:lnTo>
                    <a:lnTo>
                      <a:pt x="4279" y="143"/>
                    </a:lnTo>
                    <a:lnTo>
                      <a:pt x="4298" y="144"/>
                    </a:lnTo>
                    <a:lnTo>
                      <a:pt x="4314" y="144"/>
                    </a:lnTo>
                    <a:lnTo>
                      <a:pt x="4320" y="145"/>
                    </a:lnTo>
                    <a:lnTo>
                      <a:pt x="4324" y="147"/>
                    </a:lnTo>
                    <a:lnTo>
                      <a:pt x="4328" y="149"/>
                    </a:lnTo>
                    <a:lnTo>
                      <a:pt x="4332" y="152"/>
                    </a:lnTo>
                    <a:lnTo>
                      <a:pt x="4333" y="155"/>
                    </a:lnTo>
                    <a:lnTo>
                      <a:pt x="4334" y="158"/>
                    </a:lnTo>
                    <a:lnTo>
                      <a:pt x="4334" y="162"/>
                    </a:lnTo>
                    <a:lnTo>
                      <a:pt x="4334" y="167"/>
                    </a:lnTo>
                    <a:lnTo>
                      <a:pt x="4332" y="179"/>
                    </a:lnTo>
                    <a:lnTo>
                      <a:pt x="4325" y="195"/>
                    </a:lnTo>
                    <a:lnTo>
                      <a:pt x="4314" y="223"/>
                    </a:lnTo>
                    <a:lnTo>
                      <a:pt x="4302" y="252"/>
                    </a:lnTo>
                    <a:lnTo>
                      <a:pt x="4292" y="283"/>
                    </a:lnTo>
                    <a:lnTo>
                      <a:pt x="4283" y="314"/>
                    </a:lnTo>
                    <a:lnTo>
                      <a:pt x="4273" y="345"/>
                    </a:lnTo>
                    <a:lnTo>
                      <a:pt x="4267" y="377"/>
                    </a:lnTo>
                    <a:lnTo>
                      <a:pt x="4264" y="393"/>
                    </a:lnTo>
                    <a:lnTo>
                      <a:pt x="4263" y="408"/>
                    </a:lnTo>
                    <a:lnTo>
                      <a:pt x="4262" y="424"/>
                    </a:lnTo>
                    <a:lnTo>
                      <a:pt x="4262" y="439"/>
                    </a:lnTo>
                    <a:lnTo>
                      <a:pt x="4260" y="458"/>
                    </a:lnTo>
                    <a:lnTo>
                      <a:pt x="4258" y="480"/>
                    </a:lnTo>
                    <a:lnTo>
                      <a:pt x="4258" y="490"/>
                    </a:lnTo>
                    <a:lnTo>
                      <a:pt x="4259" y="498"/>
                    </a:lnTo>
                    <a:lnTo>
                      <a:pt x="4260" y="500"/>
                    </a:lnTo>
                    <a:lnTo>
                      <a:pt x="4263" y="503"/>
                    </a:lnTo>
                    <a:lnTo>
                      <a:pt x="4264" y="504"/>
                    </a:lnTo>
                    <a:lnTo>
                      <a:pt x="4268" y="504"/>
                    </a:lnTo>
                    <a:lnTo>
                      <a:pt x="4286" y="502"/>
                    </a:lnTo>
                    <a:lnTo>
                      <a:pt x="4306" y="500"/>
                    </a:lnTo>
                    <a:lnTo>
                      <a:pt x="4314" y="498"/>
                    </a:lnTo>
                    <a:lnTo>
                      <a:pt x="4321" y="494"/>
                    </a:lnTo>
                    <a:lnTo>
                      <a:pt x="4324" y="490"/>
                    </a:lnTo>
                    <a:lnTo>
                      <a:pt x="4325" y="487"/>
                    </a:lnTo>
                    <a:lnTo>
                      <a:pt x="4327" y="482"/>
                    </a:lnTo>
                    <a:lnTo>
                      <a:pt x="4328" y="477"/>
                    </a:lnTo>
                    <a:lnTo>
                      <a:pt x="4328" y="465"/>
                    </a:lnTo>
                    <a:lnTo>
                      <a:pt x="4327" y="454"/>
                    </a:lnTo>
                    <a:lnTo>
                      <a:pt x="4325" y="443"/>
                    </a:lnTo>
                    <a:lnTo>
                      <a:pt x="4323" y="432"/>
                    </a:lnTo>
                    <a:lnTo>
                      <a:pt x="4319" y="412"/>
                    </a:lnTo>
                    <a:lnTo>
                      <a:pt x="4317" y="393"/>
                    </a:lnTo>
                    <a:lnTo>
                      <a:pt x="4319" y="384"/>
                    </a:lnTo>
                    <a:lnTo>
                      <a:pt x="4321" y="376"/>
                    </a:lnTo>
                    <a:lnTo>
                      <a:pt x="4327" y="367"/>
                    </a:lnTo>
                    <a:lnTo>
                      <a:pt x="4332" y="359"/>
                    </a:lnTo>
                    <a:lnTo>
                      <a:pt x="4337" y="350"/>
                    </a:lnTo>
                    <a:lnTo>
                      <a:pt x="4341" y="341"/>
                    </a:lnTo>
                    <a:lnTo>
                      <a:pt x="4345" y="332"/>
                    </a:lnTo>
                    <a:lnTo>
                      <a:pt x="4347" y="323"/>
                    </a:lnTo>
                    <a:lnTo>
                      <a:pt x="4351" y="302"/>
                    </a:lnTo>
                    <a:lnTo>
                      <a:pt x="4356" y="284"/>
                    </a:lnTo>
                    <a:lnTo>
                      <a:pt x="4362" y="266"/>
                    </a:lnTo>
                    <a:lnTo>
                      <a:pt x="4369" y="248"/>
                    </a:lnTo>
                    <a:lnTo>
                      <a:pt x="4385" y="213"/>
                    </a:lnTo>
                    <a:lnTo>
                      <a:pt x="4404" y="178"/>
                    </a:lnTo>
                    <a:lnTo>
                      <a:pt x="4407" y="171"/>
                    </a:lnTo>
                    <a:lnTo>
                      <a:pt x="4412" y="166"/>
                    </a:lnTo>
                    <a:lnTo>
                      <a:pt x="4417" y="161"/>
                    </a:lnTo>
                    <a:lnTo>
                      <a:pt x="4422" y="156"/>
                    </a:lnTo>
                    <a:lnTo>
                      <a:pt x="4428" y="152"/>
                    </a:lnTo>
                    <a:lnTo>
                      <a:pt x="4434" y="148"/>
                    </a:lnTo>
                    <a:lnTo>
                      <a:pt x="4439" y="145"/>
                    </a:lnTo>
                    <a:lnTo>
                      <a:pt x="4446" y="144"/>
                    </a:lnTo>
                    <a:lnTo>
                      <a:pt x="4451" y="144"/>
                    </a:lnTo>
                    <a:lnTo>
                      <a:pt x="4457" y="145"/>
                    </a:lnTo>
                    <a:lnTo>
                      <a:pt x="4461" y="147"/>
                    </a:lnTo>
                    <a:lnTo>
                      <a:pt x="4466" y="151"/>
                    </a:lnTo>
                    <a:lnTo>
                      <a:pt x="4470" y="155"/>
                    </a:lnTo>
                    <a:lnTo>
                      <a:pt x="4473" y="161"/>
                    </a:lnTo>
                    <a:lnTo>
                      <a:pt x="4474" y="169"/>
                    </a:lnTo>
                    <a:lnTo>
                      <a:pt x="4476" y="179"/>
                    </a:lnTo>
                    <a:lnTo>
                      <a:pt x="4474" y="188"/>
                    </a:lnTo>
                    <a:lnTo>
                      <a:pt x="4474" y="195"/>
                    </a:lnTo>
                    <a:lnTo>
                      <a:pt x="4472" y="200"/>
                    </a:lnTo>
                    <a:lnTo>
                      <a:pt x="4470" y="204"/>
                    </a:lnTo>
                    <a:lnTo>
                      <a:pt x="4464" y="210"/>
                    </a:lnTo>
                    <a:lnTo>
                      <a:pt x="4456" y="223"/>
                    </a:lnTo>
                    <a:lnTo>
                      <a:pt x="4460" y="235"/>
                    </a:lnTo>
                    <a:lnTo>
                      <a:pt x="4472" y="259"/>
                    </a:lnTo>
                    <a:lnTo>
                      <a:pt x="4478" y="274"/>
                    </a:lnTo>
                    <a:lnTo>
                      <a:pt x="4483" y="288"/>
                    </a:lnTo>
                    <a:lnTo>
                      <a:pt x="4487" y="300"/>
                    </a:lnTo>
                    <a:lnTo>
                      <a:pt x="4488" y="311"/>
                    </a:lnTo>
                    <a:lnTo>
                      <a:pt x="4490" y="326"/>
                    </a:lnTo>
                    <a:lnTo>
                      <a:pt x="4491" y="337"/>
                    </a:lnTo>
                    <a:lnTo>
                      <a:pt x="4492" y="342"/>
                    </a:lnTo>
                    <a:lnTo>
                      <a:pt x="4494" y="346"/>
                    </a:lnTo>
                    <a:lnTo>
                      <a:pt x="4496" y="349"/>
                    </a:lnTo>
                    <a:lnTo>
                      <a:pt x="4499" y="351"/>
                    </a:lnTo>
                    <a:lnTo>
                      <a:pt x="4501" y="353"/>
                    </a:lnTo>
                    <a:lnTo>
                      <a:pt x="4504" y="353"/>
                    </a:lnTo>
                    <a:lnTo>
                      <a:pt x="4508" y="353"/>
                    </a:lnTo>
                    <a:lnTo>
                      <a:pt x="4512" y="351"/>
                    </a:lnTo>
                    <a:lnTo>
                      <a:pt x="4523" y="345"/>
                    </a:lnTo>
                    <a:lnTo>
                      <a:pt x="4536" y="336"/>
                    </a:lnTo>
                    <a:lnTo>
                      <a:pt x="4555" y="327"/>
                    </a:lnTo>
                    <a:lnTo>
                      <a:pt x="4575" y="315"/>
                    </a:lnTo>
                    <a:lnTo>
                      <a:pt x="4580" y="313"/>
                    </a:lnTo>
                    <a:lnTo>
                      <a:pt x="4583" y="309"/>
                    </a:lnTo>
                    <a:lnTo>
                      <a:pt x="4586" y="305"/>
                    </a:lnTo>
                    <a:lnTo>
                      <a:pt x="4588" y="301"/>
                    </a:lnTo>
                    <a:lnTo>
                      <a:pt x="4588" y="297"/>
                    </a:lnTo>
                    <a:lnTo>
                      <a:pt x="4586" y="292"/>
                    </a:lnTo>
                    <a:lnTo>
                      <a:pt x="4583" y="287"/>
                    </a:lnTo>
                    <a:lnTo>
                      <a:pt x="4578" y="281"/>
                    </a:lnTo>
                    <a:lnTo>
                      <a:pt x="4575" y="279"/>
                    </a:lnTo>
                    <a:lnTo>
                      <a:pt x="4573" y="275"/>
                    </a:lnTo>
                    <a:lnTo>
                      <a:pt x="4573" y="272"/>
                    </a:lnTo>
                    <a:lnTo>
                      <a:pt x="4571" y="270"/>
                    </a:lnTo>
                    <a:lnTo>
                      <a:pt x="4573" y="263"/>
                    </a:lnTo>
                    <a:lnTo>
                      <a:pt x="4575" y="256"/>
                    </a:lnTo>
                    <a:lnTo>
                      <a:pt x="4578" y="249"/>
                    </a:lnTo>
                    <a:lnTo>
                      <a:pt x="4579" y="243"/>
                    </a:lnTo>
                    <a:lnTo>
                      <a:pt x="4579" y="239"/>
                    </a:lnTo>
                    <a:lnTo>
                      <a:pt x="4578" y="235"/>
                    </a:lnTo>
                    <a:lnTo>
                      <a:pt x="4577" y="232"/>
                    </a:lnTo>
                    <a:lnTo>
                      <a:pt x="4575" y="228"/>
                    </a:lnTo>
                    <a:lnTo>
                      <a:pt x="4570" y="221"/>
                    </a:lnTo>
                    <a:lnTo>
                      <a:pt x="4566" y="214"/>
                    </a:lnTo>
                    <a:lnTo>
                      <a:pt x="4565" y="209"/>
                    </a:lnTo>
                    <a:lnTo>
                      <a:pt x="4565" y="204"/>
                    </a:lnTo>
                    <a:lnTo>
                      <a:pt x="4565" y="200"/>
                    </a:lnTo>
                    <a:lnTo>
                      <a:pt x="4568" y="196"/>
                    </a:lnTo>
                    <a:lnTo>
                      <a:pt x="4570" y="193"/>
                    </a:lnTo>
                    <a:lnTo>
                      <a:pt x="4574" y="189"/>
                    </a:lnTo>
                    <a:lnTo>
                      <a:pt x="4583" y="184"/>
                    </a:lnTo>
                    <a:lnTo>
                      <a:pt x="4595" y="177"/>
                    </a:lnTo>
                    <a:lnTo>
                      <a:pt x="4600" y="173"/>
                    </a:lnTo>
                    <a:lnTo>
                      <a:pt x="4605" y="167"/>
                    </a:lnTo>
                    <a:lnTo>
                      <a:pt x="4610" y="161"/>
                    </a:lnTo>
                    <a:lnTo>
                      <a:pt x="4615" y="155"/>
                    </a:lnTo>
                    <a:lnTo>
                      <a:pt x="4615" y="152"/>
                    </a:lnTo>
                    <a:lnTo>
                      <a:pt x="4613" y="149"/>
                    </a:lnTo>
                    <a:lnTo>
                      <a:pt x="4609" y="145"/>
                    </a:lnTo>
                    <a:lnTo>
                      <a:pt x="4604" y="143"/>
                    </a:lnTo>
                    <a:lnTo>
                      <a:pt x="4588" y="136"/>
                    </a:lnTo>
                    <a:lnTo>
                      <a:pt x="4570" y="129"/>
                    </a:lnTo>
                    <a:lnTo>
                      <a:pt x="4561" y="125"/>
                    </a:lnTo>
                    <a:lnTo>
                      <a:pt x="4552" y="120"/>
                    </a:lnTo>
                    <a:lnTo>
                      <a:pt x="4543" y="114"/>
                    </a:lnTo>
                    <a:lnTo>
                      <a:pt x="4535" y="109"/>
                    </a:lnTo>
                    <a:lnTo>
                      <a:pt x="4530" y="103"/>
                    </a:lnTo>
                    <a:lnTo>
                      <a:pt x="4525" y="95"/>
                    </a:lnTo>
                    <a:lnTo>
                      <a:pt x="4523" y="87"/>
                    </a:lnTo>
                    <a:lnTo>
                      <a:pt x="4523" y="78"/>
                    </a:lnTo>
                    <a:lnTo>
                      <a:pt x="4525" y="70"/>
                    </a:lnTo>
                    <a:lnTo>
                      <a:pt x="4527" y="64"/>
                    </a:lnTo>
                    <a:lnTo>
                      <a:pt x="4531" y="60"/>
                    </a:lnTo>
                    <a:lnTo>
                      <a:pt x="4535" y="59"/>
                    </a:lnTo>
                    <a:lnTo>
                      <a:pt x="4540" y="57"/>
                    </a:lnTo>
                    <a:lnTo>
                      <a:pt x="4545" y="59"/>
                    </a:lnTo>
                    <a:lnTo>
                      <a:pt x="4552" y="61"/>
                    </a:lnTo>
                    <a:lnTo>
                      <a:pt x="4557" y="64"/>
                    </a:lnTo>
                    <a:lnTo>
                      <a:pt x="4583" y="82"/>
                    </a:lnTo>
                    <a:lnTo>
                      <a:pt x="4602" y="98"/>
                    </a:lnTo>
                    <a:lnTo>
                      <a:pt x="4608" y="100"/>
                    </a:lnTo>
                    <a:lnTo>
                      <a:pt x="4612" y="101"/>
                    </a:lnTo>
                    <a:lnTo>
                      <a:pt x="4615" y="101"/>
                    </a:lnTo>
                    <a:lnTo>
                      <a:pt x="4619" y="100"/>
                    </a:lnTo>
                    <a:lnTo>
                      <a:pt x="4622" y="98"/>
                    </a:lnTo>
                    <a:lnTo>
                      <a:pt x="4623" y="94"/>
                    </a:lnTo>
                    <a:lnTo>
                      <a:pt x="4623" y="90"/>
                    </a:lnTo>
                    <a:lnTo>
                      <a:pt x="4622" y="83"/>
                    </a:lnTo>
                    <a:lnTo>
                      <a:pt x="4619" y="78"/>
                    </a:lnTo>
                    <a:lnTo>
                      <a:pt x="4615" y="73"/>
                    </a:lnTo>
                    <a:lnTo>
                      <a:pt x="4610" y="69"/>
                    </a:lnTo>
                    <a:lnTo>
                      <a:pt x="4606" y="64"/>
                    </a:lnTo>
                    <a:lnTo>
                      <a:pt x="4602" y="60"/>
                    </a:lnTo>
                    <a:lnTo>
                      <a:pt x="4599" y="55"/>
                    </a:lnTo>
                    <a:lnTo>
                      <a:pt x="4596" y="50"/>
                    </a:lnTo>
                    <a:lnTo>
                      <a:pt x="4596" y="43"/>
                    </a:lnTo>
                    <a:lnTo>
                      <a:pt x="4592" y="26"/>
                    </a:lnTo>
                    <a:lnTo>
                      <a:pt x="4591" y="12"/>
                    </a:lnTo>
                    <a:lnTo>
                      <a:pt x="4591" y="8"/>
                    </a:lnTo>
                    <a:lnTo>
                      <a:pt x="4592" y="6"/>
                    </a:lnTo>
                    <a:lnTo>
                      <a:pt x="4593" y="3"/>
                    </a:lnTo>
                    <a:lnTo>
                      <a:pt x="4596" y="2"/>
                    </a:lnTo>
                    <a:lnTo>
                      <a:pt x="4599" y="0"/>
                    </a:lnTo>
                    <a:lnTo>
                      <a:pt x="4601" y="0"/>
                    </a:lnTo>
                    <a:lnTo>
                      <a:pt x="4605" y="0"/>
                    </a:lnTo>
                    <a:lnTo>
                      <a:pt x="4610" y="2"/>
                    </a:lnTo>
                    <a:lnTo>
                      <a:pt x="4621" y="4"/>
                    </a:lnTo>
                    <a:lnTo>
                      <a:pt x="4628" y="8"/>
                    </a:lnTo>
                    <a:lnTo>
                      <a:pt x="4635" y="11"/>
                    </a:lnTo>
                    <a:lnTo>
                      <a:pt x="4640" y="15"/>
                    </a:lnTo>
                    <a:lnTo>
                      <a:pt x="4649" y="21"/>
                    </a:lnTo>
                    <a:lnTo>
                      <a:pt x="4657" y="28"/>
                    </a:lnTo>
                    <a:lnTo>
                      <a:pt x="4662" y="30"/>
                    </a:lnTo>
                    <a:lnTo>
                      <a:pt x="4666" y="31"/>
                    </a:lnTo>
                    <a:lnTo>
                      <a:pt x="4672" y="33"/>
                    </a:lnTo>
                    <a:lnTo>
                      <a:pt x="4679" y="33"/>
                    </a:lnTo>
                    <a:lnTo>
                      <a:pt x="4687" y="33"/>
                    </a:lnTo>
                    <a:lnTo>
                      <a:pt x="4696" y="30"/>
                    </a:lnTo>
                    <a:lnTo>
                      <a:pt x="4706" y="28"/>
                    </a:lnTo>
                    <a:lnTo>
                      <a:pt x="4719" y="22"/>
                    </a:lnTo>
                    <a:lnTo>
                      <a:pt x="4724" y="21"/>
                    </a:lnTo>
                    <a:lnTo>
                      <a:pt x="4728" y="21"/>
                    </a:lnTo>
                    <a:lnTo>
                      <a:pt x="4731" y="24"/>
                    </a:lnTo>
                    <a:lnTo>
                      <a:pt x="4731" y="26"/>
                    </a:lnTo>
                    <a:lnTo>
                      <a:pt x="4729" y="34"/>
                    </a:lnTo>
                    <a:lnTo>
                      <a:pt x="4724" y="46"/>
                    </a:lnTo>
                    <a:lnTo>
                      <a:pt x="4710" y="69"/>
                    </a:lnTo>
                    <a:lnTo>
                      <a:pt x="4702" y="83"/>
                    </a:lnTo>
                    <a:lnTo>
                      <a:pt x="4704" y="85"/>
                    </a:lnTo>
                    <a:lnTo>
                      <a:pt x="4707" y="86"/>
                    </a:lnTo>
                    <a:lnTo>
                      <a:pt x="4714" y="85"/>
                    </a:lnTo>
                    <a:lnTo>
                      <a:pt x="4720" y="83"/>
                    </a:lnTo>
                    <a:lnTo>
                      <a:pt x="4733" y="81"/>
                    </a:lnTo>
                    <a:lnTo>
                      <a:pt x="4741" y="79"/>
                    </a:lnTo>
                    <a:lnTo>
                      <a:pt x="4746" y="79"/>
                    </a:lnTo>
                    <a:lnTo>
                      <a:pt x="4751" y="81"/>
                    </a:lnTo>
                    <a:lnTo>
                      <a:pt x="4755" y="83"/>
                    </a:lnTo>
                    <a:lnTo>
                      <a:pt x="4758" y="86"/>
                    </a:lnTo>
                    <a:lnTo>
                      <a:pt x="4761" y="90"/>
                    </a:lnTo>
                    <a:lnTo>
                      <a:pt x="4762" y="94"/>
                    </a:lnTo>
                    <a:lnTo>
                      <a:pt x="4763" y="98"/>
                    </a:lnTo>
                    <a:lnTo>
                      <a:pt x="4764" y="101"/>
                    </a:lnTo>
                    <a:lnTo>
                      <a:pt x="4764" y="112"/>
                    </a:lnTo>
                    <a:lnTo>
                      <a:pt x="4763" y="121"/>
                    </a:lnTo>
                    <a:lnTo>
                      <a:pt x="4761" y="130"/>
                    </a:lnTo>
                    <a:lnTo>
                      <a:pt x="4757" y="138"/>
                    </a:lnTo>
                    <a:lnTo>
                      <a:pt x="4753" y="142"/>
                    </a:lnTo>
                    <a:lnTo>
                      <a:pt x="4749" y="145"/>
                    </a:lnTo>
                    <a:lnTo>
                      <a:pt x="4745" y="148"/>
                    </a:lnTo>
                    <a:lnTo>
                      <a:pt x="4741" y="149"/>
                    </a:lnTo>
                    <a:lnTo>
                      <a:pt x="4732" y="152"/>
                    </a:lnTo>
                    <a:lnTo>
                      <a:pt x="4722" y="151"/>
                    </a:lnTo>
                    <a:lnTo>
                      <a:pt x="4711" y="148"/>
                    </a:lnTo>
                    <a:lnTo>
                      <a:pt x="4702" y="144"/>
                    </a:lnTo>
                    <a:lnTo>
                      <a:pt x="4693" y="139"/>
                    </a:lnTo>
                    <a:lnTo>
                      <a:pt x="4684" y="134"/>
                    </a:lnTo>
                    <a:lnTo>
                      <a:pt x="4674" y="127"/>
                    </a:lnTo>
                    <a:lnTo>
                      <a:pt x="4659" y="121"/>
                    </a:lnTo>
                    <a:lnTo>
                      <a:pt x="4652" y="121"/>
                    </a:lnTo>
                    <a:lnTo>
                      <a:pt x="4647" y="122"/>
                    </a:lnTo>
                    <a:lnTo>
                      <a:pt x="4644" y="123"/>
                    </a:lnTo>
                    <a:lnTo>
                      <a:pt x="4643" y="126"/>
                    </a:lnTo>
                    <a:lnTo>
                      <a:pt x="4641" y="130"/>
                    </a:lnTo>
                    <a:lnTo>
                      <a:pt x="4641" y="135"/>
                    </a:lnTo>
                    <a:lnTo>
                      <a:pt x="4643" y="139"/>
                    </a:lnTo>
                    <a:lnTo>
                      <a:pt x="4647" y="144"/>
                    </a:lnTo>
                    <a:lnTo>
                      <a:pt x="4650" y="148"/>
                    </a:lnTo>
                    <a:lnTo>
                      <a:pt x="4657" y="153"/>
                    </a:lnTo>
                    <a:lnTo>
                      <a:pt x="4670" y="162"/>
                    </a:lnTo>
                    <a:lnTo>
                      <a:pt x="4682" y="171"/>
                    </a:lnTo>
                    <a:lnTo>
                      <a:pt x="4687" y="177"/>
                    </a:lnTo>
                    <a:lnTo>
                      <a:pt x="4691" y="182"/>
                    </a:lnTo>
                    <a:lnTo>
                      <a:pt x="4693" y="186"/>
                    </a:lnTo>
                    <a:lnTo>
                      <a:pt x="4693" y="191"/>
                    </a:lnTo>
                    <a:lnTo>
                      <a:pt x="4689" y="196"/>
                    </a:lnTo>
                    <a:lnTo>
                      <a:pt x="4684" y="200"/>
                    </a:lnTo>
                    <a:lnTo>
                      <a:pt x="4675" y="205"/>
                    </a:lnTo>
                    <a:lnTo>
                      <a:pt x="4662" y="209"/>
                    </a:lnTo>
                    <a:lnTo>
                      <a:pt x="4654" y="214"/>
                    </a:lnTo>
                    <a:lnTo>
                      <a:pt x="4647" y="221"/>
                    </a:lnTo>
                    <a:lnTo>
                      <a:pt x="4640" y="228"/>
                    </a:lnTo>
                    <a:lnTo>
                      <a:pt x="4635" y="237"/>
                    </a:lnTo>
                    <a:lnTo>
                      <a:pt x="4634" y="241"/>
                    </a:lnTo>
                    <a:lnTo>
                      <a:pt x="4634" y="245"/>
                    </a:lnTo>
                    <a:lnTo>
                      <a:pt x="4634" y="250"/>
                    </a:lnTo>
                    <a:lnTo>
                      <a:pt x="4634" y="254"/>
                    </a:lnTo>
                    <a:lnTo>
                      <a:pt x="4636" y="257"/>
                    </a:lnTo>
                    <a:lnTo>
                      <a:pt x="4639" y="259"/>
                    </a:lnTo>
                    <a:lnTo>
                      <a:pt x="4643" y="262"/>
                    </a:lnTo>
                    <a:lnTo>
                      <a:pt x="4647" y="263"/>
                    </a:lnTo>
                    <a:lnTo>
                      <a:pt x="4654" y="262"/>
                    </a:lnTo>
                    <a:lnTo>
                      <a:pt x="4662" y="259"/>
                    </a:lnTo>
                    <a:lnTo>
                      <a:pt x="4672" y="253"/>
                    </a:lnTo>
                    <a:lnTo>
                      <a:pt x="4683" y="245"/>
                    </a:lnTo>
                    <a:lnTo>
                      <a:pt x="4701" y="230"/>
                    </a:lnTo>
                    <a:lnTo>
                      <a:pt x="4714" y="218"/>
                    </a:lnTo>
                    <a:lnTo>
                      <a:pt x="4719" y="212"/>
                    </a:lnTo>
                    <a:lnTo>
                      <a:pt x="4724" y="206"/>
                    </a:lnTo>
                    <a:lnTo>
                      <a:pt x="4728" y="202"/>
                    </a:lnTo>
                    <a:lnTo>
                      <a:pt x="4733" y="200"/>
                    </a:lnTo>
                    <a:lnTo>
                      <a:pt x="4736" y="200"/>
                    </a:lnTo>
                    <a:lnTo>
                      <a:pt x="4739" y="200"/>
                    </a:lnTo>
                    <a:lnTo>
                      <a:pt x="4741" y="201"/>
                    </a:lnTo>
                    <a:lnTo>
                      <a:pt x="4742" y="204"/>
                    </a:lnTo>
                    <a:lnTo>
                      <a:pt x="4744" y="208"/>
                    </a:lnTo>
                    <a:lnTo>
                      <a:pt x="4744" y="212"/>
                    </a:lnTo>
                    <a:lnTo>
                      <a:pt x="4742" y="215"/>
                    </a:lnTo>
                    <a:lnTo>
                      <a:pt x="4741" y="221"/>
                    </a:lnTo>
                    <a:lnTo>
                      <a:pt x="4739" y="227"/>
                    </a:lnTo>
                    <a:lnTo>
                      <a:pt x="4735" y="232"/>
                    </a:lnTo>
                    <a:lnTo>
                      <a:pt x="4729" y="239"/>
                    </a:lnTo>
                    <a:lnTo>
                      <a:pt x="4724" y="244"/>
                    </a:lnTo>
                    <a:lnTo>
                      <a:pt x="4716" y="253"/>
                    </a:lnTo>
                    <a:lnTo>
                      <a:pt x="4710" y="259"/>
                    </a:lnTo>
                    <a:lnTo>
                      <a:pt x="4706" y="266"/>
                    </a:lnTo>
                    <a:lnTo>
                      <a:pt x="4704" y="270"/>
                    </a:lnTo>
                    <a:lnTo>
                      <a:pt x="4704" y="275"/>
                    </a:lnTo>
                    <a:lnTo>
                      <a:pt x="4704" y="278"/>
                    </a:lnTo>
                    <a:lnTo>
                      <a:pt x="4706" y="280"/>
                    </a:lnTo>
                    <a:lnTo>
                      <a:pt x="4710" y="283"/>
                    </a:lnTo>
                    <a:lnTo>
                      <a:pt x="4729" y="287"/>
                    </a:lnTo>
                    <a:lnTo>
                      <a:pt x="4750" y="291"/>
                    </a:lnTo>
                    <a:lnTo>
                      <a:pt x="4753" y="313"/>
                    </a:lnTo>
                    <a:lnTo>
                      <a:pt x="4753" y="338"/>
                    </a:lnTo>
                    <a:lnTo>
                      <a:pt x="4754" y="350"/>
                    </a:lnTo>
                    <a:lnTo>
                      <a:pt x="4757" y="362"/>
                    </a:lnTo>
                    <a:lnTo>
                      <a:pt x="4759" y="367"/>
                    </a:lnTo>
                    <a:lnTo>
                      <a:pt x="4762" y="371"/>
                    </a:lnTo>
                    <a:lnTo>
                      <a:pt x="4764" y="375"/>
                    </a:lnTo>
                    <a:lnTo>
                      <a:pt x="4768" y="379"/>
                    </a:lnTo>
                    <a:lnTo>
                      <a:pt x="4772" y="373"/>
                    </a:lnTo>
                    <a:lnTo>
                      <a:pt x="4776" y="364"/>
                    </a:lnTo>
                    <a:lnTo>
                      <a:pt x="4779" y="354"/>
                    </a:lnTo>
                    <a:lnTo>
                      <a:pt x="4781" y="342"/>
                    </a:lnTo>
                    <a:lnTo>
                      <a:pt x="4784" y="331"/>
                    </a:lnTo>
                    <a:lnTo>
                      <a:pt x="4788" y="319"/>
                    </a:lnTo>
                    <a:lnTo>
                      <a:pt x="4790" y="315"/>
                    </a:lnTo>
                    <a:lnTo>
                      <a:pt x="4792" y="310"/>
                    </a:lnTo>
                    <a:lnTo>
                      <a:pt x="4796" y="306"/>
                    </a:lnTo>
                    <a:lnTo>
                      <a:pt x="4798" y="303"/>
                    </a:lnTo>
                    <a:lnTo>
                      <a:pt x="4807" y="301"/>
                    </a:lnTo>
                    <a:lnTo>
                      <a:pt x="4820" y="300"/>
                    </a:lnTo>
                    <a:lnTo>
                      <a:pt x="4825" y="298"/>
                    </a:lnTo>
                    <a:lnTo>
                      <a:pt x="4830" y="296"/>
                    </a:lnTo>
                    <a:lnTo>
                      <a:pt x="4830" y="294"/>
                    </a:lnTo>
                    <a:lnTo>
                      <a:pt x="4832" y="293"/>
                    </a:lnTo>
                    <a:lnTo>
                      <a:pt x="4830" y="292"/>
                    </a:lnTo>
                    <a:lnTo>
                      <a:pt x="4828" y="291"/>
                    </a:lnTo>
                    <a:lnTo>
                      <a:pt x="4821" y="284"/>
                    </a:lnTo>
                    <a:lnTo>
                      <a:pt x="4816" y="276"/>
                    </a:lnTo>
                    <a:lnTo>
                      <a:pt x="4812" y="269"/>
                    </a:lnTo>
                    <a:lnTo>
                      <a:pt x="4811" y="261"/>
                    </a:lnTo>
                    <a:lnTo>
                      <a:pt x="4811" y="252"/>
                    </a:lnTo>
                    <a:lnTo>
                      <a:pt x="4812" y="244"/>
                    </a:lnTo>
                    <a:lnTo>
                      <a:pt x="4815" y="235"/>
                    </a:lnTo>
                    <a:lnTo>
                      <a:pt x="4819" y="227"/>
                    </a:lnTo>
                    <a:lnTo>
                      <a:pt x="4825" y="219"/>
                    </a:lnTo>
                    <a:lnTo>
                      <a:pt x="4833" y="213"/>
                    </a:lnTo>
                    <a:lnTo>
                      <a:pt x="4836" y="210"/>
                    </a:lnTo>
                    <a:lnTo>
                      <a:pt x="4840" y="206"/>
                    </a:lnTo>
                    <a:lnTo>
                      <a:pt x="4841" y="202"/>
                    </a:lnTo>
                    <a:lnTo>
                      <a:pt x="4843" y="199"/>
                    </a:lnTo>
                    <a:lnTo>
                      <a:pt x="4842" y="180"/>
                    </a:lnTo>
                    <a:lnTo>
                      <a:pt x="4841" y="161"/>
                    </a:lnTo>
                    <a:lnTo>
                      <a:pt x="4853" y="160"/>
                    </a:lnTo>
                    <a:lnTo>
                      <a:pt x="4864" y="158"/>
                    </a:lnTo>
                    <a:lnTo>
                      <a:pt x="4876" y="156"/>
                    </a:lnTo>
                    <a:lnTo>
                      <a:pt x="4887" y="156"/>
                    </a:lnTo>
                    <a:lnTo>
                      <a:pt x="4894" y="157"/>
                    </a:lnTo>
                    <a:lnTo>
                      <a:pt x="4898" y="160"/>
                    </a:lnTo>
                    <a:lnTo>
                      <a:pt x="4899" y="164"/>
                    </a:lnTo>
                    <a:lnTo>
                      <a:pt x="4900" y="167"/>
                    </a:lnTo>
                    <a:lnTo>
                      <a:pt x="4902" y="171"/>
                    </a:lnTo>
                    <a:lnTo>
                      <a:pt x="4902" y="177"/>
                    </a:lnTo>
                    <a:lnTo>
                      <a:pt x="4903" y="182"/>
                    </a:lnTo>
                    <a:lnTo>
                      <a:pt x="4906" y="186"/>
                    </a:lnTo>
                    <a:lnTo>
                      <a:pt x="4910" y="188"/>
                    </a:lnTo>
                    <a:lnTo>
                      <a:pt x="4912" y="189"/>
                    </a:lnTo>
                    <a:lnTo>
                      <a:pt x="4916" y="191"/>
                    </a:lnTo>
                    <a:lnTo>
                      <a:pt x="4919" y="189"/>
                    </a:lnTo>
                    <a:lnTo>
                      <a:pt x="4926" y="188"/>
                    </a:lnTo>
                    <a:lnTo>
                      <a:pt x="4934" y="184"/>
                    </a:lnTo>
                    <a:lnTo>
                      <a:pt x="4942" y="182"/>
                    </a:lnTo>
                    <a:lnTo>
                      <a:pt x="4951" y="180"/>
                    </a:lnTo>
                    <a:lnTo>
                      <a:pt x="4956" y="180"/>
                    </a:lnTo>
                    <a:lnTo>
                      <a:pt x="4960" y="182"/>
                    </a:lnTo>
                    <a:lnTo>
                      <a:pt x="4967" y="184"/>
                    </a:lnTo>
                    <a:lnTo>
                      <a:pt x="4972" y="188"/>
                    </a:lnTo>
                    <a:lnTo>
                      <a:pt x="4978" y="192"/>
                    </a:lnTo>
                    <a:lnTo>
                      <a:pt x="4986" y="193"/>
                    </a:lnTo>
                    <a:lnTo>
                      <a:pt x="4994" y="195"/>
                    </a:lnTo>
                    <a:lnTo>
                      <a:pt x="5000" y="195"/>
                    </a:lnTo>
                    <a:lnTo>
                      <a:pt x="5008" y="195"/>
                    </a:lnTo>
                    <a:lnTo>
                      <a:pt x="5016" y="196"/>
                    </a:lnTo>
                    <a:lnTo>
                      <a:pt x="5024" y="200"/>
                    </a:lnTo>
                    <a:lnTo>
                      <a:pt x="5031" y="206"/>
                    </a:lnTo>
                    <a:lnTo>
                      <a:pt x="5046" y="221"/>
                    </a:lnTo>
                    <a:lnTo>
                      <a:pt x="5055" y="230"/>
                    </a:lnTo>
                    <a:lnTo>
                      <a:pt x="5060" y="235"/>
                    </a:lnTo>
                    <a:lnTo>
                      <a:pt x="5066" y="237"/>
                    </a:lnTo>
                    <a:lnTo>
                      <a:pt x="5074" y="237"/>
                    </a:lnTo>
                    <a:lnTo>
                      <a:pt x="5086" y="239"/>
                    </a:lnTo>
                    <a:lnTo>
                      <a:pt x="5103" y="241"/>
                    </a:lnTo>
                    <a:lnTo>
                      <a:pt x="5128" y="246"/>
                    </a:lnTo>
                    <a:lnTo>
                      <a:pt x="5192" y="265"/>
                    </a:lnTo>
                    <a:lnTo>
                      <a:pt x="5195" y="272"/>
                    </a:lnTo>
                    <a:lnTo>
                      <a:pt x="5200" y="289"/>
                    </a:lnTo>
                    <a:lnTo>
                      <a:pt x="5201" y="298"/>
                    </a:lnTo>
                    <a:lnTo>
                      <a:pt x="5202" y="306"/>
                    </a:lnTo>
                    <a:lnTo>
                      <a:pt x="5202" y="313"/>
                    </a:lnTo>
                    <a:lnTo>
                      <a:pt x="5201" y="315"/>
                    </a:lnTo>
                    <a:lnTo>
                      <a:pt x="5171" y="333"/>
                    </a:lnTo>
                    <a:lnTo>
                      <a:pt x="5153" y="348"/>
                    </a:lnTo>
                    <a:lnTo>
                      <a:pt x="5145" y="354"/>
                    </a:lnTo>
                    <a:lnTo>
                      <a:pt x="5139" y="364"/>
                    </a:lnTo>
                    <a:lnTo>
                      <a:pt x="5131" y="376"/>
                    </a:lnTo>
                    <a:lnTo>
                      <a:pt x="5121" y="393"/>
                    </a:lnTo>
                    <a:lnTo>
                      <a:pt x="5113" y="403"/>
                    </a:lnTo>
                    <a:lnTo>
                      <a:pt x="5105" y="412"/>
                    </a:lnTo>
                    <a:lnTo>
                      <a:pt x="5096" y="420"/>
                    </a:lnTo>
                    <a:lnTo>
                      <a:pt x="5086" y="427"/>
                    </a:lnTo>
                    <a:lnTo>
                      <a:pt x="5074" y="432"/>
                    </a:lnTo>
                    <a:lnTo>
                      <a:pt x="5062" y="437"/>
                    </a:lnTo>
                    <a:lnTo>
                      <a:pt x="5049" y="439"/>
                    </a:lnTo>
                    <a:lnTo>
                      <a:pt x="5036" y="443"/>
                    </a:lnTo>
                    <a:lnTo>
                      <a:pt x="5011" y="447"/>
                    </a:lnTo>
                    <a:lnTo>
                      <a:pt x="4983" y="449"/>
                    </a:lnTo>
                    <a:lnTo>
                      <a:pt x="4957" y="449"/>
                    </a:lnTo>
                    <a:lnTo>
                      <a:pt x="4934" y="449"/>
                    </a:lnTo>
                    <a:lnTo>
                      <a:pt x="4922" y="449"/>
                    </a:lnTo>
                    <a:lnTo>
                      <a:pt x="4911" y="447"/>
                    </a:lnTo>
                    <a:lnTo>
                      <a:pt x="4900" y="446"/>
                    </a:lnTo>
                    <a:lnTo>
                      <a:pt x="4889" y="445"/>
                    </a:lnTo>
                    <a:lnTo>
                      <a:pt x="4875" y="443"/>
                    </a:lnTo>
                    <a:lnTo>
                      <a:pt x="4863" y="443"/>
                    </a:lnTo>
                    <a:lnTo>
                      <a:pt x="4855" y="445"/>
                    </a:lnTo>
                    <a:lnTo>
                      <a:pt x="4850" y="446"/>
                    </a:lnTo>
                    <a:lnTo>
                      <a:pt x="4850" y="447"/>
                    </a:lnTo>
                    <a:lnTo>
                      <a:pt x="4850" y="450"/>
                    </a:lnTo>
                    <a:lnTo>
                      <a:pt x="4853" y="452"/>
                    </a:lnTo>
                    <a:lnTo>
                      <a:pt x="4855" y="455"/>
                    </a:lnTo>
                    <a:lnTo>
                      <a:pt x="4864" y="463"/>
                    </a:lnTo>
                    <a:lnTo>
                      <a:pt x="4880" y="472"/>
                    </a:lnTo>
                    <a:lnTo>
                      <a:pt x="4890" y="478"/>
                    </a:lnTo>
                    <a:lnTo>
                      <a:pt x="4900" y="484"/>
                    </a:lnTo>
                    <a:lnTo>
                      <a:pt x="4908" y="487"/>
                    </a:lnTo>
                    <a:lnTo>
                      <a:pt x="4917" y="490"/>
                    </a:lnTo>
                    <a:lnTo>
                      <a:pt x="4934" y="494"/>
                    </a:lnTo>
                    <a:lnTo>
                      <a:pt x="4959" y="499"/>
                    </a:lnTo>
                    <a:lnTo>
                      <a:pt x="4977" y="502"/>
                    </a:lnTo>
                    <a:lnTo>
                      <a:pt x="4985" y="503"/>
                    </a:lnTo>
                    <a:lnTo>
                      <a:pt x="4985" y="504"/>
                    </a:lnTo>
                    <a:lnTo>
                      <a:pt x="4983" y="508"/>
                    </a:lnTo>
                    <a:lnTo>
                      <a:pt x="4978" y="513"/>
                    </a:lnTo>
                    <a:lnTo>
                      <a:pt x="4972" y="522"/>
                    </a:lnTo>
                    <a:lnTo>
                      <a:pt x="4965" y="531"/>
                    </a:lnTo>
                    <a:lnTo>
                      <a:pt x="4954" y="547"/>
                    </a:lnTo>
                    <a:lnTo>
                      <a:pt x="4950" y="555"/>
                    </a:lnTo>
                    <a:lnTo>
                      <a:pt x="4947" y="561"/>
                    </a:lnTo>
                    <a:lnTo>
                      <a:pt x="4947" y="564"/>
                    </a:lnTo>
                    <a:lnTo>
                      <a:pt x="4948" y="565"/>
                    </a:lnTo>
                    <a:lnTo>
                      <a:pt x="4951" y="566"/>
                    </a:lnTo>
                    <a:lnTo>
                      <a:pt x="4954" y="566"/>
                    </a:lnTo>
                    <a:lnTo>
                      <a:pt x="4965" y="563"/>
                    </a:lnTo>
                    <a:lnTo>
                      <a:pt x="4979" y="555"/>
                    </a:lnTo>
                    <a:lnTo>
                      <a:pt x="4987" y="551"/>
                    </a:lnTo>
                    <a:lnTo>
                      <a:pt x="4995" y="546"/>
                    </a:lnTo>
                    <a:lnTo>
                      <a:pt x="5004" y="543"/>
                    </a:lnTo>
                    <a:lnTo>
                      <a:pt x="5012" y="541"/>
                    </a:lnTo>
                    <a:lnTo>
                      <a:pt x="5020" y="541"/>
                    </a:lnTo>
                    <a:lnTo>
                      <a:pt x="5026" y="542"/>
                    </a:lnTo>
                    <a:lnTo>
                      <a:pt x="5030" y="543"/>
                    </a:lnTo>
                    <a:lnTo>
                      <a:pt x="5034" y="547"/>
                    </a:lnTo>
                    <a:lnTo>
                      <a:pt x="5035" y="551"/>
                    </a:lnTo>
                    <a:lnTo>
                      <a:pt x="5035" y="556"/>
                    </a:lnTo>
                    <a:lnTo>
                      <a:pt x="5035" y="563"/>
                    </a:lnTo>
                    <a:lnTo>
                      <a:pt x="5034" y="569"/>
                    </a:lnTo>
                    <a:lnTo>
                      <a:pt x="5024" y="595"/>
                    </a:lnTo>
                    <a:lnTo>
                      <a:pt x="5016" y="613"/>
                    </a:lnTo>
                    <a:lnTo>
                      <a:pt x="5009" y="633"/>
                    </a:lnTo>
                    <a:lnTo>
                      <a:pt x="5007" y="644"/>
                    </a:lnTo>
                    <a:lnTo>
                      <a:pt x="5007" y="648"/>
                    </a:lnTo>
                    <a:lnTo>
                      <a:pt x="5007" y="649"/>
                    </a:lnTo>
                    <a:lnTo>
                      <a:pt x="5008" y="651"/>
                    </a:lnTo>
                    <a:lnTo>
                      <a:pt x="5009" y="649"/>
                    </a:lnTo>
                    <a:lnTo>
                      <a:pt x="5016" y="647"/>
                    </a:lnTo>
                    <a:lnTo>
                      <a:pt x="5025" y="640"/>
                    </a:lnTo>
                    <a:lnTo>
                      <a:pt x="5036" y="635"/>
                    </a:lnTo>
                    <a:lnTo>
                      <a:pt x="5052" y="629"/>
                    </a:lnTo>
                    <a:lnTo>
                      <a:pt x="5056" y="629"/>
                    </a:lnTo>
                    <a:lnTo>
                      <a:pt x="5060" y="629"/>
                    </a:lnTo>
                    <a:lnTo>
                      <a:pt x="5065" y="629"/>
                    </a:lnTo>
                    <a:lnTo>
                      <a:pt x="5069" y="630"/>
                    </a:lnTo>
                    <a:lnTo>
                      <a:pt x="5078" y="634"/>
                    </a:lnTo>
                    <a:lnTo>
                      <a:pt x="5086" y="639"/>
                    </a:lnTo>
                    <a:lnTo>
                      <a:pt x="5095" y="643"/>
                    </a:lnTo>
                    <a:lnTo>
                      <a:pt x="5105" y="648"/>
                    </a:lnTo>
                    <a:lnTo>
                      <a:pt x="5110" y="649"/>
                    </a:lnTo>
                    <a:lnTo>
                      <a:pt x="5116" y="649"/>
                    </a:lnTo>
                    <a:lnTo>
                      <a:pt x="5121" y="651"/>
                    </a:lnTo>
                    <a:lnTo>
                      <a:pt x="5126" y="649"/>
                    </a:lnTo>
                    <a:lnTo>
                      <a:pt x="5135" y="647"/>
                    </a:lnTo>
                    <a:lnTo>
                      <a:pt x="5141" y="643"/>
                    </a:lnTo>
                    <a:lnTo>
                      <a:pt x="5144" y="638"/>
                    </a:lnTo>
                    <a:lnTo>
                      <a:pt x="5145" y="633"/>
                    </a:lnTo>
                    <a:lnTo>
                      <a:pt x="5144" y="626"/>
                    </a:lnTo>
                    <a:lnTo>
                      <a:pt x="5143" y="618"/>
                    </a:lnTo>
                    <a:lnTo>
                      <a:pt x="5139" y="610"/>
                    </a:lnTo>
                    <a:lnTo>
                      <a:pt x="5135" y="601"/>
                    </a:lnTo>
                    <a:lnTo>
                      <a:pt x="5128" y="586"/>
                    </a:lnTo>
                    <a:lnTo>
                      <a:pt x="5123" y="570"/>
                    </a:lnTo>
                    <a:lnTo>
                      <a:pt x="5123" y="565"/>
                    </a:lnTo>
                    <a:lnTo>
                      <a:pt x="5125" y="559"/>
                    </a:lnTo>
                    <a:lnTo>
                      <a:pt x="5126" y="557"/>
                    </a:lnTo>
                    <a:lnTo>
                      <a:pt x="5128" y="555"/>
                    </a:lnTo>
                    <a:lnTo>
                      <a:pt x="5131" y="553"/>
                    </a:lnTo>
                    <a:lnTo>
                      <a:pt x="5135" y="552"/>
                    </a:lnTo>
                    <a:lnTo>
                      <a:pt x="5145" y="550"/>
                    </a:lnTo>
                    <a:lnTo>
                      <a:pt x="5153" y="550"/>
                    </a:lnTo>
                    <a:lnTo>
                      <a:pt x="5160" y="551"/>
                    </a:lnTo>
                    <a:lnTo>
                      <a:pt x="5163" y="553"/>
                    </a:lnTo>
                    <a:lnTo>
                      <a:pt x="5166" y="557"/>
                    </a:lnTo>
                    <a:lnTo>
                      <a:pt x="5167" y="563"/>
                    </a:lnTo>
                    <a:lnTo>
                      <a:pt x="5169" y="568"/>
                    </a:lnTo>
                    <a:lnTo>
                      <a:pt x="5169" y="574"/>
                    </a:lnTo>
                    <a:lnTo>
                      <a:pt x="5169" y="588"/>
                    </a:lnTo>
                    <a:lnTo>
                      <a:pt x="5169" y="604"/>
                    </a:lnTo>
                    <a:lnTo>
                      <a:pt x="5171" y="610"/>
                    </a:lnTo>
                    <a:lnTo>
                      <a:pt x="5174" y="616"/>
                    </a:lnTo>
                    <a:lnTo>
                      <a:pt x="5178" y="621"/>
                    </a:lnTo>
                    <a:lnTo>
                      <a:pt x="5184" y="626"/>
                    </a:lnTo>
                    <a:lnTo>
                      <a:pt x="5188" y="627"/>
                    </a:lnTo>
                    <a:lnTo>
                      <a:pt x="5191" y="626"/>
                    </a:lnTo>
                    <a:lnTo>
                      <a:pt x="5193" y="625"/>
                    </a:lnTo>
                    <a:lnTo>
                      <a:pt x="5196" y="621"/>
                    </a:lnTo>
                    <a:lnTo>
                      <a:pt x="5197" y="612"/>
                    </a:lnTo>
                    <a:lnTo>
                      <a:pt x="5200" y="600"/>
                    </a:lnTo>
                    <a:lnTo>
                      <a:pt x="5201" y="587"/>
                    </a:lnTo>
                    <a:lnTo>
                      <a:pt x="5204" y="576"/>
                    </a:lnTo>
                    <a:lnTo>
                      <a:pt x="5205" y="572"/>
                    </a:lnTo>
                    <a:lnTo>
                      <a:pt x="5207" y="568"/>
                    </a:lnTo>
                    <a:lnTo>
                      <a:pt x="5211" y="565"/>
                    </a:lnTo>
                    <a:lnTo>
                      <a:pt x="5215" y="564"/>
                    </a:lnTo>
                    <a:lnTo>
                      <a:pt x="5226" y="563"/>
                    </a:lnTo>
                    <a:lnTo>
                      <a:pt x="5239" y="561"/>
                    </a:lnTo>
                    <a:lnTo>
                      <a:pt x="5231" y="644"/>
                    </a:lnTo>
                    <a:lnTo>
                      <a:pt x="5185" y="697"/>
                    </a:lnTo>
                    <a:lnTo>
                      <a:pt x="5173" y="710"/>
                    </a:lnTo>
                    <a:lnTo>
                      <a:pt x="5165" y="718"/>
                    </a:lnTo>
                    <a:lnTo>
                      <a:pt x="5160" y="727"/>
                    </a:lnTo>
                    <a:lnTo>
                      <a:pt x="5156" y="744"/>
                    </a:lnTo>
                    <a:lnTo>
                      <a:pt x="5153" y="750"/>
                    </a:lnTo>
                    <a:lnTo>
                      <a:pt x="5149" y="756"/>
                    </a:lnTo>
                    <a:lnTo>
                      <a:pt x="5145" y="762"/>
                    </a:lnTo>
                    <a:lnTo>
                      <a:pt x="5141" y="767"/>
                    </a:lnTo>
                    <a:lnTo>
                      <a:pt x="5138" y="772"/>
                    </a:lnTo>
                    <a:lnTo>
                      <a:pt x="5134" y="778"/>
                    </a:lnTo>
                    <a:lnTo>
                      <a:pt x="5131" y="784"/>
                    </a:lnTo>
                    <a:lnTo>
                      <a:pt x="5130" y="791"/>
                    </a:lnTo>
                    <a:lnTo>
                      <a:pt x="5130" y="810"/>
                    </a:lnTo>
                    <a:lnTo>
                      <a:pt x="5128" y="826"/>
                    </a:lnTo>
                    <a:lnTo>
                      <a:pt x="5126" y="841"/>
                    </a:lnTo>
                    <a:lnTo>
                      <a:pt x="5122" y="854"/>
                    </a:lnTo>
                    <a:lnTo>
                      <a:pt x="5119" y="859"/>
                    </a:lnTo>
                    <a:lnTo>
                      <a:pt x="5116" y="866"/>
                    </a:lnTo>
                    <a:lnTo>
                      <a:pt x="5112" y="871"/>
                    </a:lnTo>
                    <a:lnTo>
                      <a:pt x="5105" y="876"/>
                    </a:lnTo>
                    <a:lnTo>
                      <a:pt x="5100" y="881"/>
                    </a:lnTo>
                    <a:lnTo>
                      <a:pt x="5092" y="885"/>
                    </a:lnTo>
                    <a:lnTo>
                      <a:pt x="5083" y="890"/>
                    </a:lnTo>
                    <a:lnTo>
                      <a:pt x="5073" y="895"/>
                    </a:lnTo>
                    <a:lnTo>
                      <a:pt x="5059" y="898"/>
                    </a:lnTo>
                    <a:lnTo>
                      <a:pt x="5040" y="899"/>
                    </a:lnTo>
                    <a:lnTo>
                      <a:pt x="5033" y="902"/>
                    </a:lnTo>
                    <a:lnTo>
                      <a:pt x="5025" y="903"/>
                    </a:lnTo>
                    <a:lnTo>
                      <a:pt x="5022" y="906"/>
                    </a:lnTo>
                    <a:lnTo>
                      <a:pt x="5020" y="908"/>
                    </a:lnTo>
                    <a:lnTo>
                      <a:pt x="5017" y="911"/>
                    </a:lnTo>
                    <a:lnTo>
                      <a:pt x="5016" y="914"/>
                    </a:lnTo>
                    <a:lnTo>
                      <a:pt x="5013" y="923"/>
                    </a:lnTo>
                    <a:lnTo>
                      <a:pt x="5011" y="929"/>
                    </a:lnTo>
                    <a:lnTo>
                      <a:pt x="5007" y="934"/>
                    </a:lnTo>
                    <a:lnTo>
                      <a:pt x="5003" y="938"/>
                    </a:lnTo>
                    <a:lnTo>
                      <a:pt x="4995" y="945"/>
                    </a:lnTo>
                    <a:lnTo>
                      <a:pt x="4987" y="949"/>
                    </a:lnTo>
                    <a:lnTo>
                      <a:pt x="4977" y="952"/>
                    </a:lnTo>
                    <a:lnTo>
                      <a:pt x="4968" y="956"/>
                    </a:lnTo>
                    <a:lnTo>
                      <a:pt x="4963" y="959"/>
                    </a:lnTo>
                    <a:lnTo>
                      <a:pt x="4957" y="963"/>
                    </a:lnTo>
                    <a:lnTo>
                      <a:pt x="4952" y="967"/>
                    </a:lnTo>
                    <a:lnTo>
                      <a:pt x="4947" y="972"/>
                    </a:lnTo>
                    <a:lnTo>
                      <a:pt x="4939" y="980"/>
                    </a:lnTo>
                    <a:lnTo>
                      <a:pt x="4932" y="986"/>
                    </a:lnTo>
                    <a:lnTo>
                      <a:pt x="4922" y="991"/>
                    </a:lnTo>
                    <a:lnTo>
                      <a:pt x="4913" y="997"/>
                    </a:lnTo>
                    <a:lnTo>
                      <a:pt x="4903" y="1000"/>
                    </a:lnTo>
                    <a:lnTo>
                      <a:pt x="4894" y="1004"/>
                    </a:lnTo>
                    <a:lnTo>
                      <a:pt x="4884" y="1007"/>
                    </a:lnTo>
                    <a:lnTo>
                      <a:pt x="4873" y="1008"/>
                    </a:lnTo>
                    <a:lnTo>
                      <a:pt x="4875" y="993"/>
                    </a:lnTo>
                    <a:lnTo>
                      <a:pt x="4876" y="978"/>
                    </a:lnTo>
                    <a:lnTo>
                      <a:pt x="4877" y="963"/>
                    </a:lnTo>
                    <a:lnTo>
                      <a:pt x="4881" y="949"/>
                    </a:lnTo>
                    <a:lnTo>
                      <a:pt x="4882" y="937"/>
                    </a:lnTo>
                    <a:lnTo>
                      <a:pt x="4884" y="925"/>
                    </a:lnTo>
                    <a:lnTo>
                      <a:pt x="4885" y="914"/>
                    </a:lnTo>
                    <a:lnTo>
                      <a:pt x="4885" y="902"/>
                    </a:lnTo>
                    <a:lnTo>
                      <a:pt x="4887" y="892"/>
                    </a:lnTo>
                    <a:lnTo>
                      <a:pt x="4890" y="883"/>
                    </a:lnTo>
                    <a:lnTo>
                      <a:pt x="4891" y="872"/>
                    </a:lnTo>
                    <a:lnTo>
                      <a:pt x="4893" y="861"/>
                    </a:lnTo>
                    <a:lnTo>
                      <a:pt x="4891" y="845"/>
                    </a:lnTo>
                    <a:lnTo>
                      <a:pt x="4890" y="829"/>
                    </a:lnTo>
                    <a:lnTo>
                      <a:pt x="4889" y="814"/>
                    </a:lnTo>
                    <a:lnTo>
                      <a:pt x="4887" y="798"/>
                    </a:lnTo>
                    <a:lnTo>
                      <a:pt x="4887" y="758"/>
                    </a:lnTo>
                    <a:lnTo>
                      <a:pt x="4885" y="714"/>
                    </a:lnTo>
                    <a:lnTo>
                      <a:pt x="4882" y="692"/>
                    </a:lnTo>
                    <a:lnTo>
                      <a:pt x="4880" y="671"/>
                    </a:lnTo>
                    <a:lnTo>
                      <a:pt x="4875" y="651"/>
                    </a:lnTo>
                    <a:lnTo>
                      <a:pt x="4868" y="633"/>
                    </a:lnTo>
                    <a:lnTo>
                      <a:pt x="4863" y="625"/>
                    </a:lnTo>
                    <a:lnTo>
                      <a:pt x="4858" y="617"/>
                    </a:lnTo>
                    <a:lnTo>
                      <a:pt x="4850" y="610"/>
                    </a:lnTo>
                    <a:lnTo>
                      <a:pt x="4842" y="604"/>
                    </a:lnTo>
                    <a:lnTo>
                      <a:pt x="4824" y="595"/>
                    </a:lnTo>
                    <a:lnTo>
                      <a:pt x="4803" y="586"/>
                    </a:lnTo>
                    <a:lnTo>
                      <a:pt x="4781" y="579"/>
                    </a:lnTo>
                    <a:lnTo>
                      <a:pt x="4759" y="573"/>
                    </a:lnTo>
                    <a:lnTo>
                      <a:pt x="4740" y="565"/>
                    </a:lnTo>
                    <a:lnTo>
                      <a:pt x="4722" y="557"/>
                    </a:lnTo>
                    <a:lnTo>
                      <a:pt x="4707" y="547"/>
                    </a:lnTo>
                    <a:lnTo>
                      <a:pt x="4691" y="534"/>
                    </a:lnTo>
                    <a:lnTo>
                      <a:pt x="4683" y="528"/>
                    </a:lnTo>
                    <a:lnTo>
                      <a:pt x="4674" y="524"/>
                    </a:lnTo>
                    <a:lnTo>
                      <a:pt x="4667" y="520"/>
                    </a:lnTo>
                    <a:lnTo>
                      <a:pt x="4661" y="519"/>
                    </a:lnTo>
                    <a:lnTo>
                      <a:pt x="4653" y="520"/>
                    </a:lnTo>
                    <a:lnTo>
                      <a:pt x="4648" y="521"/>
                    </a:lnTo>
                    <a:lnTo>
                      <a:pt x="4643" y="524"/>
                    </a:lnTo>
                    <a:lnTo>
                      <a:pt x="4639" y="528"/>
                    </a:lnTo>
                    <a:lnTo>
                      <a:pt x="4635" y="535"/>
                    </a:lnTo>
                    <a:lnTo>
                      <a:pt x="4632" y="546"/>
                    </a:lnTo>
                    <a:lnTo>
                      <a:pt x="4631" y="556"/>
                    </a:lnTo>
                    <a:lnTo>
                      <a:pt x="4628" y="566"/>
                    </a:lnTo>
                    <a:lnTo>
                      <a:pt x="4627" y="570"/>
                    </a:lnTo>
                    <a:lnTo>
                      <a:pt x="4625" y="576"/>
                    </a:lnTo>
                    <a:lnTo>
                      <a:pt x="4622" y="578"/>
                    </a:lnTo>
                    <a:lnTo>
                      <a:pt x="4617" y="582"/>
                    </a:lnTo>
                    <a:lnTo>
                      <a:pt x="4612" y="585"/>
                    </a:lnTo>
                    <a:lnTo>
                      <a:pt x="4605" y="586"/>
                    </a:lnTo>
                    <a:lnTo>
                      <a:pt x="4600" y="586"/>
                    </a:lnTo>
                    <a:lnTo>
                      <a:pt x="4593" y="586"/>
                    </a:lnTo>
                    <a:lnTo>
                      <a:pt x="4580" y="586"/>
                    </a:lnTo>
                    <a:lnTo>
                      <a:pt x="4569" y="587"/>
                    </a:lnTo>
                    <a:lnTo>
                      <a:pt x="4558" y="592"/>
                    </a:lnTo>
                    <a:lnTo>
                      <a:pt x="4551" y="599"/>
                    </a:lnTo>
                    <a:lnTo>
                      <a:pt x="4544" y="605"/>
                    </a:lnTo>
                    <a:lnTo>
                      <a:pt x="4538" y="613"/>
                    </a:lnTo>
                    <a:lnTo>
                      <a:pt x="4529" y="631"/>
                    </a:lnTo>
                    <a:lnTo>
                      <a:pt x="4517" y="649"/>
                    </a:lnTo>
                    <a:lnTo>
                      <a:pt x="4513" y="660"/>
                    </a:lnTo>
                    <a:lnTo>
                      <a:pt x="4505" y="673"/>
                    </a:lnTo>
                    <a:lnTo>
                      <a:pt x="4498" y="684"/>
                    </a:lnTo>
                    <a:lnTo>
                      <a:pt x="4490" y="697"/>
                    </a:lnTo>
                    <a:lnTo>
                      <a:pt x="4482" y="709"/>
                    </a:lnTo>
                    <a:lnTo>
                      <a:pt x="4477" y="721"/>
                    </a:lnTo>
                    <a:lnTo>
                      <a:pt x="4476" y="727"/>
                    </a:lnTo>
                    <a:lnTo>
                      <a:pt x="4474" y="732"/>
                    </a:lnTo>
                    <a:lnTo>
                      <a:pt x="4476" y="737"/>
                    </a:lnTo>
                    <a:lnTo>
                      <a:pt x="4477" y="744"/>
                    </a:lnTo>
                    <a:lnTo>
                      <a:pt x="4482" y="752"/>
                    </a:lnTo>
                    <a:lnTo>
                      <a:pt x="4485" y="761"/>
                    </a:lnTo>
                    <a:lnTo>
                      <a:pt x="4486" y="769"/>
                    </a:lnTo>
                    <a:lnTo>
                      <a:pt x="4487" y="776"/>
                    </a:lnTo>
                    <a:lnTo>
                      <a:pt x="4488" y="792"/>
                    </a:lnTo>
                    <a:lnTo>
                      <a:pt x="4488" y="811"/>
                    </a:lnTo>
                    <a:lnTo>
                      <a:pt x="4490" y="835"/>
                    </a:lnTo>
                    <a:lnTo>
                      <a:pt x="4492" y="861"/>
                    </a:lnTo>
                    <a:lnTo>
                      <a:pt x="4494" y="886"/>
                    </a:lnTo>
                    <a:lnTo>
                      <a:pt x="4495" y="914"/>
                    </a:lnTo>
                    <a:lnTo>
                      <a:pt x="4494" y="941"/>
                    </a:lnTo>
                    <a:lnTo>
                      <a:pt x="4492" y="967"/>
                    </a:lnTo>
                    <a:lnTo>
                      <a:pt x="4491" y="978"/>
                    </a:lnTo>
                    <a:lnTo>
                      <a:pt x="4490" y="991"/>
                    </a:lnTo>
                    <a:lnTo>
                      <a:pt x="4486" y="1003"/>
                    </a:lnTo>
                    <a:lnTo>
                      <a:pt x="4483" y="1015"/>
                    </a:lnTo>
                    <a:lnTo>
                      <a:pt x="4481" y="1021"/>
                    </a:lnTo>
                    <a:lnTo>
                      <a:pt x="4477" y="1028"/>
                    </a:lnTo>
                    <a:lnTo>
                      <a:pt x="4473" y="1033"/>
                    </a:lnTo>
                    <a:lnTo>
                      <a:pt x="4468" y="1038"/>
                    </a:lnTo>
                    <a:lnTo>
                      <a:pt x="4457" y="1047"/>
                    </a:lnTo>
                    <a:lnTo>
                      <a:pt x="4446" y="1056"/>
                    </a:lnTo>
                    <a:lnTo>
                      <a:pt x="4435" y="1065"/>
                    </a:lnTo>
                    <a:lnTo>
                      <a:pt x="4426" y="1076"/>
                    </a:lnTo>
                    <a:lnTo>
                      <a:pt x="4422" y="1081"/>
                    </a:lnTo>
                    <a:lnTo>
                      <a:pt x="4420" y="1087"/>
                    </a:lnTo>
                    <a:lnTo>
                      <a:pt x="4417" y="1094"/>
                    </a:lnTo>
                    <a:lnTo>
                      <a:pt x="4416" y="1103"/>
                    </a:lnTo>
                    <a:lnTo>
                      <a:pt x="4415" y="1114"/>
                    </a:lnTo>
                    <a:lnTo>
                      <a:pt x="4412" y="1126"/>
                    </a:lnTo>
                    <a:lnTo>
                      <a:pt x="4408" y="1135"/>
                    </a:lnTo>
                    <a:lnTo>
                      <a:pt x="4404" y="1144"/>
                    </a:lnTo>
                    <a:lnTo>
                      <a:pt x="4399" y="1153"/>
                    </a:lnTo>
                    <a:lnTo>
                      <a:pt x="4393" y="1160"/>
                    </a:lnTo>
                    <a:lnTo>
                      <a:pt x="4386" y="1166"/>
                    </a:lnTo>
                    <a:lnTo>
                      <a:pt x="4378" y="1173"/>
                    </a:lnTo>
                    <a:lnTo>
                      <a:pt x="4360" y="1182"/>
                    </a:lnTo>
                    <a:lnTo>
                      <a:pt x="4342" y="1190"/>
                    </a:lnTo>
                    <a:lnTo>
                      <a:pt x="4321" y="1196"/>
                    </a:lnTo>
                    <a:lnTo>
                      <a:pt x="4301" y="1201"/>
                    </a:lnTo>
                    <a:lnTo>
                      <a:pt x="4280" y="1196"/>
                    </a:lnTo>
                    <a:lnTo>
                      <a:pt x="4262" y="1191"/>
                    </a:lnTo>
                    <a:lnTo>
                      <a:pt x="4246" y="1184"/>
                    </a:lnTo>
                    <a:lnTo>
                      <a:pt x="4233" y="1178"/>
                    </a:lnTo>
                    <a:lnTo>
                      <a:pt x="4220" y="1169"/>
                    </a:lnTo>
                    <a:lnTo>
                      <a:pt x="4209" y="1157"/>
                    </a:lnTo>
                    <a:lnTo>
                      <a:pt x="4197" y="1144"/>
                    </a:lnTo>
                    <a:lnTo>
                      <a:pt x="4184" y="1127"/>
                    </a:lnTo>
                    <a:lnTo>
                      <a:pt x="4180" y="1122"/>
                    </a:lnTo>
                    <a:lnTo>
                      <a:pt x="4175" y="1120"/>
                    </a:lnTo>
                    <a:lnTo>
                      <a:pt x="4168" y="1118"/>
                    </a:lnTo>
                    <a:lnTo>
                      <a:pt x="4162" y="1118"/>
                    </a:lnTo>
                    <a:lnTo>
                      <a:pt x="4156" y="1121"/>
                    </a:lnTo>
                    <a:lnTo>
                      <a:pt x="4148" y="1123"/>
                    </a:lnTo>
                    <a:lnTo>
                      <a:pt x="4140" y="1127"/>
                    </a:lnTo>
                    <a:lnTo>
                      <a:pt x="4134" y="1133"/>
                    </a:lnTo>
                    <a:lnTo>
                      <a:pt x="4104" y="1153"/>
                    </a:lnTo>
                    <a:lnTo>
                      <a:pt x="4080" y="1169"/>
                    </a:lnTo>
                    <a:lnTo>
                      <a:pt x="4070" y="1174"/>
                    </a:lnTo>
                    <a:lnTo>
                      <a:pt x="4060" y="1177"/>
                    </a:lnTo>
                    <a:lnTo>
                      <a:pt x="4049" y="1179"/>
                    </a:lnTo>
                    <a:lnTo>
                      <a:pt x="4039" y="1179"/>
                    </a:lnTo>
                    <a:lnTo>
                      <a:pt x="4029" y="1179"/>
                    </a:lnTo>
                    <a:lnTo>
                      <a:pt x="4018" y="1179"/>
                    </a:lnTo>
                    <a:lnTo>
                      <a:pt x="4009" y="1177"/>
                    </a:lnTo>
                    <a:lnTo>
                      <a:pt x="3999" y="1174"/>
                    </a:lnTo>
                    <a:lnTo>
                      <a:pt x="3990" y="1171"/>
                    </a:lnTo>
                    <a:lnTo>
                      <a:pt x="3981" y="1166"/>
                    </a:lnTo>
                    <a:lnTo>
                      <a:pt x="3972" y="1161"/>
                    </a:lnTo>
                    <a:lnTo>
                      <a:pt x="3964" y="1156"/>
                    </a:lnTo>
                    <a:lnTo>
                      <a:pt x="3947" y="1143"/>
                    </a:lnTo>
                    <a:lnTo>
                      <a:pt x="3930" y="1129"/>
                    </a:lnTo>
                    <a:lnTo>
                      <a:pt x="3915" y="1113"/>
                    </a:lnTo>
                    <a:lnTo>
                      <a:pt x="3900" y="1096"/>
                    </a:lnTo>
                    <a:lnTo>
                      <a:pt x="3886" y="1078"/>
                    </a:lnTo>
                    <a:lnTo>
                      <a:pt x="3872" y="1060"/>
                    </a:lnTo>
                    <a:lnTo>
                      <a:pt x="3847" y="1026"/>
                    </a:lnTo>
                    <a:lnTo>
                      <a:pt x="3824" y="997"/>
                    </a:lnTo>
                    <a:lnTo>
                      <a:pt x="3799" y="965"/>
                    </a:lnTo>
                    <a:lnTo>
                      <a:pt x="3759" y="919"/>
                    </a:lnTo>
                    <a:lnTo>
                      <a:pt x="3740" y="897"/>
                    </a:lnTo>
                    <a:lnTo>
                      <a:pt x="3720" y="881"/>
                    </a:lnTo>
                    <a:lnTo>
                      <a:pt x="3712" y="876"/>
                    </a:lnTo>
                    <a:lnTo>
                      <a:pt x="3706" y="873"/>
                    </a:lnTo>
                    <a:lnTo>
                      <a:pt x="3703" y="873"/>
                    </a:lnTo>
                    <a:lnTo>
                      <a:pt x="3701" y="873"/>
                    </a:lnTo>
                    <a:lnTo>
                      <a:pt x="3698" y="875"/>
                    </a:lnTo>
                    <a:lnTo>
                      <a:pt x="3697" y="877"/>
                    </a:lnTo>
                    <a:lnTo>
                      <a:pt x="3689" y="898"/>
                    </a:lnTo>
                    <a:lnTo>
                      <a:pt x="3681" y="925"/>
                    </a:lnTo>
                    <a:lnTo>
                      <a:pt x="3674" y="954"/>
                    </a:lnTo>
                    <a:lnTo>
                      <a:pt x="3670" y="977"/>
                    </a:lnTo>
                    <a:lnTo>
                      <a:pt x="3595" y="997"/>
                    </a:lnTo>
                    <a:lnTo>
                      <a:pt x="3569" y="1017"/>
                    </a:lnTo>
                    <a:lnTo>
                      <a:pt x="3569" y="1025"/>
                    </a:lnTo>
                    <a:lnTo>
                      <a:pt x="3570" y="1032"/>
                    </a:lnTo>
                    <a:lnTo>
                      <a:pt x="3573" y="1038"/>
                    </a:lnTo>
                    <a:lnTo>
                      <a:pt x="3574" y="1046"/>
                    </a:lnTo>
                    <a:lnTo>
                      <a:pt x="3580" y="1057"/>
                    </a:lnTo>
                    <a:lnTo>
                      <a:pt x="3587" y="1070"/>
                    </a:lnTo>
                    <a:lnTo>
                      <a:pt x="3592" y="1082"/>
                    </a:lnTo>
                    <a:lnTo>
                      <a:pt x="3597" y="1095"/>
                    </a:lnTo>
                    <a:lnTo>
                      <a:pt x="3598" y="1101"/>
                    </a:lnTo>
                    <a:lnTo>
                      <a:pt x="3598" y="1108"/>
                    </a:lnTo>
                    <a:lnTo>
                      <a:pt x="3598" y="1116"/>
                    </a:lnTo>
                    <a:lnTo>
                      <a:pt x="3597" y="1123"/>
                    </a:lnTo>
                    <a:lnTo>
                      <a:pt x="3567" y="1254"/>
                    </a:lnTo>
                    <a:lnTo>
                      <a:pt x="3561" y="1282"/>
                    </a:lnTo>
                    <a:lnTo>
                      <a:pt x="3553" y="1302"/>
                    </a:lnTo>
                    <a:lnTo>
                      <a:pt x="3549" y="1311"/>
                    </a:lnTo>
                    <a:lnTo>
                      <a:pt x="3545" y="1318"/>
                    </a:lnTo>
                    <a:lnTo>
                      <a:pt x="3541" y="1324"/>
                    </a:lnTo>
                    <a:lnTo>
                      <a:pt x="3538" y="1329"/>
                    </a:lnTo>
                    <a:lnTo>
                      <a:pt x="3534" y="1333"/>
                    </a:lnTo>
                    <a:lnTo>
                      <a:pt x="3529" y="1336"/>
                    </a:lnTo>
                    <a:lnTo>
                      <a:pt x="3525" y="1339"/>
                    </a:lnTo>
                    <a:lnTo>
                      <a:pt x="3519" y="1340"/>
                    </a:lnTo>
                    <a:lnTo>
                      <a:pt x="3510" y="1340"/>
                    </a:lnTo>
                    <a:lnTo>
                      <a:pt x="3500" y="1337"/>
                    </a:lnTo>
                    <a:lnTo>
                      <a:pt x="3478" y="1327"/>
                    </a:lnTo>
                    <a:lnTo>
                      <a:pt x="3455" y="1311"/>
                    </a:lnTo>
                    <a:lnTo>
                      <a:pt x="3442" y="1304"/>
                    </a:lnTo>
                    <a:lnTo>
                      <a:pt x="3429" y="1297"/>
                    </a:lnTo>
                    <a:lnTo>
                      <a:pt x="3415" y="1291"/>
                    </a:lnTo>
                    <a:lnTo>
                      <a:pt x="3400" y="1287"/>
                    </a:lnTo>
                    <a:lnTo>
                      <a:pt x="3358" y="1276"/>
                    </a:lnTo>
                    <a:lnTo>
                      <a:pt x="3302" y="1265"/>
                    </a:lnTo>
                    <a:lnTo>
                      <a:pt x="3275" y="1259"/>
                    </a:lnTo>
                    <a:lnTo>
                      <a:pt x="3249" y="1258"/>
                    </a:lnTo>
                    <a:lnTo>
                      <a:pt x="3237" y="1259"/>
                    </a:lnTo>
                    <a:lnTo>
                      <a:pt x="3228" y="1261"/>
                    </a:lnTo>
                    <a:lnTo>
                      <a:pt x="3219" y="1263"/>
                    </a:lnTo>
                    <a:lnTo>
                      <a:pt x="3212" y="1267"/>
                    </a:lnTo>
                    <a:lnTo>
                      <a:pt x="3207" y="1271"/>
                    </a:lnTo>
                    <a:lnTo>
                      <a:pt x="3203" y="1276"/>
                    </a:lnTo>
                    <a:lnTo>
                      <a:pt x="3199" y="1282"/>
                    </a:lnTo>
                    <a:lnTo>
                      <a:pt x="3196" y="1288"/>
                    </a:lnTo>
                    <a:lnTo>
                      <a:pt x="3189" y="1304"/>
                    </a:lnTo>
                    <a:lnTo>
                      <a:pt x="3181" y="1320"/>
                    </a:lnTo>
                    <a:lnTo>
                      <a:pt x="3170" y="1359"/>
                    </a:lnTo>
                    <a:lnTo>
                      <a:pt x="3158" y="1402"/>
                    </a:lnTo>
                    <a:lnTo>
                      <a:pt x="3153" y="1421"/>
                    </a:lnTo>
                    <a:lnTo>
                      <a:pt x="3146" y="1441"/>
                    </a:lnTo>
                    <a:lnTo>
                      <a:pt x="3140" y="1459"/>
                    </a:lnTo>
                    <a:lnTo>
                      <a:pt x="3133" y="1475"/>
                    </a:lnTo>
                    <a:lnTo>
                      <a:pt x="3127" y="1487"/>
                    </a:lnTo>
                    <a:lnTo>
                      <a:pt x="3119" y="1498"/>
                    </a:lnTo>
                    <a:lnTo>
                      <a:pt x="3115" y="1500"/>
                    </a:lnTo>
                    <a:lnTo>
                      <a:pt x="3111" y="1503"/>
                    </a:lnTo>
                    <a:lnTo>
                      <a:pt x="3106" y="1504"/>
                    </a:lnTo>
                    <a:lnTo>
                      <a:pt x="3102" y="1506"/>
                    </a:lnTo>
                    <a:lnTo>
                      <a:pt x="3095" y="1504"/>
                    </a:lnTo>
                    <a:lnTo>
                      <a:pt x="3088" y="1502"/>
                    </a:lnTo>
                    <a:lnTo>
                      <a:pt x="3082" y="1499"/>
                    </a:lnTo>
                    <a:lnTo>
                      <a:pt x="3076" y="1495"/>
                    </a:lnTo>
                    <a:lnTo>
                      <a:pt x="3065" y="1487"/>
                    </a:lnTo>
                    <a:lnTo>
                      <a:pt x="3053" y="1478"/>
                    </a:lnTo>
                    <a:lnTo>
                      <a:pt x="3041" y="1469"/>
                    </a:lnTo>
                    <a:lnTo>
                      <a:pt x="3030" y="1464"/>
                    </a:lnTo>
                    <a:lnTo>
                      <a:pt x="3023" y="1462"/>
                    </a:lnTo>
                    <a:lnTo>
                      <a:pt x="3017" y="1462"/>
                    </a:lnTo>
                    <a:lnTo>
                      <a:pt x="3010" y="1462"/>
                    </a:lnTo>
                    <a:lnTo>
                      <a:pt x="3003" y="1464"/>
                    </a:lnTo>
                    <a:lnTo>
                      <a:pt x="2995" y="1467"/>
                    </a:lnTo>
                    <a:lnTo>
                      <a:pt x="2987" y="1472"/>
                    </a:lnTo>
                    <a:lnTo>
                      <a:pt x="2979" y="1478"/>
                    </a:lnTo>
                    <a:lnTo>
                      <a:pt x="2973" y="1486"/>
                    </a:lnTo>
                    <a:lnTo>
                      <a:pt x="2960" y="1503"/>
                    </a:lnTo>
                    <a:lnTo>
                      <a:pt x="2947" y="1521"/>
                    </a:lnTo>
                    <a:lnTo>
                      <a:pt x="2935" y="1541"/>
                    </a:lnTo>
                    <a:lnTo>
                      <a:pt x="2924" y="1559"/>
                    </a:lnTo>
                    <a:lnTo>
                      <a:pt x="2917" y="1568"/>
                    </a:lnTo>
                    <a:lnTo>
                      <a:pt x="2911" y="1574"/>
                    </a:lnTo>
                    <a:lnTo>
                      <a:pt x="2903" y="1581"/>
                    </a:lnTo>
                    <a:lnTo>
                      <a:pt x="2895" y="1586"/>
                    </a:lnTo>
                    <a:lnTo>
                      <a:pt x="2868" y="1614"/>
                    </a:lnTo>
                    <a:lnTo>
                      <a:pt x="2846" y="1638"/>
                    </a:lnTo>
                    <a:lnTo>
                      <a:pt x="2837" y="1649"/>
                    </a:lnTo>
                    <a:lnTo>
                      <a:pt x="2829" y="1661"/>
                    </a:lnTo>
                    <a:lnTo>
                      <a:pt x="2821" y="1673"/>
                    </a:lnTo>
                    <a:lnTo>
                      <a:pt x="2816" y="1683"/>
                    </a:lnTo>
                    <a:lnTo>
                      <a:pt x="2811" y="1695"/>
                    </a:lnTo>
                    <a:lnTo>
                      <a:pt x="2807" y="1708"/>
                    </a:lnTo>
                    <a:lnTo>
                      <a:pt x="2803" y="1721"/>
                    </a:lnTo>
                    <a:lnTo>
                      <a:pt x="2800" y="1735"/>
                    </a:lnTo>
                    <a:lnTo>
                      <a:pt x="2799" y="1750"/>
                    </a:lnTo>
                    <a:lnTo>
                      <a:pt x="2798" y="1767"/>
                    </a:lnTo>
                    <a:lnTo>
                      <a:pt x="2797" y="1785"/>
                    </a:lnTo>
                    <a:lnTo>
                      <a:pt x="2797" y="1805"/>
                    </a:lnTo>
                    <a:lnTo>
                      <a:pt x="2797" y="1822"/>
                    </a:lnTo>
                    <a:lnTo>
                      <a:pt x="2795" y="1839"/>
                    </a:lnTo>
                    <a:lnTo>
                      <a:pt x="2794" y="1854"/>
                    </a:lnTo>
                    <a:lnTo>
                      <a:pt x="2791" y="1870"/>
                    </a:lnTo>
                    <a:lnTo>
                      <a:pt x="2787" y="1884"/>
                    </a:lnTo>
                    <a:lnTo>
                      <a:pt x="2784" y="1898"/>
                    </a:lnTo>
                    <a:lnTo>
                      <a:pt x="2780" y="1912"/>
                    </a:lnTo>
                    <a:lnTo>
                      <a:pt x="2775" y="1927"/>
                    </a:lnTo>
                    <a:lnTo>
                      <a:pt x="2763" y="1953"/>
                    </a:lnTo>
                    <a:lnTo>
                      <a:pt x="2749" y="1980"/>
                    </a:lnTo>
                    <a:lnTo>
                      <a:pt x="2733" y="2007"/>
                    </a:lnTo>
                    <a:lnTo>
                      <a:pt x="2715" y="2034"/>
                    </a:lnTo>
                    <a:lnTo>
                      <a:pt x="2707" y="2045"/>
                    </a:lnTo>
                    <a:lnTo>
                      <a:pt x="2698" y="2052"/>
                    </a:lnTo>
                    <a:lnTo>
                      <a:pt x="2690" y="2060"/>
                    </a:lnTo>
                    <a:lnTo>
                      <a:pt x="2681" y="2068"/>
                    </a:lnTo>
                    <a:lnTo>
                      <a:pt x="2664" y="2079"/>
                    </a:lnTo>
                    <a:lnTo>
                      <a:pt x="2648" y="2091"/>
                    </a:lnTo>
                    <a:lnTo>
                      <a:pt x="2640" y="2096"/>
                    </a:lnTo>
                    <a:lnTo>
                      <a:pt x="2632" y="2103"/>
                    </a:lnTo>
                    <a:lnTo>
                      <a:pt x="2626" y="2111"/>
                    </a:lnTo>
                    <a:lnTo>
                      <a:pt x="2619" y="2120"/>
                    </a:lnTo>
                    <a:lnTo>
                      <a:pt x="2615" y="2129"/>
                    </a:lnTo>
                    <a:lnTo>
                      <a:pt x="2611" y="2140"/>
                    </a:lnTo>
                    <a:lnTo>
                      <a:pt x="2607" y="2153"/>
                    </a:lnTo>
                    <a:lnTo>
                      <a:pt x="2606" y="2169"/>
                    </a:lnTo>
                    <a:lnTo>
                      <a:pt x="2605" y="2186"/>
                    </a:lnTo>
                    <a:lnTo>
                      <a:pt x="2601" y="2200"/>
                    </a:lnTo>
                    <a:lnTo>
                      <a:pt x="2596" y="2212"/>
                    </a:lnTo>
                    <a:lnTo>
                      <a:pt x="2589" y="2222"/>
                    </a:lnTo>
                    <a:lnTo>
                      <a:pt x="2583" y="2231"/>
                    </a:lnTo>
                    <a:lnTo>
                      <a:pt x="2574" y="2238"/>
                    </a:lnTo>
                    <a:lnTo>
                      <a:pt x="2565" y="2244"/>
                    </a:lnTo>
                    <a:lnTo>
                      <a:pt x="2554" y="2249"/>
                    </a:lnTo>
                    <a:lnTo>
                      <a:pt x="2505" y="2265"/>
                    </a:lnTo>
                    <a:lnTo>
                      <a:pt x="2451" y="2280"/>
                    </a:lnTo>
                    <a:lnTo>
                      <a:pt x="2445" y="2306"/>
                    </a:lnTo>
                    <a:lnTo>
                      <a:pt x="2439" y="2331"/>
                    </a:lnTo>
                    <a:lnTo>
                      <a:pt x="2431" y="2355"/>
                    </a:lnTo>
                    <a:lnTo>
                      <a:pt x="2425" y="2380"/>
                    </a:lnTo>
                    <a:lnTo>
                      <a:pt x="2417" y="2403"/>
                    </a:lnTo>
                    <a:lnTo>
                      <a:pt x="2411" y="2429"/>
                    </a:lnTo>
                    <a:lnTo>
                      <a:pt x="2404" y="2454"/>
                    </a:lnTo>
                    <a:lnTo>
                      <a:pt x="2399" y="2478"/>
                    </a:lnTo>
                    <a:lnTo>
                      <a:pt x="2396" y="2501"/>
                    </a:lnTo>
                    <a:lnTo>
                      <a:pt x="2394" y="2521"/>
                    </a:lnTo>
                    <a:lnTo>
                      <a:pt x="2391" y="2542"/>
                    </a:lnTo>
                    <a:lnTo>
                      <a:pt x="2390" y="2563"/>
                    </a:lnTo>
                    <a:lnTo>
                      <a:pt x="2390" y="2605"/>
                    </a:lnTo>
                    <a:lnTo>
                      <a:pt x="2388" y="2648"/>
                    </a:lnTo>
                    <a:lnTo>
                      <a:pt x="2387" y="2669"/>
                    </a:lnTo>
                    <a:lnTo>
                      <a:pt x="2385" y="2690"/>
                    </a:lnTo>
                    <a:lnTo>
                      <a:pt x="2381" y="2710"/>
                    </a:lnTo>
                    <a:lnTo>
                      <a:pt x="2376" y="2730"/>
                    </a:lnTo>
                    <a:lnTo>
                      <a:pt x="2369" y="2748"/>
                    </a:lnTo>
                    <a:lnTo>
                      <a:pt x="2363" y="2767"/>
                    </a:lnTo>
                    <a:lnTo>
                      <a:pt x="2355" y="2785"/>
                    </a:lnTo>
                    <a:lnTo>
                      <a:pt x="2346" y="2804"/>
                    </a:lnTo>
                    <a:lnTo>
                      <a:pt x="2326" y="2839"/>
                    </a:lnTo>
                    <a:lnTo>
                      <a:pt x="2306" y="2874"/>
                    </a:lnTo>
                    <a:lnTo>
                      <a:pt x="2284" y="2909"/>
                    </a:lnTo>
                    <a:lnTo>
                      <a:pt x="2262" y="2944"/>
                    </a:lnTo>
                    <a:lnTo>
                      <a:pt x="2256" y="2956"/>
                    </a:lnTo>
                    <a:lnTo>
                      <a:pt x="2252" y="2971"/>
                    </a:lnTo>
                    <a:lnTo>
                      <a:pt x="2251" y="2985"/>
                    </a:lnTo>
                    <a:lnTo>
                      <a:pt x="2250" y="2999"/>
                    </a:lnTo>
                    <a:lnTo>
                      <a:pt x="2250" y="3015"/>
                    </a:lnTo>
                    <a:lnTo>
                      <a:pt x="2251" y="3030"/>
                    </a:lnTo>
                    <a:lnTo>
                      <a:pt x="2252" y="3046"/>
                    </a:lnTo>
                    <a:lnTo>
                      <a:pt x="2254" y="3061"/>
                    </a:lnTo>
                    <a:lnTo>
                      <a:pt x="2265" y="3125"/>
                    </a:lnTo>
                    <a:lnTo>
                      <a:pt x="2274" y="3184"/>
                    </a:lnTo>
                    <a:lnTo>
                      <a:pt x="2276" y="3197"/>
                    </a:lnTo>
                    <a:lnTo>
                      <a:pt x="2277" y="3210"/>
                    </a:lnTo>
                    <a:lnTo>
                      <a:pt x="2276" y="3222"/>
                    </a:lnTo>
                    <a:lnTo>
                      <a:pt x="2274" y="3234"/>
                    </a:lnTo>
                    <a:lnTo>
                      <a:pt x="2272" y="3244"/>
                    </a:lnTo>
                    <a:lnTo>
                      <a:pt x="2268" y="3253"/>
                    </a:lnTo>
                    <a:lnTo>
                      <a:pt x="2263" y="3262"/>
                    </a:lnTo>
                    <a:lnTo>
                      <a:pt x="2255" y="3269"/>
                    </a:lnTo>
                    <a:lnTo>
                      <a:pt x="2247" y="3274"/>
                    </a:lnTo>
                    <a:lnTo>
                      <a:pt x="2237" y="3279"/>
                    </a:lnTo>
                    <a:lnTo>
                      <a:pt x="2224" y="3282"/>
                    </a:lnTo>
                    <a:lnTo>
                      <a:pt x="2210" y="3283"/>
                    </a:lnTo>
                    <a:lnTo>
                      <a:pt x="2193" y="3283"/>
                    </a:lnTo>
                    <a:lnTo>
                      <a:pt x="2173" y="3280"/>
                    </a:lnTo>
                    <a:lnTo>
                      <a:pt x="2151" y="3276"/>
                    </a:lnTo>
                    <a:lnTo>
                      <a:pt x="2128" y="3271"/>
                    </a:lnTo>
                    <a:lnTo>
                      <a:pt x="2111" y="3267"/>
                    </a:lnTo>
                    <a:lnTo>
                      <a:pt x="2096" y="3266"/>
                    </a:lnTo>
                    <a:lnTo>
                      <a:pt x="2080" y="3266"/>
                    </a:lnTo>
                    <a:lnTo>
                      <a:pt x="2065" y="3267"/>
                    </a:lnTo>
                    <a:lnTo>
                      <a:pt x="2052" y="3270"/>
                    </a:lnTo>
                    <a:lnTo>
                      <a:pt x="2037" y="3275"/>
                    </a:lnTo>
                    <a:lnTo>
                      <a:pt x="2024" y="3280"/>
                    </a:lnTo>
                    <a:lnTo>
                      <a:pt x="2013" y="3288"/>
                    </a:lnTo>
                    <a:lnTo>
                      <a:pt x="2000" y="3296"/>
                    </a:lnTo>
                    <a:lnTo>
                      <a:pt x="1989" y="3305"/>
                    </a:lnTo>
                    <a:lnTo>
                      <a:pt x="1978" y="3315"/>
                    </a:lnTo>
                    <a:lnTo>
                      <a:pt x="1967" y="3327"/>
                    </a:lnTo>
                    <a:lnTo>
                      <a:pt x="1957" y="3339"/>
                    </a:lnTo>
                    <a:lnTo>
                      <a:pt x="1948" y="3352"/>
                    </a:lnTo>
                    <a:lnTo>
                      <a:pt x="1939" y="3366"/>
                    </a:lnTo>
                    <a:lnTo>
                      <a:pt x="1930" y="3379"/>
                    </a:lnTo>
                    <a:lnTo>
                      <a:pt x="1912" y="3409"/>
                    </a:lnTo>
                    <a:lnTo>
                      <a:pt x="1896" y="3440"/>
                    </a:lnTo>
                    <a:lnTo>
                      <a:pt x="1881" y="3471"/>
                    </a:lnTo>
                    <a:lnTo>
                      <a:pt x="1866" y="3502"/>
                    </a:lnTo>
                    <a:lnTo>
                      <a:pt x="1852" y="3532"/>
                    </a:lnTo>
                    <a:lnTo>
                      <a:pt x="1838" y="3561"/>
                    </a:lnTo>
                    <a:lnTo>
                      <a:pt x="1824" y="3587"/>
                    </a:lnTo>
                    <a:lnTo>
                      <a:pt x="1809" y="3612"/>
                    </a:lnTo>
                    <a:lnTo>
                      <a:pt x="1807" y="3630"/>
                    </a:lnTo>
                    <a:lnTo>
                      <a:pt x="1806" y="3647"/>
                    </a:lnTo>
                    <a:lnTo>
                      <a:pt x="1806" y="3665"/>
                    </a:lnTo>
                    <a:lnTo>
                      <a:pt x="1806" y="3682"/>
                    </a:lnTo>
                    <a:lnTo>
                      <a:pt x="1809" y="3717"/>
                    </a:lnTo>
                    <a:lnTo>
                      <a:pt x="1809" y="3752"/>
                    </a:lnTo>
                    <a:lnTo>
                      <a:pt x="1808" y="3782"/>
                    </a:lnTo>
                    <a:lnTo>
                      <a:pt x="1804" y="3813"/>
                    </a:lnTo>
                    <a:lnTo>
                      <a:pt x="1800" y="3843"/>
                    </a:lnTo>
                    <a:lnTo>
                      <a:pt x="1799" y="3872"/>
                    </a:lnTo>
                    <a:lnTo>
                      <a:pt x="1800" y="3901"/>
                    </a:lnTo>
                    <a:lnTo>
                      <a:pt x="1802" y="3928"/>
                    </a:lnTo>
                    <a:lnTo>
                      <a:pt x="1806" y="3957"/>
                    </a:lnTo>
                    <a:lnTo>
                      <a:pt x="1808" y="3984"/>
                    </a:lnTo>
                    <a:lnTo>
                      <a:pt x="1812" y="4011"/>
                    </a:lnTo>
                    <a:lnTo>
                      <a:pt x="1815" y="4039"/>
                    </a:lnTo>
                    <a:lnTo>
                      <a:pt x="1816" y="4067"/>
                    </a:lnTo>
                    <a:lnTo>
                      <a:pt x="1816" y="4093"/>
                    </a:lnTo>
                    <a:lnTo>
                      <a:pt x="1815" y="4102"/>
                    </a:lnTo>
                    <a:lnTo>
                      <a:pt x="1813" y="4111"/>
                    </a:lnTo>
                    <a:lnTo>
                      <a:pt x="1811" y="4120"/>
                    </a:lnTo>
                    <a:lnTo>
                      <a:pt x="1808" y="4129"/>
                    </a:lnTo>
                    <a:lnTo>
                      <a:pt x="1802" y="4146"/>
                    </a:lnTo>
                    <a:lnTo>
                      <a:pt x="1793" y="4164"/>
                    </a:lnTo>
                    <a:lnTo>
                      <a:pt x="1785" y="4182"/>
                    </a:lnTo>
                    <a:lnTo>
                      <a:pt x="1776" y="4201"/>
                    </a:lnTo>
                    <a:lnTo>
                      <a:pt x="1769" y="4220"/>
                    </a:lnTo>
                    <a:lnTo>
                      <a:pt x="1765" y="4239"/>
                    </a:lnTo>
                    <a:lnTo>
                      <a:pt x="1767" y="4256"/>
                    </a:lnTo>
                    <a:lnTo>
                      <a:pt x="1768" y="4270"/>
                    </a:lnTo>
                    <a:lnTo>
                      <a:pt x="1772" y="4284"/>
                    </a:lnTo>
                    <a:lnTo>
                      <a:pt x="1777" y="4296"/>
                    </a:lnTo>
                    <a:lnTo>
                      <a:pt x="1782" y="4306"/>
                    </a:lnTo>
                    <a:lnTo>
                      <a:pt x="1789" y="4315"/>
                    </a:lnTo>
                    <a:lnTo>
                      <a:pt x="1796" y="4324"/>
                    </a:lnTo>
                    <a:lnTo>
                      <a:pt x="1804" y="4332"/>
                    </a:lnTo>
                    <a:lnTo>
                      <a:pt x="1821" y="4348"/>
                    </a:lnTo>
                    <a:lnTo>
                      <a:pt x="1838" y="4365"/>
                    </a:lnTo>
                    <a:lnTo>
                      <a:pt x="1847" y="4374"/>
                    </a:lnTo>
                    <a:lnTo>
                      <a:pt x="1855" y="4383"/>
                    </a:lnTo>
                    <a:lnTo>
                      <a:pt x="1861" y="4394"/>
                    </a:lnTo>
                    <a:lnTo>
                      <a:pt x="1868" y="4407"/>
                    </a:lnTo>
                    <a:lnTo>
                      <a:pt x="1870" y="4415"/>
                    </a:lnTo>
                    <a:lnTo>
                      <a:pt x="1873" y="4424"/>
                    </a:lnTo>
                    <a:lnTo>
                      <a:pt x="1875" y="4433"/>
                    </a:lnTo>
                    <a:lnTo>
                      <a:pt x="1875" y="4444"/>
                    </a:lnTo>
                    <a:lnTo>
                      <a:pt x="1877" y="4466"/>
                    </a:lnTo>
                    <a:lnTo>
                      <a:pt x="1875" y="4489"/>
                    </a:lnTo>
                    <a:lnTo>
                      <a:pt x="1874" y="4501"/>
                    </a:lnTo>
                    <a:lnTo>
                      <a:pt x="1872" y="4512"/>
                    </a:lnTo>
                    <a:lnTo>
                      <a:pt x="1869" y="4523"/>
                    </a:lnTo>
                    <a:lnTo>
                      <a:pt x="1865" y="4533"/>
                    </a:lnTo>
                    <a:lnTo>
                      <a:pt x="1861" y="4541"/>
                    </a:lnTo>
                    <a:lnTo>
                      <a:pt x="1856" y="4550"/>
                    </a:lnTo>
                    <a:lnTo>
                      <a:pt x="1851" y="4556"/>
                    </a:lnTo>
                    <a:lnTo>
                      <a:pt x="1844" y="4562"/>
                    </a:lnTo>
                    <a:lnTo>
                      <a:pt x="1821" y="4571"/>
                    </a:lnTo>
                    <a:lnTo>
                      <a:pt x="1795" y="4580"/>
                    </a:lnTo>
                    <a:lnTo>
                      <a:pt x="1789" y="4582"/>
                    </a:lnTo>
                    <a:lnTo>
                      <a:pt x="1783" y="4585"/>
                    </a:lnTo>
                    <a:lnTo>
                      <a:pt x="1778" y="4589"/>
                    </a:lnTo>
                    <a:lnTo>
                      <a:pt x="1774" y="4593"/>
                    </a:lnTo>
                    <a:lnTo>
                      <a:pt x="1771" y="4598"/>
                    </a:lnTo>
                    <a:lnTo>
                      <a:pt x="1769" y="4603"/>
                    </a:lnTo>
                    <a:lnTo>
                      <a:pt x="1768" y="4608"/>
                    </a:lnTo>
                    <a:lnTo>
                      <a:pt x="1768" y="4616"/>
                    </a:lnTo>
                    <a:lnTo>
                      <a:pt x="1771" y="4652"/>
                    </a:lnTo>
                    <a:lnTo>
                      <a:pt x="1773" y="4687"/>
                    </a:lnTo>
                    <a:lnTo>
                      <a:pt x="1774" y="4705"/>
                    </a:lnTo>
                    <a:lnTo>
                      <a:pt x="1778" y="4722"/>
                    </a:lnTo>
                    <a:lnTo>
                      <a:pt x="1782" y="4740"/>
                    </a:lnTo>
                    <a:lnTo>
                      <a:pt x="1787" y="4758"/>
                    </a:lnTo>
                    <a:lnTo>
                      <a:pt x="1795" y="4780"/>
                    </a:lnTo>
                    <a:lnTo>
                      <a:pt x="1802" y="4799"/>
                    </a:lnTo>
                    <a:lnTo>
                      <a:pt x="1806" y="4815"/>
                    </a:lnTo>
                    <a:lnTo>
                      <a:pt x="1808" y="4831"/>
                    </a:lnTo>
                    <a:lnTo>
                      <a:pt x="1809" y="4839"/>
                    </a:lnTo>
                    <a:lnTo>
                      <a:pt x="1809" y="4847"/>
                    </a:lnTo>
                    <a:lnTo>
                      <a:pt x="1808" y="4854"/>
                    </a:lnTo>
                    <a:lnTo>
                      <a:pt x="1806" y="4863"/>
                    </a:lnTo>
                    <a:lnTo>
                      <a:pt x="1803" y="4871"/>
                    </a:lnTo>
                    <a:lnTo>
                      <a:pt x="1800" y="4881"/>
                    </a:lnTo>
                    <a:lnTo>
                      <a:pt x="1795" y="4891"/>
                    </a:lnTo>
                    <a:lnTo>
                      <a:pt x="1790" y="4901"/>
                    </a:lnTo>
                    <a:lnTo>
                      <a:pt x="1781" y="4941"/>
                    </a:lnTo>
                    <a:lnTo>
                      <a:pt x="1773" y="4977"/>
                    </a:lnTo>
                    <a:lnTo>
                      <a:pt x="1768" y="4995"/>
                    </a:lnTo>
                    <a:lnTo>
                      <a:pt x="1761" y="5012"/>
                    </a:lnTo>
                    <a:lnTo>
                      <a:pt x="1756" y="5029"/>
                    </a:lnTo>
                    <a:lnTo>
                      <a:pt x="1749" y="5046"/>
                    </a:lnTo>
                    <a:lnTo>
                      <a:pt x="1741" y="5062"/>
                    </a:lnTo>
                    <a:lnTo>
                      <a:pt x="1733" y="5077"/>
                    </a:lnTo>
                    <a:lnTo>
                      <a:pt x="1723" y="5091"/>
                    </a:lnTo>
                    <a:lnTo>
                      <a:pt x="1712" y="5106"/>
                    </a:lnTo>
                    <a:lnTo>
                      <a:pt x="1699" y="5120"/>
                    </a:lnTo>
                    <a:lnTo>
                      <a:pt x="1686" y="5133"/>
                    </a:lnTo>
                    <a:lnTo>
                      <a:pt x="1671" y="5147"/>
                    </a:lnTo>
                    <a:lnTo>
                      <a:pt x="1654" y="5159"/>
                    </a:lnTo>
                    <a:lnTo>
                      <a:pt x="1645" y="5166"/>
                    </a:lnTo>
                    <a:lnTo>
                      <a:pt x="1638" y="5174"/>
                    </a:lnTo>
                    <a:lnTo>
                      <a:pt x="1632" y="5183"/>
                    </a:lnTo>
                    <a:lnTo>
                      <a:pt x="1627" y="5192"/>
                    </a:lnTo>
                    <a:lnTo>
                      <a:pt x="1618" y="5211"/>
                    </a:lnTo>
                    <a:lnTo>
                      <a:pt x="1609" y="5231"/>
                    </a:lnTo>
                    <a:lnTo>
                      <a:pt x="1590" y="5268"/>
                    </a:lnTo>
                    <a:lnTo>
                      <a:pt x="1574" y="5305"/>
                    </a:lnTo>
                    <a:lnTo>
                      <a:pt x="1558" y="5343"/>
                    </a:lnTo>
                    <a:lnTo>
                      <a:pt x="1545" y="5380"/>
                    </a:lnTo>
                    <a:lnTo>
                      <a:pt x="1540" y="5400"/>
                    </a:lnTo>
                    <a:lnTo>
                      <a:pt x="1535" y="5419"/>
                    </a:lnTo>
                    <a:lnTo>
                      <a:pt x="1530" y="5439"/>
                    </a:lnTo>
                    <a:lnTo>
                      <a:pt x="1526" y="5458"/>
                    </a:lnTo>
                    <a:lnTo>
                      <a:pt x="1523" y="5479"/>
                    </a:lnTo>
                    <a:lnTo>
                      <a:pt x="1520" y="5498"/>
                    </a:lnTo>
                    <a:lnTo>
                      <a:pt x="1519" y="5519"/>
                    </a:lnTo>
                    <a:lnTo>
                      <a:pt x="1519" y="5541"/>
                    </a:lnTo>
                    <a:lnTo>
                      <a:pt x="1514" y="5546"/>
                    </a:lnTo>
                    <a:lnTo>
                      <a:pt x="1511" y="5549"/>
                    </a:lnTo>
                    <a:lnTo>
                      <a:pt x="1508" y="5550"/>
                    </a:lnTo>
                    <a:lnTo>
                      <a:pt x="1501" y="5553"/>
                    </a:lnTo>
                    <a:lnTo>
                      <a:pt x="1457" y="5521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6" name="Freeform 11"/>
              <p:cNvSpPr>
                <a:spLocks/>
              </p:cNvSpPr>
              <p:nvPr/>
            </p:nvSpPr>
            <p:spPr bwMode="auto">
              <a:xfrm>
                <a:off x="8883720" y="-377387"/>
                <a:ext cx="25504" cy="41546"/>
              </a:xfrm>
              <a:custGeom>
                <a:avLst/>
                <a:gdLst/>
                <a:ahLst/>
                <a:cxnLst>
                  <a:cxn ang="0">
                    <a:pos x="22" y="74"/>
                  </a:cxn>
                  <a:cxn ang="0">
                    <a:pos x="16" y="71"/>
                  </a:cxn>
                  <a:cxn ang="0">
                    <a:pos x="9" y="67"/>
                  </a:cxn>
                  <a:cxn ang="0">
                    <a:pos x="4" y="61"/>
                  </a:cxn>
                  <a:cxn ang="0">
                    <a:pos x="0" y="56"/>
                  </a:cxn>
                  <a:cxn ang="0">
                    <a:pos x="3" y="48"/>
                  </a:cxn>
                  <a:cxn ang="0">
                    <a:pos x="11" y="34"/>
                  </a:cxn>
                  <a:cxn ang="0">
                    <a:pos x="20" y="18"/>
                  </a:cxn>
                  <a:cxn ang="0">
                    <a:pos x="25" y="8"/>
                  </a:cxn>
                  <a:cxn ang="0">
                    <a:pos x="27" y="5"/>
                  </a:cxn>
                  <a:cxn ang="0">
                    <a:pos x="29" y="3"/>
                  </a:cxn>
                  <a:cxn ang="0">
                    <a:pos x="31" y="0"/>
                  </a:cxn>
                  <a:cxn ang="0">
                    <a:pos x="34" y="0"/>
                  </a:cxn>
                  <a:cxn ang="0">
                    <a:pos x="37" y="0"/>
                  </a:cxn>
                  <a:cxn ang="0">
                    <a:pos x="39" y="0"/>
                  </a:cxn>
                  <a:cxn ang="0">
                    <a:pos x="42" y="3"/>
                  </a:cxn>
                  <a:cxn ang="0">
                    <a:pos x="43" y="5"/>
                  </a:cxn>
                  <a:cxn ang="0">
                    <a:pos x="48" y="17"/>
                  </a:cxn>
                  <a:cxn ang="0">
                    <a:pos x="53" y="29"/>
                  </a:cxn>
                  <a:cxn ang="0">
                    <a:pos x="57" y="42"/>
                  </a:cxn>
                  <a:cxn ang="0">
                    <a:pos x="59" y="53"/>
                  </a:cxn>
                  <a:cxn ang="0">
                    <a:pos x="56" y="65"/>
                  </a:cxn>
                  <a:cxn ang="0">
                    <a:pos x="52" y="77"/>
                  </a:cxn>
                  <a:cxn ang="0">
                    <a:pos x="51" y="83"/>
                  </a:cxn>
                  <a:cxn ang="0">
                    <a:pos x="47" y="87"/>
                  </a:cxn>
                  <a:cxn ang="0">
                    <a:pos x="42" y="90"/>
                  </a:cxn>
                  <a:cxn ang="0">
                    <a:pos x="35" y="92"/>
                  </a:cxn>
                  <a:cxn ang="0">
                    <a:pos x="22" y="74"/>
                  </a:cxn>
                </a:cxnLst>
                <a:rect l="0" t="0" r="r" b="b"/>
                <a:pathLst>
                  <a:path w="59" h="92">
                    <a:moveTo>
                      <a:pt x="22" y="74"/>
                    </a:moveTo>
                    <a:lnTo>
                      <a:pt x="16" y="71"/>
                    </a:lnTo>
                    <a:lnTo>
                      <a:pt x="9" y="67"/>
                    </a:lnTo>
                    <a:lnTo>
                      <a:pt x="4" y="61"/>
                    </a:lnTo>
                    <a:lnTo>
                      <a:pt x="0" y="56"/>
                    </a:lnTo>
                    <a:lnTo>
                      <a:pt x="3" y="48"/>
                    </a:lnTo>
                    <a:lnTo>
                      <a:pt x="11" y="34"/>
                    </a:lnTo>
                    <a:lnTo>
                      <a:pt x="20" y="18"/>
                    </a:lnTo>
                    <a:lnTo>
                      <a:pt x="25" y="8"/>
                    </a:lnTo>
                    <a:lnTo>
                      <a:pt x="27" y="5"/>
                    </a:lnTo>
                    <a:lnTo>
                      <a:pt x="29" y="3"/>
                    </a:lnTo>
                    <a:lnTo>
                      <a:pt x="31" y="0"/>
                    </a:lnTo>
                    <a:lnTo>
                      <a:pt x="34" y="0"/>
                    </a:lnTo>
                    <a:lnTo>
                      <a:pt x="37" y="0"/>
                    </a:lnTo>
                    <a:lnTo>
                      <a:pt x="39" y="0"/>
                    </a:lnTo>
                    <a:lnTo>
                      <a:pt x="42" y="3"/>
                    </a:lnTo>
                    <a:lnTo>
                      <a:pt x="43" y="5"/>
                    </a:lnTo>
                    <a:lnTo>
                      <a:pt x="48" y="17"/>
                    </a:lnTo>
                    <a:lnTo>
                      <a:pt x="53" y="29"/>
                    </a:lnTo>
                    <a:lnTo>
                      <a:pt x="57" y="42"/>
                    </a:lnTo>
                    <a:lnTo>
                      <a:pt x="59" y="53"/>
                    </a:lnTo>
                    <a:lnTo>
                      <a:pt x="56" y="65"/>
                    </a:lnTo>
                    <a:lnTo>
                      <a:pt x="52" y="77"/>
                    </a:lnTo>
                    <a:lnTo>
                      <a:pt x="51" y="83"/>
                    </a:lnTo>
                    <a:lnTo>
                      <a:pt x="47" y="87"/>
                    </a:lnTo>
                    <a:lnTo>
                      <a:pt x="42" y="90"/>
                    </a:lnTo>
                    <a:lnTo>
                      <a:pt x="35" y="92"/>
                    </a:lnTo>
                    <a:lnTo>
                      <a:pt x="22" y="7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7" name="Freeform 12"/>
              <p:cNvSpPr>
                <a:spLocks/>
              </p:cNvSpPr>
              <p:nvPr/>
            </p:nvSpPr>
            <p:spPr bwMode="auto">
              <a:xfrm>
                <a:off x="8639613" y="-305135"/>
                <a:ext cx="91085" cy="68640"/>
              </a:xfrm>
              <a:custGeom>
                <a:avLst/>
                <a:gdLst/>
                <a:ahLst/>
                <a:cxnLst>
                  <a:cxn ang="0">
                    <a:pos x="49" y="132"/>
                  </a:cxn>
                  <a:cxn ang="0">
                    <a:pos x="47" y="123"/>
                  </a:cxn>
                  <a:cxn ang="0">
                    <a:pos x="27" y="117"/>
                  </a:cxn>
                  <a:cxn ang="0">
                    <a:pos x="7" y="112"/>
                  </a:cxn>
                  <a:cxn ang="0">
                    <a:pos x="3" y="108"/>
                  </a:cxn>
                  <a:cxn ang="0">
                    <a:pos x="0" y="101"/>
                  </a:cxn>
                  <a:cxn ang="0">
                    <a:pos x="2" y="92"/>
                  </a:cxn>
                  <a:cxn ang="0">
                    <a:pos x="11" y="77"/>
                  </a:cxn>
                  <a:cxn ang="0">
                    <a:pos x="25" y="65"/>
                  </a:cxn>
                  <a:cxn ang="0">
                    <a:pos x="39" y="62"/>
                  </a:cxn>
                  <a:cxn ang="0">
                    <a:pos x="53" y="65"/>
                  </a:cxn>
                  <a:cxn ang="0">
                    <a:pos x="75" y="75"/>
                  </a:cxn>
                  <a:cxn ang="0">
                    <a:pos x="95" y="82"/>
                  </a:cxn>
                  <a:cxn ang="0">
                    <a:pos x="108" y="79"/>
                  </a:cxn>
                  <a:cxn ang="0">
                    <a:pos x="119" y="65"/>
                  </a:cxn>
                  <a:cxn ang="0">
                    <a:pos x="136" y="48"/>
                  </a:cxn>
                  <a:cxn ang="0">
                    <a:pos x="152" y="36"/>
                  </a:cxn>
                  <a:cxn ang="0">
                    <a:pos x="166" y="17"/>
                  </a:cxn>
                  <a:cxn ang="0">
                    <a:pos x="178" y="5"/>
                  </a:cxn>
                  <a:cxn ang="0">
                    <a:pos x="188" y="0"/>
                  </a:cxn>
                  <a:cxn ang="0">
                    <a:pos x="198" y="4"/>
                  </a:cxn>
                  <a:cxn ang="0">
                    <a:pos x="198" y="20"/>
                  </a:cxn>
                  <a:cxn ang="0">
                    <a:pos x="195" y="46"/>
                  </a:cxn>
                  <a:cxn ang="0">
                    <a:pos x="192" y="73"/>
                  </a:cxn>
                  <a:cxn ang="0">
                    <a:pos x="182" y="97"/>
                  </a:cxn>
                  <a:cxn ang="0">
                    <a:pos x="166" y="118"/>
                  </a:cxn>
                  <a:cxn ang="0">
                    <a:pos x="144" y="134"/>
                  </a:cxn>
                  <a:cxn ang="0">
                    <a:pos x="121" y="140"/>
                  </a:cxn>
                  <a:cxn ang="0">
                    <a:pos x="104" y="139"/>
                  </a:cxn>
                  <a:cxn ang="0">
                    <a:pos x="92" y="140"/>
                  </a:cxn>
                  <a:cxn ang="0">
                    <a:pos x="79" y="150"/>
                  </a:cxn>
                  <a:cxn ang="0">
                    <a:pos x="70" y="156"/>
                  </a:cxn>
                  <a:cxn ang="0">
                    <a:pos x="60" y="154"/>
                  </a:cxn>
                  <a:cxn ang="0">
                    <a:pos x="49" y="137"/>
                  </a:cxn>
                </a:cxnLst>
                <a:rect l="0" t="0" r="r" b="b"/>
                <a:pathLst>
                  <a:path w="198" h="156">
                    <a:moveTo>
                      <a:pt x="49" y="137"/>
                    </a:moveTo>
                    <a:lnTo>
                      <a:pt x="49" y="132"/>
                    </a:lnTo>
                    <a:lnTo>
                      <a:pt x="48" y="128"/>
                    </a:lnTo>
                    <a:lnTo>
                      <a:pt x="47" y="123"/>
                    </a:lnTo>
                    <a:lnTo>
                      <a:pt x="44" y="119"/>
                    </a:lnTo>
                    <a:lnTo>
                      <a:pt x="27" y="117"/>
                    </a:lnTo>
                    <a:lnTo>
                      <a:pt x="11" y="113"/>
                    </a:lnTo>
                    <a:lnTo>
                      <a:pt x="7" y="112"/>
                    </a:lnTo>
                    <a:lnTo>
                      <a:pt x="4" y="110"/>
                    </a:lnTo>
                    <a:lnTo>
                      <a:pt x="3" y="108"/>
                    </a:lnTo>
                    <a:lnTo>
                      <a:pt x="0" y="104"/>
                    </a:lnTo>
                    <a:lnTo>
                      <a:pt x="0" y="101"/>
                    </a:lnTo>
                    <a:lnTo>
                      <a:pt x="0" y="96"/>
                    </a:lnTo>
                    <a:lnTo>
                      <a:pt x="2" y="92"/>
                    </a:lnTo>
                    <a:lnTo>
                      <a:pt x="5" y="86"/>
                    </a:lnTo>
                    <a:lnTo>
                      <a:pt x="11" y="77"/>
                    </a:lnTo>
                    <a:lnTo>
                      <a:pt x="18" y="69"/>
                    </a:lnTo>
                    <a:lnTo>
                      <a:pt x="25" y="65"/>
                    </a:lnTo>
                    <a:lnTo>
                      <a:pt x="31" y="62"/>
                    </a:lnTo>
                    <a:lnTo>
                      <a:pt x="39" y="62"/>
                    </a:lnTo>
                    <a:lnTo>
                      <a:pt x="46" y="64"/>
                    </a:lnTo>
                    <a:lnTo>
                      <a:pt x="53" y="65"/>
                    </a:lnTo>
                    <a:lnTo>
                      <a:pt x="61" y="69"/>
                    </a:lnTo>
                    <a:lnTo>
                      <a:pt x="75" y="75"/>
                    </a:lnTo>
                    <a:lnTo>
                      <a:pt x="88" y="80"/>
                    </a:lnTo>
                    <a:lnTo>
                      <a:pt x="95" y="82"/>
                    </a:lnTo>
                    <a:lnTo>
                      <a:pt x="101" y="82"/>
                    </a:lnTo>
                    <a:lnTo>
                      <a:pt x="108" y="79"/>
                    </a:lnTo>
                    <a:lnTo>
                      <a:pt x="113" y="75"/>
                    </a:lnTo>
                    <a:lnTo>
                      <a:pt x="119" y="65"/>
                    </a:lnTo>
                    <a:lnTo>
                      <a:pt x="127" y="53"/>
                    </a:lnTo>
                    <a:lnTo>
                      <a:pt x="136" y="48"/>
                    </a:lnTo>
                    <a:lnTo>
                      <a:pt x="144" y="43"/>
                    </a:lnTo>
                    <a:lnTo>
                      <a:pt x="152" y="36"/>
                    </a:lnTo>
                    <a:lnTo>
                      <a:pt x="160" y="29"/>
                    </a:lnTo>
                    <a:lnTo>
                      <a:pt x="166" y="17"/>
                    </a:lnTo>
                    <a:lnTo>
                      <a:pt x="174" y="8"/>
                    </a:lnTo>
                    <a:lnTo>
                      <a:pt x="178" y="5"/>
                    </a:lnTo>
                    <a:lnTo>
                      <a:pt x="183" y="3"/>
                    </a:lnTo>
                    <a:lnTo>
                      <a:pt x="188" y="0"/>
                    </a:lnTo>
                    <a:lnTo>
                      <a:pt x="196" y="0"/>
                    </a:lnTo>
                    <a:lnTo>
                      <a:pt x="198" y="4"/>
                    </a:lnTo>
                    <a:lnTo>
                      <a:pt x="198" y="11"/>
                    </a:lnTo>
                    <a:lnTo>
                      <a:pt x="198" y="20"/>
                    </a:lnTo>
                    <a:lnTo>
                      <a:pt x="197" y="27"/>
                    </a:lnTo>
                    <a:lnTo>
                      <a:pt x="195" y="46"/>
                    </a:lnTo>
                    <a:lnTo>
                      <a:pt x="193" y="60"/>
                    </a:lnTo>
                    <a:lnTo>
                      <a:pt x="192" y="73"/>
                    </a:lnTo>
                    <a:lnTo>
                      <a:pt x="188" y="84"/>
                    </a:lnTo>
                    <a:lnTo>
                      <a:pt x="182" y="97"/>
                    </a:lnTo>
                    <a:lnTo>
                      <a:pt x="175" y="108"/>
                    </a:lnTo>
                    <a:lnTo>
                      <a:pt x="166" y="118"/>
                    </a:lnTo>
                    <a:lnTo>
                      <a:pt x="156" y="127"/>
                    </a:lnTo>
                    <a:lnTo>
                      <a:pt x="144" y="134"/>
                    </a:lnTo>
                    <a:lnTo>
                      <a:pt x="132" y="139"/>
                    </a:lnTo>
                    <a:lnTo>
                      <a:pt x="121" y="140"/>
                    </a:lnTo>
                    <a:lnTo>
                      <a:pt x="109" y="139"/>
                    </a:lnTo>
                    <a:lnTo>
                      <a:pt x="104" y="139"/>
                    </a:lnTo>
                    <a:lnTo>
                      <a:pt x="97" y="139"/>
                    </a:lnTo>
                    <a:lnTo>
                      <a:pt x="92" y="140"/>
                    </a:lnTo>
                    <a:lnTo>
                      <a:pt x="87" y="143"/>
                    </a:lnTo>
                    <a:lnTo>
                      <a:pt x="79" y="150"/>
                    </a:lnTo>
                    <a:lnTo>
                      <a:pt x="74" y="156"/>
                    </a:lnTo>
                    <a:lnTo>
                      <a:pt x="70" y="156"/>
                    </a:lnTo>
                    <a:lnTo>
                      <a:pt x="66" y="156"/>
                    </a:lnTo>
                    <a:lnTo>
                      <a:pt x="60" y="154"/>
                    </a:lnTo>
                    <a:lnTo>
                      <a:pt x="52" y="152"/>
                    </a:lnTo>
                    <a:lnTo>
                      <a:pt x="49" y="137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8" name="Freeform 13"/>
              <p:cNvSpPr>
                <a:spLocks/>
              </p:cNvSpPr>
              <p:nvPr/>
            </p:nvSpPr>
            <p:spPr bwMode="auto">
              <a:xfrm>
                <a:off x="8716124" y="-247333"/>
                <a:ext cx="29147" cy="41546"/>
              </a:xfrm>
              <a:custGeom>
                <a:avLst/>
                <a:gdLst/>
                <a:ahLst/>
                <a:cxnLst>
                  <a:cxn ang="0">
                    <a:pos x="23" y="79"/>
                  </a:cxn>
                  <a:cxn ang="0">
                    <a:pos x="18" y="77"/>
                  </a:cxn>
                  <a:cxn ang="0">
                    <a:pos x="15" y="75"/>
                  </a:cxn>
                  <a:cxn ang="0">
                    <a:pos x="12" y="72"/>
                  </a:cxn>
                  <a:cxn ang="0">
                    <a:pos x="9" y="68"/>
                  </a:cxn>
                  <a:cxn ang="0">
                    <a:pos x="4" y="59"/>
                  </a:cxn>
                  <a:cxn ang="0">
                    <a:pos x="0" y="50"/>
                  </a:cxn>
                  <a:cxn ang="0">
                    <a:pos x="0" y="46"/>
                  </a:cxn>
                  <a:cxn ang="0">
                    <a:pos x="1" y="42"/>
                  </a:cxn>
                  <a:cxn ang="0">
                    <a:pos x="4" y="40"/>
                  </a:cxn>
                  <a:cxn ang="0">
                    <a:pos x="6" y="36"/>
                  </a:cxn>
                  <a:cxn ang="0">
                    <a:pos x="19" y="27"/>
                  </a:cxn>
                  <a:cxn ang="0">
                    <a:pos x="31" y="18"/>
                  </a:cxn>
                  <a:cxn ang="0">
                    <a:pos x="36" y="13"/>
                  </a:cxn>
                  <a:cxn ang="0">
                    <a:pos x="44" y="5"/>
                  </a:cxn>
                  <a:cxn ang="0">
                    <a:pos x="49" y="2"/>
                  </a:cxn>
                  <a:cxn ang="0">
                    <a:pos x="53" y="0"/>
                  </a:cxn>
                  <a:cxn ang="0">
                    <a:pos x="57" y="0"/>
                  </a:cxn>
                  <a:cxn ang="0">
                    <a:pos x="60" y="2"/>
                  </a:cxn>
                  <a:cxn ang="0">
                    <a:pos x="61" y="15"/>
                  </a:cxn>
                  <a:cxn ang="0">
                    <a:pos x="60" y="30"/>
                  </a:cxn>
                  <a:cxn ang="0">
                    <a:pos x="58" y="40"/>
                  </a:cxn>
                  <a:cxn ang="0">
                    <a:pos x="56" y="50"/>
                  </a:cxn>
                  <a:cxn ang="0">
                    <a:pos x="54" y="55"/>
                  </a:cxn>
                  <a:cxn ang="0">
                    <a:pos x="53" y="59"/>
                  </a:cxn>
                  <a:cxn ang="0">
                    <a:pos x="53" y="64"/>
                  </a:cxn>
                  <a:cxn ang="0">
                    <a:pos x="54" y="70"/>
                  </a:cxn>
                  <a:cxn ang="0">
                    <a:pos x="56" y="76"/>
                  </a:cxn>
                  <a:cxn ang="0">
                    <a:pos x="56" y="84"/>
                  </a:cxn>
                  <a:cxn ang="0">
                    <a:pos x="52" y="87"/>
                  </a:cxn>
                  <a:cxn ang="0">
                    <a:pos x="47" y="89"/>
                  </a:cxn>
                  <a:cxn ang="0">
                    <a:pos x="41" y="92"/>
                  </a:cxn>
                  <a:cxn ang="0">
                    <a:pos x="38" y="90"/>
                  </a:cxn>
                  <a:cxn ang="0">
                    <a:pos x="23" y="79"/>
                  </a:cxn>
                </a:cxnLst>
                <a:rect l="0" t="0" r="r" b="b"/>
                <a:pathLst>
                  <a:path w="61" h="92">
                    <a:moveTo>
                      <a:pt x="23" y="79"/>
                    </a:moveTo>
                    <a:lnTo>
                      <a:pt x="18" y="77"/>
                    </a:lnTo>
                    <a:lnTo>
                      <a:pt x="15" y="75"/>
                    </a:lnTo>
                    <a:lnTo>
                      <a:pt x="12" y="72"/>
                    </a:lnTo>
                    <a:lnTo>
                      <a:pt x="9" y="68"/>
                    </a:lnTo>
                    <a:lnTo>
                      <a:pt x="4" y="59"/>
                    </a:lnTo>
                    <a:lnTo>
                      <a:pt x="0" y="50"/>
                    </a:lnTo>
                    <a:lnTo>
                      <a:pt x="0" y="46"/>
                    </a:lnTo>
                    <a:lnTo>
                      <a:pt x="1" y="42"/>
                    </a:lnTo>
                    <a:lnTo>
                      <a:pt x="4" y="40"/>
                    </a:lnTo>
                    <a:lnTo>
                      <a:pt x="6" y="36"/>
                    </a:lnTo>
                    <a:lnTo>
                      <a:pt x="19" y="27"/>
                    </a:lnTo>
                    <a:lnTo>
                      <a:pt x="31" y="18"/>
                    </a:lnTo>
                    <a:lnTo>
                      <a:pt x="36" y="13"/>
                    </a:lnTo>
                    <a:lnTo>
                      <a:pt x="44" y="5"/>
                    </a:lnTo>
                    <a:lnTo>
                      <a:pt x="49" y="2"/>
                    </a:lnTo>
                    <a:lnTo>
                      <a:pt x="53" y="0"/>
                    </a:lnTo>
                    <a:lnTo>
                      <a:pt x="57" y="0"/>
                    </a:lnTo>
                    <a:lnTo>
                      <a:pt x="60" y="2"/>
                    </a:lnTo>
                    <a:lnTo>
                      <a:pt x="61" y="15"/>
                    </a:lnTo>
                    <a:lnTo>
                      <a:pt x="60" y="30"/>
                    </a:lnTo>
                    <a:lnTo>
                      <a:pt x="58" y="40"/>
                    </a:lnTo>
                    <a:lnTo>
                      <a:pt x="56" y="50"/>
                    </a:lnTo>
                    <a:lnTo>
                      <a:pt x="54" y="55"/>
                    </a:lnTo>
                    <a:lnTo>
                      <a:pt x="53" y="59"/>
                    </a:lnTo>
                    <a:lnTo>
                      <a:pt x="53" y="64"/>
                    </a:lnTo>
                    <a:lnTo>
                      <a:pt x="54" y="70"/>
                    </a:lnTo>
                    <a:lnTo>
                      <a:pt x="56" y="76"/>
                    </a:lnTo>
                    <a:lnTo>
                      <a:pt x="56" y="84"/>
                    </a:lnTo>
                    <a:lnTo>
                      <a:pt x="52" y="87"/>
                    </a:lnTo>
                    <a:lnTo>
                      <a:pt x="47" y="89"/>
                    </a:lnTo>
                    <a:lnTo>
                      <a:pt x="41" y="92"/>
                    </a:lnTo>
                    <a:lnTo>
                      <a:pt x="38" y="90"/>
                    </a:lnTo>
                    <a:lnTo>
                      <a:pt x="23" y="79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9" name="Freeform 14"/>
              <p:cNvSpPr>
                <a:spLocks/>
              </p:cNvSpPr>
              <p:nvPr/>
            </p:nvSpPr>
            <p:spPr bwMode="auto">
              <a:xfrm>
                <a:off x="8756202" y="-283460"/>
                <a:ext cx="30969" cy="28901"/>
              </a:xfrm>
              <a:custGeom>
                <a:avLst/>
                <a:gdLst/>
                <a:ahLst/>
                <a:cxnLst>
                  <a:cxn ang="0">
                    <a:pos x="35" y="59"/>
                  </a:cxn>
                  <a:cxn ang="0">
                    <a:pos x="32" y="61"/>
                  </a:cxn>
                  <a:cxn ang="0">
                    <a:pos x="28" y="59"/>
                  </a:cxn>
                  <a:cxn ang="0">
                    <a:pos x="26" y="58"/>
                  </a:cxn>
                  <a:cxn ang="0">
                    <a:pos x="22" y="55"/>
                  </a:cxn>
                  <a:cxn ang="0">
                    <a:pos x="15" y="50"/>
                  </a:cxn>
                  <a:cxn ang="0">
                    <a:pos x="10" y="45"/>
                  </a:cxn>
                  <a:cxn ang="0">
                    <a:pos x="8" y="41"/>
                  </a:cxn>
                  <a:cxn ang="0">
                    <a:pos x="5" y="37"/>
                  </a:cxn>
                  <a:cxn ang="0">
                    <a:pos x="2" y="31"/>
                  </a:cxn>
                  <a:cxn ang="0">
                    <a:pos x="1" y="26"/>
                  </a:cxn>
                  <a:cxn ang="0">
                    <a:pos x="0" y="19"/>
                  </a:cxn>
                  <a:cxn ang="0">
                    <a:pos x="1" y="14"/>
                  </a:cxn>
                  <a:cxn ang="0">
                    <a:pos x="2" y="9"/>
                  </a:cxn>
                  <a:cxn ang="0">
                    <a:pos x="5" y="4"/>
                  </a:cxn>
                  <a:cxn ang="0">
                    <a:pos x="8" y="1"/>
                  </a:cxn>
                  <a:cxn ang="0">
                    <a:pos x="10" y="0"/>
                  </a:cxn>
                  <a:cxn ang="0">
                    <a:pos x="11" y="0"/>
                  </a:cxn>
                  <a:cxn ang="0">
                    <a:pos x="14" y="1"/>
                  </a:cxn>
                  <a:cxn ang="0">
                    <a:pos x="18" y="5"/>
                  </a:cxn>
                  <a:cxn ang="0">
                    <a:pos x="20" y="10"/>
                  </a:cxn>
                  <a:cxn ang="0">
                    <a:pos x="26" y="13"/>
                  </a:cxn>
                  <a:cxn ang="0">
                    <a:pos x="33" y="13"/>
                  </a:cxn>
                  <a:cxn ang="0">
                    <a:pos x="41" y="11"/>
                  </a:cxn>
                  <a:cxn ang="0">
                    <a:pos x="49" y="11"/>
                  </a:cxn>
                  <a:cxn ang="0">
                    <a:pos x="55" y="10"/>
                  </a:cxn>
                  <a:cxn ang="0">
                    <a:pos x="62" y="13"/>
                  </a:cxn>
                  <a:cxn ang="0">
                    <a:pos x="63" y="14"/>
                  </a:cxn>
                  <a:cxn ang="0">
                    <a:pos x="65" y="17"/>
                  </a:cxn>
                  <a:cxn ang="0">
                    <a:pos x="66" y="20"/>
                  </a:cxn>
                  <a:cxn ang="0">
                    <a:pos x="66" y="24"/>
                  </a:cxn>
                  <a:cxn ang="0">
                    <a:pos x="65" y="36"/>
                  </a:cxn>
                  <a:cxn ang="0">
                    <a:pos x="63" y="46"/>
                  </a:cxn>
                  <a:cxn ang="0">
                    <a:pos x="62" y="50"/>
                  </a:cxn>
                  <a:cxn ang="0">
                    <a:pos x="59" y="55"/>
                  </a:cxn>
                  <a:cxn ang="0">
                    <a:pos x="55" y="59"/>
                  </a:cxn>
                  <a:cxn ang="0">
                    <a:pos x="50" y="62"/>
                  </a:cxn>
                  <a:cxn ang="0">
                    <a:pos x="35" y="59"/>
                  </a:cxn>
                </a:cxnLst>
                <a:rect l="0" t="0" r="r" b="b"/>
                <a:pathLst>
                  <a:path w="66" h="62">
                    <a:moveTo>
                      <a:pt x="35" y="59"/>
                    </a:moveTo>
                    <a:lnTo>
                      <a:pt x="32" y="61"/>
                    </a:lnTo>
                    <a:lnTo>
                      <a:pt x="28" y="59"/>
                    </a:lnTo>
                    <a:lnTo>
                      <a:pt x="26" y="58"/>
                    </a:lnTo>
                    <a:lnTo>
                      <a:pt x="22" y="55"/>
                    </a:lnTo>
                    <a:lnTo>
                      <a:pt x="15" y="50"/>
                    </a:lnTo>
                    <a:lnTo>
                      <a:pt x="10" y="45"/>
                    </a:lnTo>
                    <a:lnTo>
                      <a:pt x="8" y="41"/>
                    </a:lnTo>
                    <a:lnTo>
                      <a:pt x="5" y="37"/>
                    </a:lnTo>
                    <a:lnTo>
                      <a:pt x="2" y="31"/>
                    </a:lnTo>
                    <a:lnTo>
                      <a:pt x="1" y="26"/>
                    </a:lnTo>
                    <a:lnTo>
                      <a:pt x="0" y="19"/>
                    </a:lnTo>
                    <a:lnTo>
                      <a:pt x="1" y="14"/>
                    </a:lnTo>
                    <a:lnTo>
                      <a:pt x="2" y="9"/>
                    </a:lnTo>
                    <a:lnTo>
                      <a:pt x="5" y="4"/>
                    </a:lnTo>
                    <a:lnTo>
                      <a:pt x="8" y="1"/>
                    </a:lnTo>
                    <a:lnTo>
                      <a:pt x="10" y="0"/>
                    </a:lnTo>
                    <a:lnTo>
                      <a:pt x="11" y="0"/>
                    </a:lnTo>
                    <a:lnTo>
                      <a:pt x="14" y="1"/>
                    </a:lnTo>
                    <a:lnTo>
                      <a:pt x="18" y="5"/>
                    </a:lnTo>
                    <a:lnTo>
                      <a:pt x="20" y="10"/>
                    </a:lnTo>
                    <a:lnTo>
                      <a:pt x="26" y="13"/>
                    </a:lnTo>
                    <a:lnTo>
                      <a:pt x="33" y="13"/>
                    </a:lnTo>
                    <a:lnTo>
                      <a:pt x="41" y="11"/>
                    </a:lnTo>
                    <a:lnTo>
                      <a:pt x="49" y="11"/>
                    </a:lnTo>
                    <a:lnTo>
                      <a:pt x="55" y="10"/>
                    </a:lnTo>
                    <a:lnTo>
                      <a:pt x="62" y="13"/>
                    </a:lnTo>
                    <a:lnTo>
                      <a:pt x="63" y="14"/>
                    </a:lnTo>
                    <a:lnTo>
                      <a:pt x="65" y="17"/>
                    </a:lnTo>
                    <a:lnTo>
                      <a:pt x="66" y="20"/>
                    </a:lnTo>
                    <a:lnTo>
                      <a:pt x="66" y="24"/>
                    </a:lnTo>
                    <a:lnTo>
                      <a:pt x="65" y="36"/>
                    </a:lnTo>
                    <a:lnTo>
                      <a:pt x="63" y="46"/>
                    </a:lnTo>
                    <a:lnTo>
                      <a:pt x="62" y="50"/>
                    </a:lnTo>
                    <a:lnTo>
                      <a:pt x="59" y="55"/>
                    </a:lnTo>
                    <a:lnTo>
                      <a:pt x="55" y="59"/>
                    </a:lnTo>
                    <a:lnTo>
                      <a:pt x="50" y="62"/>
                    </a:lnTo>
                    <a:lnTo>
                      <a:pt x="35" y="59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20" name="Freeform 15"/>
              <p:cNvSpPr>
                <a:spLocks/>
              </p:cNvSpPr>
              <p:nvPr/>
            </p:nvSpPr>
            <p:spPr bwMode="auto">
              <a:xfrm>
                <a:off x="8688799" y="-202175"/>
                <a:ext cx="30969" cy="16257"/>
              </a:xfrm>
              <a:custGeom>
                <a:avLst/>
                <a:gdLst/>
                <a:ahLst/>
                <a:cxnLst>
                  <a:cxn ang="0">
                    <a:pos x="60" y="6"/>
                  </a:cxn>
                  <a:cxn ang="0">
                    <a:pos x="49" y="2"/>
                  </a:cxn>
                  <a:cxn ang="0">
                    <a:pos x="39" y="0"/>
                  </a:cxn>
                  <a:cxn ang="0">
                    <a:pos x="31" y="0"/>
                  </a:cxn>
                  <a:cxn ang="0">
                    <a:pos x="21" y="0"/>
                  </a:cxn>
                  <a:cxn ang="0">
                    <a:pos x="12" y="2"/>
                  </a:cxn>
                  <a:cxn ang="0">
                    <a:pos x="5" y="4"/>
                  </a:cxn>
                  <a:cxn ang="0">
                    <a:pos x="1" y="8"/>
                  </a:cxn>
                  <a:cxn ang="0">
                    <a:pos x="0" y="13"/>
                  </a:cxn>
                  <a:cxn ang="0">
                    <a:pos x="0" y="19"/>
                  </a:cxn>
                  <a:cxn ang="0">
                    <a:pos x="3" y="22"/>
                  </a:cxn>
                  <a:cxn ang="0">
                    <a:pos x="7" y="25"/>
                  </a:cxn>
                  <a:cxn ang="0">
                    <a:pos x="10" y="26"/>
                  </a:cxn>
                  <a:cxn ang="0">
                    <a:pos x="14" y="28"/>
                  </a:cxn>
                  <a:cxn ang="0">
                    <a:pos x="18" y="28"/>
                  </a:cxn>
                  <a:cxn ang="0">
                    <a:pos x="23" y="29"/>
                  </a:cxn>
                  <a:cxn ang="0">
                    <a:pos x="29" y="29"/>
                  </a:cxn>
                  <a:cxn ang="0">
                    <a:pos x="36" y="34"/>
                  </a:cxn>
                  <a:cxn ang="0">
                    <a:pos x="45" y="38"/>
                  </a:cxn>
                  <a:cxn ang="0">
                    <a:pos x="51" y="38"/>
                  </a:cxn>
                  <a:cxn ang="0">
                    <a:pos x="56" y="35"/>
                  </a:cxn>
                  <a:cxn ang="0">
                    <a:pos x="61" y="32"/>
                  </a:cxn>
                  <a:cxn ang="0">
                    <a:pos x="66" y="28"/>
                  </a:cxn>
                  <a:cxn ang="0">
                    <a:pos x="60" y="6"/>
                  </a:cxn>
                </a:cxnLst>
                <a:rect l="0" t="0" r="r" b="b"/>
                <a:pathLst>
                  <a:path w="66" h="38">
                    <a:moveTo>
                      <a:pt x="60" y="6"/>
                    </a:moveTo>
                    <a:lnTo>
                      <a:pt x="49" y="2"/>
                    </a:lnTo>
                    <a:lnTo>
                      <a:pt x="39" y="0"/>
                    </a:lnTo>
                    <a:lnTo>
                      <a:pt x="31" y="0"/>
                    </a:lnTo>
                    <a:lnTo>
                      <a:pt x="21" y="0"/>
                    </a:lnTo>
                    <a:lnTo>
                      <a:pt x="12" y="2"/>
                    </a:lnTo>
                    <a:lnTo>
                      <a:pt x="5" y="4"/>
                    </a:lnTo>
                    <a:lnTo>
                      <a:pt x="1" y="8"/>
                    </a:lnTo>
                    <a:lnTo>
                      <a:pt x="0" y="13"/>
                    </a:lnTo>
                    <a:lnTo>
                      <a:pt x="0" y="19"/>
                    </a:lnTo>
                    <a:lnTo>
                      <a:pt x="3" y="22"/>
                    </a:lnTo>
                    <a:lnTo>
                      <a:pt x="7" y="25"/>
                    </a:lnTo>
                    <a:lnTo>
                      <a:pt x="10" y="26"/>
                    </a:lnTo>
                    <a:lnTo>
                      <a:pt x="14" y="28"/>
                    </a:lnTo>
                    <a:lnTo>
                      <a:pt x="18" y="28"/>
                    </a:lnTo>
                    <a:lnTo>
                      <a:pt x="23" y="29"/>
                    </a:lnTo>
                    <a:lnTo>
                      <a:pt x="29" y="29"/>
                    </a:lnTo>
                    <a:lnTo>
                      <a:pt x="36" y="34"/>
                    </a:lnTo>
                    <a:lnTo>
                      <a:pt x="45" y="38"/>
                    </a:lnTo>
                    <a:lnTo>
                      <a:pt x="51" y="38"/>
                    </a:lnTo>
                    <a:lnTo>
                      <a:pt x="56" y="35"/>
                    </a:lnTo>
                    <a:lnTo>
                      <a:pt x="61" y="32"/>
                    </a:lnTo>
                    <a:lnTo>
                      <a:pt x="66" y="28"/>
                    </a:lnTo>
                    <a:lnTo>
                      <a:pt x="60" y="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21" name="Freeform 16"/>
              <p:cNvSpPr>
                <a:spLocks/>
              </p:cNvSpPr>
              <p:nvPr/>
            </p:nvSpPr>
            <p:spPr bwMode="auto">
              <a:xfrm>
                <a:off x="8561280" y="-160631"/>
                <a:ext cx="18217" cy="25288"/>
              </a:xfrm>
              <a:custGeom>
                <a:avLst/>
                <a:gdLst/>
                <a:ahLst/>
                <a:cxnLst>
                  <a:cxn ang="0">
                    <a:pos x="0" y="48"/>
                  </a:cxn>
                  <a:cxn ang="0">
                    <a:pos x="1" y="39"/>
                  </a:cxn>
                  <a:cxn ang="0">
                    <a:pos x="1" y="30"/>
                  </a:cxn>
                  <a:cxn ang="0">
                    <a:pos x="3" y="22"/>
                  </a:cxn>
                  <a:cxn ang="0">
                    <a:pos x="4" y="15"/>
                  </a:cxn>
                  <a:cxn ang="0">
                    <a:pos x="4" y="11"/>
                  </a:cxn>
                  <a:cxn ang="0">
                    <a:pos x="6" y="7"/>
                  </a:cxn>
                  <a:cxn ang="0">
                    <a:pos x="8" y="3"/>
                  </a:cxn>
                  <a:cxn ang="0">
                    <a:pos x="10" y="0"/>
                  </a:cxn>
                  <a:cxn ang="0">
                    <a:pos x="13" y="0"/>
                  </a:cxn>
                  <a:cxn ang="0">
                    <a:pos x="14" y="0"/>
                  </a:cxn>
                  <a:cxn ang="0">
                    <a:pos x="17" y="2"/>
                  </a:cxn>
                  <a:cxn ang="0">
                    <a:pos x="18" y="3"/>
                  </a:cxn>
                  <a:cxn ang="0">
                    <a:pos x="22" y="7"/>
                  </a:cxn>
                  <a:cxn ang="0">
                    <a:pos x="25" y="9"/>
                  </a:cxn>
                  <a:cxn ang="0">
                    <a:pos x="34" y="13"/>
                  </a:cxn>
                  <a:cxn ang="0">
                    <a:pos x="41" y="19"/>
                  </a:cxn>
                  <a:cxn ang="0">
                    <a:pos x="41" y="24"/>
                  </a:cxn>
                  <a:cxn ang="0">
                    <a:pos x="40" y="30"/>
                  </a:cxn>
                  <a:cxn ang="0">
                    <a:pos x="37" y="38"/>
                  </a:cxn>
                  <a:cxn ang="0">
                    <a:pos x="35" y="43"/>
                  </a:cxn>
                  <a:cxn ang="0">
                    <a:pos x="32" y="50"/>
                  </a:cxn>
                  <a:cxn ang="0">
                    <a:pos x="27" y="54"/>
                  </a:cxn>
                  <a:cxn ang="0">
                    <a:pos x="21" y="57"/>
                  </a:cxn>
                  <a:cxn ang="0">
                    <a:pos x="14" y="59"/>
                  </a:cxn>
                  <a:cxn ang="0">
                    <a:pos x="0" y="48"/>
                  </a:cxn>
                </a:cxnLst>
                <a:rect l="0" t="0" r="r" b="b"/>
                <a:pathLst>
                  <a:path w="41" h="59">
                    <a:moveTo>
                      <a:pt x="0" y="48"/>
                    </a:moveTo>
                    <a:lnTo>
                      <a:pt x="1" y="39"/>
                    </a:lnTo>
                    <a:lnTo>
                      <a:pt x="1" y="30"/>
                    </a:lnTo>
                    <a:lnTo>
                      <a:pt x="3" y="22"/>
                    </a:lnTo>
                    <a:lnTo>
                      <a:pt x="4" y="15"/>
                    </a:lnTo>
                    <a:lnTo>
                      <a:pt x="4" y="11"/>
                    </a:lnTo>
                    <a:lnTo>
                      <a:pt x="6" y="7"/>
                    </a:lnTo>
                    <a:lnTo>
                      <a:pt x="8" y="3"/>
                    </a:lnTo>
                    <a:lnTo>
                      <a:pt x="10" y="0"/>
                    </a:lnTo>
                    <a:lnTo>
                      <a:pt x="13" y="0"/>
                    </a:lnTo>
                    <a:lnTo>
                      <a:pt x="14" y="0"/>
                    </a:lnTo>
                    <a:lnTo>
                      <a:pt x="17" y="2"/>
                    </a:lnTo>
                    <a:lnTo>
                      <a:pt x="18" y="3"/>
                    </a:lnTo>
                    <a:lnTo>
                      <a:pt x="22" y="7"/>
                    </a:lnTo>
                    <a:lnTo>
                      <a:pt x="25" y="9"/>
                    </a:lnTo>
                    <a:lnTo>
                      <a:pt x="34" y="13"/>
                    </a:lnTo>
                    <a:lnTo>
                      <a:pt x="41" y="19"/>
                    </a:lnTo>
                    <a:lnTo>
                      <a:pt x="41" y="24"/>
                    </a:lnTo>
                    <a:lnTo>
                      <a:pt x="40" y="30"/>
                    </a:lnTo>
                    <a:lnTo>
                      <a:pt x="37" y="38"/>
                    </a:lnTo>
                    <a:lnTo>
                      <a:pt x="35" y="43"/>
                    </a:lnTo>
                    <a:lnTo>
                      <a:pt x="32" y="50"/>
                    </a:lnTo>
                    <a:lnTo>
                      <a:pt x="27" y="54"/>
                    </a:lnTo>
                    <a:lnTo>
                      <a:pt x="21" y="57"/>
                    </a:lnTo>
                    <a:lnTo>
                      <a:pt x="14" y="59"/>
                    </a:lnTo>
                    <a:lnTo>
                      <a:pt x="0" y="4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22" name="Freeform 17"/>
              <p:cNvSpPr>
                <a:spLocks/>
              </p:cNvSpPr>
              <p:nvPr/>
            </p:nvSpPr>
            <p:spPr bwMode="auto">
              <a:xfrm>
                <a:off x="8493878" y="-178694"/>
                <a:ext cx="25504" cy="39739"/>
              </a:xfrm>
              <a:custGeom>
                <a:avLst/>
                <a:gdLst/>
                <a:ahLst/>
                <a:cxnLst>
                  <a:cxn ang="0">
                    <a:pos x="16" y="74"/>
                  </a:cxn>
                  <a:cxn ang="0">
                    <a:pos x="14" y="61"/>
                  </a:cxn>
                  <a:cxn ang="0">
                    <a:pos x="9" y="49"/>
                  </a:cxn>
                  <a:cxn ang="0">
                    <a:pos x="5" y="39"/>
                  </a:cxn>
                  <a:cxn ang="0">
                    <a:pos x="2" y="28"/>
                  </a:cxn>
                  <a:cxn ang="0">
                    <a:pos x="0" y="22"/>
                  </a:cxn>
                  <a:cxn ang="0">
                    <a:pos x="0" y="17"/>
                  </a:cxn>
                  <a:cxn ang="0">
                    <a:pos x="2" y="12"/>
                  </a:cxn>
                  <a:cxn ang="0">
                    <a:pos x="3" y="6"/>
                  </a:cxn>
                  <a:cxn ang="0">
                    <a:pos x="5" y="4"/>
                  </a:cxn>
                  <a:cxn ang="0">
                    <a:pos x="8" y="1"/>
                  </a:cxn>
                  <a:cxn ang="0">
                    <a:pos x="11" y="0"/>
                  </a:cxn>
                  <a:cxn ang="0">
                    <a:pos x="13" y="0"/>
                  </a:cxn>
                  <a:cxn ang="0">
                    <a:pos x="16" y="1"/>
                  </a:cxn>
                  <a:cxn ang="0">
                    <a:pos x="17" y="2"/>
                  </a:cxn>
                  <a:cxn ang="0">
                    <a:pos x="20" y="5"/>
                  </a:cxn>
                  <a:cxn ang="0">
                    <a:pos x="21" y="9"/>
                  </a:cxn>
                  <a:cxn ang="0">
                    <a:pos x="24" y="15"/>
                  </a:cxn>
                  <a:cxn ang="0">
                    <a:pos x="27" y="22"/>
                  </a:cxn>
                  <a:cxn ang="0">
                    <a:pos x="31" y="27"/>
                  </a:cxn>
                  <a:cxn ang="0">
                    <a:pos x="37" y="32"/>
                  </a:cxn>
                  <a:cxn ang="0">
                    <a:pos x="43" y="39"/>
                  </a:cxn>
                  <a:cxn ang="0">
                    <a:pos x="49" y="46"/>
                  </a:cxn>
                  <a:cxn ang="0">
                    <a:pos x="52" y="50"/>
                  </a:cxn>
                  <a:cxn ang="0">
                    <a:pos x="53" y="54"/>
                  </a:cxn>
                  <a:cxn ang="0">
                    <a:pos x="55" y="59"/>
                  </a:cxn>
                  <a:cxn ang="0">
                    <a:pos x="53" y="65"/>
                  </a:cxn>
                  <a:cxn ang="0">
                    <a:pos x="51" y="69"/>
                  </a:cxn>
                  <a:cxn ang="0">
                    <a:pos x="48" y="72"/>
                  </a:cxn>
                  <a:cxn ang="0">
                    <a:pos x="46" y="78"/>
                  </a:cxn>
                  <a:cxn ang="0">
                    <a:pos x="40" y="81"/>
                  </a:cxn>
                  <a:cxn ang="0">
                    <a:pos x="37" y="84"/>
                  </a:cxn>
                  <a:cxn ang="0">
                    <a:pos x="33" y="85"/>
                  </a:cxn>
                  <a:cxn ang="0">
                    <a:pos x="27" y="84"/>
                  </a:cxn>
                  <a:cxn ang="0">
                    <a:pos x="24" y="81"/>
                  </a:cxn>
                  <a:cxn ang="0">
                    <a:pos x="16" y="74"/>
                  </a:cxn>
                </a:cxnLst>
                <a:rect l="0" t="0" r="r" b="b"/>
                <a:pathLst>
                  <a:path w="55" h="85">
                    <a:moveTo>
                      <a:pt x="16" y="74"/>
                    </a:moveTo>
                    <a:lnTo>
                      <a:pt x="14" y="61"/>
                    </a:lnTo>
                    <a:lnTo>
                      <a:pt x="9" y="49"/>
                    </a:lnTo>
                    <a:lnTo>
                      <a:pt x="5" y="39"/>
                    </a:lnTo>
                    <a:lnTo>
                      <a:pt x="2" y="28"/>
                    </a:lnTo>
                    <a:lnTo>
                      <a:pt x="0" y="22"/>
                    </a:lnTo>
                    <a:lnTo>
                      <a:pt x="0" y="17"/>
                    </a:lnTo>
                    <a:lnTo>
                      <a:pt x="2" y="12"/>
                    </a:lnTo>
                    <a:lnTo>
                      <a:pt x="3" y="6"/>
                    </a:lnTo>
                    <a:lnTo>
                      <a:pt x="5" y="4"/>
                    </a:lnTo>
                    <a:lnTo>
                      <a:pt x="8" y="1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6" y="1"/>
                    </a:lnTo>
                    <a:lnTo>
                      <a:pt x="17" y="2"/>
                    </a:lnTo>
                    <a:lnTo>
                      <a:pt x="20" y="5"/>
                    </a:lnTo>
                    <a:lnTo>
                      <a:pt x="21" y="9"/>
                    </a:lnTo>
                    <a:lnTo>
                      <a:pt x="24" y="15"/>
                    </a:lnTo>
                    <a:lnTo>
                      <a:pt x="27" y="22"/>
                    </a:lnTo>
                    <a:lnTo>
                      <a:pt x="31" y="27"/>
                    </a:lnTo>
                    <a:lnTo>
                      <a:pt x="37" y="32"/>
                    </a:lnTo>
                    <a:lnTo>
                      <a:pt x="43" y="39"/>
                    </a:lnTo>
                    <a:lnTo>
                      <a:pt x="49" y="46"/>
                    </a:lnTo>
                    <a:lnTo>
                      <a:pt x="52" y="50"/>
                    </a:lnTo>
                    <a:lnTo>
                      <a:pt x="53" y="54"/>
                    </a:lnTo>
                    <a:lnTo>
                      <a:pt x="55" y="59"/>
                    </a:lnTo>
                    <a:lnTo>
                      <a:pt x="53" y="65"/>
                    </a:lnTo>
                    <a:lnTo>
                      <a:pt x="51" y="69"/>
                    </a:lnTo>
                    <a:lnTo>
                      <a:pt x="48" y="72"/>
                    </a:lnTo>
                    <a:lnTo>
                      <a:pt x="46" y="78"/>
                    </a:lnTo>
                    <a:lnTo>
                      <a:pt x="40" y="81"/>
                    </a:lnTo>
                    <a:lnTo>
                      <a:pt x="37" y="84"/>
                    </a:lnTo>
                    <a:lnTo>
                      <a:pt x="33" y="85"/>
                    </a:lnTo>
                    <a:lnTo>
                      <a:pt x="27" y="84"/>
                    </a:lnTo>
                    <a:lnTo>
                      <a:pt x="24" y="81"/>
                    </a:lnTo>
                    <a:lnTo>
                      <a:pt x="16" y="7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23" name="Freeform 18"/>
              <p:cNvSpPr>
                <a:spLocks/>
              </p:cNvSpPr>
              <p:nvPr/>
            </p:nvSpPr>
            <p:spPr bwMode="auto">
              <a:xfrm>
                <a:off x="8435584" y="-135343"/>
                <a:ext cx="49186" cy="45158"/>
              </a:xfrm>
              <a:custGeom>
                <a:avLst/>
                <a:gdLst/>
                <a:ahLst/>
                <a:cxnLst>
                  <a:cxn ang="0">
                    <a:pos x="109" y="17"/>
                  </a:cxn>
                  <a:cxn ang="0">
                    <a:pos x="101" y="17"/>
                  </a:cxn>
                  <a:cxn ang="0">
                    <a:pos x="93" y="17"/>
                  </a:cxn>
                  <a:cxn ang="0">
                    <a:pos x="85" y="16"/>
                  </a:cxn>
                  <a:cxn ang="0">
                    <a:pos x="79" y="14"/>
                  </a:cxn>
                  <a:cxn ang="0">
                    <a:pos x="71" y="9"/>
                  </a:cxn>
                  <a:cxn ang="0">
                    <a:pos x="63" y="4"/>
                  </a:cxn>
                  <a:cxn ang="0">
                    <a:pos x="59" y="1"/>
                  </a:cxn>
                  <a:cxn ang="0">
                    <a:pos x="55" y="0"/>
                  </a:cxn>
                  <a:cxn ang="0">
                    <a:pos x="50" y="0"/>
                  </a:cxn>
                  <a:cxn ang="0">
                    <a:pos x="45" y="1"/>
                  </a:cxn>
                  <a:cxn ang="0">
                    <a:pos x="42" y="3"/>
                  </a:cxn>
                  <a:cxn ang="0">
                    <a:pos x="41" y="5"/>
                  </a:cxn>
                  <a:cxn ang="0">
                    <a:pos x="39" y="8"/>
                  </a:cxn>
                  <a:cxn ang="0">
                    <a:pos x="39" y="12"/>
                  </a:cxn>
                  <a:cxn ang="0">
                    <a:pos x="36" y="18"/>
                  </a:cxn>
                  <a:cxn ang="0">
                    <a:pos x="35" y="25"/>
                  </a:cxn>
                  <a:cxn ang="0">
                    <a:pos x="31" y="29"/>
                  </a:cxn>
                  <a:cxn ang="0">
                    <a:pos x="26" y="34"/>
                  </a:cxn>
                  <a:cxn ang="0">
                    <a:pos x="20" y="38"/>
                  </a:cxn>
                  <a:cxn ang="0">
                    <a:pos x="15" y="42"/>
                  </a:cxn>
                  <a:cxn ang="0">
                    <a:pos x="9" y="47"/>
                  </a:cxn>
                  <a:cxn ang="0">
                    <a:pos x="5" y="51"/>
                  </a:cxn>
                  <a:cxn ang="0">
                    <a:pos x="1" y="56"/>
                  </a:cxn>
                  <a:cxn ang="0">
                    <a:pos x="0" y="60"/>
                  </a:cxn>
                  <a:cxn ang="0">
                    <a:pos x="4" y="66"/>
                  </a:cxn>
                  <a:cxn ang="0">
                    <a:pos x="9" y="70"/>
                  </a:cxn>
                  <a:cxn ang="0">
                    <a:pos x="15" y="86"/>
                  </a:cxn>
                  <a:cxn ang="0">
                    <a:pos x="24" y="99"/>
                  </a:cxn>
                  <a:cxn ang="0">
                    <a:pos x="32" y="100"/>
                  </a:cxn>
                  <a:cxn ang="0">
                    <a:pos x="39" y="101"/>
                  </a:cxn>
                  <a:cxn ang="0">
                    <a:pos x="46" y="99"/>
                  </a:cxn>
                  <a:cxn ang="0">
                    <a:pos x="53" y="96"/>
                  </a:cxn>
                  <a:cxn ang="0">
                    <a:pos x="64" y="86"/>
                  </a:cxn>
                  <a:cxn ang="0">
                    <a:pos x="74" y="75"/>
                  </a:cxn>
                  <a:cxn ang="0">
                    <a:pos x="84" y="65"/>
                  </a:cxn>
                  <a:cxn ang="0">
                    <a:pos x="93" y="55"/>
                  </a:cxn>
                  <a:cxn ang="0">
                    <a:pos x="102" y="43"/>
                  </a:cxn>
                  <a:cxn ang="0">
                    <a:pos x="110" y="31"/>
                  </a:cxn>
                  <a:cxn ang="0">
                    <a:pos x="109" y="17"/>
                  </a:cxn>
                </a:cxnLst>
                <a:rect l="0" t="0" r="r" b="b"/>
                <a:pathLst>
                  <a:path w="110" h="101">
                    <a:moveTo>
                      <a:pt x="109" y="17"/>
                    </a:moveTo>
                    <a:lnTo>
                      <a:pt x="101" y="17"/>
                    </a:lnTo>
                    <a:lnTo>
                      <a:pt x="93" y="17"/>
                    </a:lnTo>
                    <a:lnTo>
                      <a:pt x="85" y="16"/>
                    </a:lnTo>
                    <a:lnTo>
                      <a:pt x="79" y="14"/>
                    </a:lnTo>
                    <a:lnTo>
                      <a:pt x="71" y="9"/>
                    </a:lnTo>
                    <a:lnTo>
                      <a:pt x="63" y="4"/>
                    </a:lnTo>
                    <a:lnTo>
                      <a:pt x="59" y="1"/>
                    </a:lnTo>
                    <a:lnTo>
                      <a:pt x="55" y="0"/>
                    </a:lnTo>
                    <a:lnTo>
                      <a:pt x="50" y="0"/>
                    </a:lnTo>
                    <a:lnTo>
                      <a:pt x="45" y="1"/>
                    </a:lnTo>
                    <a:lnTo>
                      <a:pt x="42" y="3"/>
                    </a:lnTo>
                    <a:lnTo>
                      <a:pt x="41" y="5"/>
                    </a:lnTo>
                    <a:lnTo>
                      <a:pt x="39" y="8"/>
                    </a:lnTo>
                    <a:lnTo>
                      <a:pt x="39" y="12"/>
                    </a:lnTo>
                    <a:lnTo>
                      <a:pt x="36" y="18"/>
                    </a:lnTo>
                    <a:lnTo>
                      <a:pt x="35" y="25"/>
                    </a:lnTo>
                    <a:lnTo>
                      <a:pt x="31" y="29"/>
                    </a:lnTo>
                    <a:lnTo>
                      <a:pt x="26" y="34"/>
                    </a:lnTo>
                    <a:lnTo>
                      <a:pt x="20" y="38"/>
                    </a:lnTo>
                    <a:lnTo>
                      <a:pt x="15" y="42"/>
                    </a:lnTo>
                    <a:lnTo>
                      <a:pt x="9" y="47"/>
                    </a:lnTo>
                    <a:lnTo>
                      <a:pt x="5" y="51"/>
                    </a:lnTo>
                    <a:lnTo>
                      <a:pt x="1" y="56"/>
                    </a:lnTo>
                    <a:lnTo>
                      <a:pt x="0" y="60"/>
                    </a:lnTo>
                    <a:lnTo>
                      <a:pt x="4" y="66"/>
                    </a:lnTo>
                    <a:lnTo>
                      <a:pt x="9" y="70"/>
                    </a:lnTo>
                    <a:lnTo>
                      <a:pt x="15" y="86"/>
                    </a:lnTo>
                    <a:lnTo>
                      <a:pt x="24" y="99"/>
                    </a:lnTo>
                    <a:lnTo>
                      <a:pt x="32" y="100"/>
                    </a:lnTo>
                    <a:lnTo>
                      <a:pt x="39" y="101"/>
                    </a:lnTo>
                    <a:lnTo>
                      <a:pt x="46" y="99"/>
                    </a:lnTo>
                    <a:lnTo>
                      <a:pt x="53" y="96"/>
                    </a:lnTo>
                    <a:lnTo>
                      <a:pt x="64" y="86"/>
                    </a:lnTo>
                    <a:lnTo>
                      <a:pt x="74" y="75"/>
                    </a:lnTo>
                    <a:lnTo>
                      <a:pt x="84" y="65"/>
                    </a:lnTo>
                    <a:lnTo>
                      <a:pt x="93" y="55"/>
                    </a:lnTo>
                    <a:lnTo>
                      <a:pt x="102" y="43"/>
                    </a:lnTo>
                    <a:lnTo>
                      <a:pt x="110" y="31"/>
                    </a:lnTo>
                    <a:lnTo>
                      <a:pt x="109" y="17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24" name="Freeform 19"/>
              <p:cNvSpPr>
                <a:spLocks/>
              </p:cNvSpPr>
              <p:nvPr/>
            </p:nvSpPr>
            <p:spPr bwMode="auto">
              <a:xfrm>
                <a:off x="8448335" y="-180500"/>
                <a:ext cx="21860" cy="28901"/>
              </a:xfrm>
              <a:custGeom>
                <a:avLst/>
                <a:gdLst/>
                <a:ahLst/>
                <a:cxnLst>
                  <a:cxn ang="0">
                    <a:pos x="48" y="42"/>
                  </a:cxn>
                  <a:cxn ang="0">
                    <a:pos x="47" y="29"/>
                  </a:cxn>
                  <a:cxn ang="0">
                    <a:pos x="46" y="18"/>
                  </a:cxn>
                  <a:cxn ang="0">
                    <a:pos x="43" y="11"/>
                  </a:cxn>
                  <a:cxn ang="0">
                    <a:pos x="39" y="6"/>
                  </a:cxn>
                  <a:cxn ang="0">
                    <a:pos x="37" y="4"/>
                  </a:cxn>
                  <a:cxn ang="0">
                    <a:pos x="34" y="1"/>
                  </a:cxn>
                  <a:cxn ang="0">
                    <a:pos x="32" y="0"/>
                  </a:cxn>
                  <a:cxn ang="0">
                    <a:pos x="29" y="0"/>
                  </a:cxn>
                  <a:cxn ang="0">
                    <a:pos x="23" y="0"/>
                  </a:cxn>
                  <a:cxn ang="0">
                    <a:pos x="17" y="2"/>
                  </a:cxn>
                  <a:cxn ang="0">
                    <a:pos x="13" y="5"/>
                  </a:cxn>
                  <a:cxn ang="0">
                    <a:pos x="10" y="9"/>
                  </a:cxn>
                  <a:cxn ang="0">
                    <a:pos x="4" y="19"/>
                  </a:cxn>
                  <a:cxn ang="0">
                    <a:pos x="2" y="31"/>
                  </a:cxn>
                  <a:cxn ang="0">
                    <a:pos x="0" y="37"/>
                  </a:cxn>
                  <a:cxn ang="0">
                    <a:pos x="0" y="42"/>
                  </a:cxn>
                  <a:cxn ang="0">
                    <a:pos x="2" y="48"/>
                  </a:cxn>
                  <a:cxn ang="0">
                    <a:pos x="4" y="54"/>
                  </a:cxn>
                  <a:cxn ang="0">
                    <a:pos x="7" y="59"/>
                  </a:cxn>
                  <a:cxn ang="0">
                    <a:pos x="11" y="62"/>
                  </a:cxn>
                  <a:cxn ang="0">
                    <a:pos x="16" y="63"/>
                  </a:cxn>
                  <a:cxn ang="0">
                    <a:pos x="21" y="63"/>
                  </a:cxn>
                  <a:cxn ang="0">
                    <a:pos x="32" y="62"/>
                  </a:cxn>
                  <a:cxn ang="0">
                    <a:pos x="41" y="58"/>
                  </a:cxn>
                  <a:cxn ang="0">
                    <a:pos x="48" y="42"/>
                  </a:cxn>
                </a:cxnLst>
                <a:rect l="0" t="0" r="r" b="b"/>
                <a:pathLst>
                  <a:path w="48" h="63">
                    <a:moveTo>
                      <a:pt x="48" y="42"/>
                    </a:moveTo>
                    <a:lnTo>
                      <a:pt x="47" y="29"/>
                    </a:lnTo>
                    <a:lnTo>
                      <a:pt x="46" y="18"/>
                    </a:lnTo>
                    <a:lnTo>
                      <a:pt x="43" y="11"/>
                    </a:lnTo>
                    <a:lnTo>
                      <a:pt x="39" y="6"/>
                    </a:lnTo>
                    <a:lnTo>
                      <a:pt x="37" y="4"/>
                    </a:lnTo>
                    <a:lnTo>
                      <a:pt x="34" y="1"/>
                    </a:lnTo>
                    <a:lnTo>
                      <a:pt x="32" y="0"/>
                    </a:lnTo>
                    <a:lnTo>
                      <a:pt x="29" y="0"/>
                    </a:lnTo>
                    <a:lnTo>
                      <a:pt x="23" y="0"/>
                    </a:lnTo>
                    <a:lnTo>
                      <a:pt x="17" y="2"/>
                    </a:lnTo>
                    <a:lnTo>
                      <a:pt x="13" y="5"/>
                    </a:lnTo>
                    <a:lnTo>
                      <a:pt x="10" y="9"/>
                    </a:lnTo>
                    <a:lnTo>
                      <a:pt x="4" y="19"/>
                    </a:lnTo>
                    <a:lnTo>
                      <a:pt x="2" y="31"/>
                    </a:lnTo>
                    <a:lnTo>
                      <a:pt x="0" y="37"/>
                    </a:lnTo>
                    <a:lnTo>
                      <a:pt x="0" y="42"/>
                    </a:lnTo>
                    <a:lnTo>
                      <a:pt x="2" y="48"/>
                    </a:lnTo>
                    <a:lnTo>
                      <a:pt x="4" y="54"/>
                    </a:lnTo>
                    <a:lnTo>
                      <a:pt x="7" y="59"/>
                    </a:lnTo>
                    <a:lnTo>
                      <a:pt x="11" y="62"/>
                    </a:lnTo>
                    <a:lnTo>
                      <a:pt x="16" y="63"/>
                    </a:lnTo>
                    <a:lnTo>
                      <a:pt x="21" y="63"/>
                    </a:lnTo>
                    <a:lnTo>
                      <a:pt x="32" y="62"/>
                    </a:lnTo>
                    <a:lnTo>
                      <a:pt x="41" y="58"/>
                    </a:lnTo>
                    <a:lnTo>
                      <a:pt x="48" y="4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25" name="Freeform 20"/>
              <p:cNvSpPr>
                <a:spLocks/>
              </p:cNvSpPr>
              <p:nvPr/>
            </p:nvSpPr>
            <p:spPr bwMode="auto">
              <a:xfrm>
                <a:off x="8375468" y="-91991"/>
                <a:ext cx="61937" cy="50577"/>
              </a:xfrm>
              <a:custGeom>
                <a:avLst/>
                <a:gdLst/>
                <a:ahLst/>
                <a:cxnLst>
                  <a:cxn ang="0">
                    <a:pos x="35" y="110"/>
                  </a:cxn>
                  <a:cxn ang="0">
                    <a:pos x="44" y="113"/>
                  </a:cxn>
                  <a:cxn ang="0">
                    <a:pos x="54" y="113"/>
                  </a:cxn>
                  <a:cxn ang="0">
                    <a:pos x="66" y="113"/>
                  </a:cxn>
                  <a:cxn ang="0">
                    <a:pos x="79" y="113"/>
                  </a:cxn>
                  <a:cxn ang="0">
                    <a:pos x="91" y="110"/>
                  </a:cxn>
                  <a:cxn ang="0">
                    <a:pos x="102" y="108"/>
                  </a:cxn>
                  <a:cxn ang="0">
                    <a:pos x="111" y="104"/>
                  </a:cxn>
                  <a:cxn ang="0">
                    <a:pos x="119" y="98"/>
                  </a:cxn>
                  <a:cxn ang="0">
                    <a:pos x="126" y="92"/>
                  </a:cxn>
                  <a:cxn ang="0">
                    <a:pos x="131" y="87"/>
                  </a:cxn>
                  <a:cxn ang="0">
                    <a:pos x="133" y="82"/>
                  </a:cxn>
                  <a:cxn ang="0">
                    <a:pos x="135" y="76"/>
                  </a:cxn>
                  <a:cxn ang="0">
                    <a:pos x="133" y="65"/>
                  </a:cxn>
                  <a:cxn ang="0">
                    <a:pos x="129" y="49"/>
                  </a:cxn>
                  <a:cxn ang="0">
                    <a:pos x="128" y="38"/>
                  </a:cxn>
                  <a:cxn ang="0">
                    <a:pos x="126" y="23"/>
                  </a:cxn>
                  <a:cxn ang="0">
                    <a:pos x="124" y="17"/>
                  </a:cxn>
                  <a:cxn ang="0">
                    <a:pos x="122" y="10"/>
                  </a:cxn>
                  <a:cxn ang="0">
                    <a:pos x="118" y="5"/>
                  </a:cxn>
                  <a:cxn ang="0">
                    <a:pos x="111" y="3"/>
                  </a:cxn>
                  <a:cxn ang="0">
                    <a:pos x="107" y="0"/>
                  </a:cxn>
                  <a:cxn ang="0">
                    <a:pos x="102" y="0"/>
                  </a:cxn>
                  <a:cxn ang="0">
                    <a:pos x="100" y="1"/>
                  </a:cxn>
                  <a:cxn ang="0">
                    <a:pos x="96" y="3"/>
                  </a:cxn>
                  <a:cxn ang="0">
                    <a:pos x="92" y="6"/>
                  </a:cxn>
                  <a:cxn ang="0">
                    <a:pos x="88" y="14"/>
                  </a:cxn>
                  <a:cxn ang="0">
                    <a:pos x="85" y="21"/>
                  </a:cxn>
                  <a:cxn ang="0">
                    <a:pos x="83" y="28"/>
                  </a:cxn>
                  <a:cxn ang="0">
                    <a:pos x="79" y="36"/>
                  </a:cxn>
                  <a:cxn ang="0">
                    <a:pos x="74" y="41"/>
                  </a:cxn>
                  <a:cxn ang="0">
                    <a:pos x="57" y="47"/>
                  </a:cxn>
                  <a:cxn ang="0">
                    <a:pos x="40" y="52"/>
                  </a:cxn>
                  <a:cxn ang="0">
                    <a:pos x="34" y="54"/>
                  </a:cxn>
                  <a:cxn ang="0">
                    <a:pos x="27" y="58"/>
                  </a:cxn>
                  <a:cxn ang="0">
                    <a:pos x="22" y="63"/>
                  </a:cxn>
                  <a:cxn ang="0">
                    <a:pos x="17" y="69"/>
                  </a:cxn>
                  <a:cxn ang="0">
                    <a:pos x="9" y="79"/>
                  </a:cxn>
                  <a:cxn ang="0">
                    <a:pos x="1" y="91"/>
                  </a:cxn>
                  <a:cxn ang="0">
                    <a:pos x="0" y="96"/>
                  </a:cxn>
                  <a:cxn ang="0">
                    <a:pos x="1" y="100"/>
                  </a:cxn>
                  <a:cxn ang="0">
                    <a:pos x="2" y="102"/>
                  </a:cxn>
                  <a:cxn ang="0">
                    <a:pos x="6" y="105"/>
                  </a:cxn>
                  <a:cxn ang="0">
                    <a:pos x="14" y="109"/>
                  </a:cxn>
                  <a:cxn ang="0">
                    <a:pos x="22" y="113"/>
                  </a:cxn>
                  <a:cxn ang="0">
                    <a:pos x="35" y="110"/>
                  </a:cxn>
                </a:cxnLst>
                <a:rect l="0" t="0" r="r" b="b"/>
                <a:pathLst>
                  <a:path w="135" h="113">
                    <a:moveTo>
                      <a:pt x="35" y="110"/>
                    </a:moveTo>
                    <a:lnTo>
                      <a:pt x="44" y="113"/>
                    </a:lnTo>
                    <a:lnTo>
                      <a:pt x="54" y="113"/>
                    </a:lnTo>
                    <a:lnTo>
                      <a:pt x="66" y="113"/>
                    </a:lnTo>
                    <a:lnTo>
                      <a:pt x="79" y="113"/>
                    </a:lnTo>
                    <a:lnTo>
                      <a:pt x="91" y="110"/>
                    </a:lnTo>
                    <a:lnTo>
                      <a:pt x="102" y="108"/>
                    </a:lnTo>
                    <a:lnTo>
                      <a:pt x="111" y="104"/>
                    </a:lnTo>
                    <a:lnTo>
                      <a:pt x="119" y="98"/>
                    </a:lnTo>
                    <a:lnTo>
                      <a:pt x="126" y="92"/>
                    </a:lnTo>
                    <a:lnTo>
                      <a:pt x="131" y="87"/>
                    </a:lnTo>
                    <a:lnTo>
                      <a:pt x="133" y="82"/>
                    </a:lnTo>
                    <a:lnTo>
                      <a:pt x="135" y="76"/>
                    </a:lnTo>
                    <a:lnTo>
                      <a:pt x="133" y="65"/>
                    </a:lnTo>
                    <a:lnTo>
                      <a:pt x="129" y="49"/>
                    </a:lnTo>
                    <a:lnTo>
                      <a:pt x="128" y="38"/>
                    </a:lnTo>
                    <a:lnTo>
                      <a:pt x="126" y="23"/>
                    </a:lnTo>
                    <a:lnTo>
                      <a:pt x="124" y="17"/>
                    </a:lnTo>
                    <a:lnTo>
                      <a:pt x="122" y="10"/>
                    </a:lnTo>
                    <a:lnTo>
                      <a:pt x="118" y="5"/>
                    </a:lnTo>
                    <a:lnTo>
                      <a:pt x="111" y="3"/>
                    </a:lnTo>
                    <a:lnTo>
                      <a:pt x="107" y="0"/>
                    </a:lnTo>
                    <a:lnTo>
                      <a:pt x="102" y="0"/>
                    </a:lnTo>
                    <a:lnTo>
                      <a:pt x="100" y="1"/>
                    </a:lnTo>
                    <a:lnTo>
                      <a:pt x="96" y="3"/>
                    </a:lnTo>
                    <a:lnTo>
                      <a:pt x="92" y="6"/>
                    </a:lnTo>
                    <a:lnTo>
                      <a:pt x="88" y="14"/>
                    </a:lnTo>
                    <a:lnTo>
                      <a:pt x="85" y="21"/>
                    </a:lnTo>
                    <a:lnTo>
                      <a:pt x="83" y="28"/>
                    </a:lnTo>
                    <a:lnTo>
                      <a:pt x="79" y="36"/>
                    </a:lnTo>
                    <a:lnTo>
                      <a:pt x="74" y="41"/>
                    </a:lnTo>
                    <a:lnTo>
                      <a:pt x="57" y="47"/>
                    </a:lnTo>
                    <a:lnTo>
                      <a:pt x="40" y="52"/>
                    </a:lnTo>
                    <a:lnTo>
                      <a:pt x="34" y="54"/>
                    </a:lnTo>
                    <a:lnTo>
                      <a:pt x="27" y="58"/>
                    </a:lnTo>
                    <a:lnTo>
                      <a:pt x="22" y="63"/>
                    </a:lnTo>
                    <a:lnTo>
                      <a:pt x="17" y="69"/>
                    </a:lnTo>
                    <a:lnTo>
                      <a:pt x="9" y="79"/>
                    </a:lnTo>
                    <a:lnTo>
                      <a:pt x="1" y="91"/>
                    </a:lnTo>
                    <a:lnTo>
                      <a:pt x="0" y="96"/>
                    </a:lnTo>
                    <a:lnTo>
                      <a:pt x="1" y="100"/>
                    </a:lnTo>
                    <a:lnTo>
                      <a:pt x="2" y="102"/>
                    </a:lnTo>
                    <a:lnTo>
                      <a:pt x="6" y="105"/>
                    </a:lnTo>
                    <a:lnTo>
                      <a:pt x="14" y="109"/>
                    </a:lnTo>
                    <a:lnTo>
                      <a:pt x="22" y="113"/>
                    </a:lnTo>
                    <a:lnTo>
                      <a:pt x="35" y="110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26" name="Freeform 21"/>
              <p:cNvSpPr>
                <a:spLocks/>
              </p:cNvSpPr>
              <p:nvPr/>
            </p:nvSpPr>
            <p:spPr bwMode="auto">
              <a:xfrm>
                <a:off x="8278919" y="-21545"/>
                <a:ext cx="80154" cy="93928"/>
              </a:xfrm>
              <a:custGeom>
                <a:avLst/>
                <a:gdLst/>
                <a:ahLst/>
                <a:cxnLst>
                  <a:cxn ang="0">
                    <a:pos x="146" y="81"/>
                  </a:cxn>
                  <a:cxn ang="0">
                    <a:pos x="149" y="74"/>
                  </a:cxn>
                  <a:cxn ang="0">
                    <a:pos x="155" y="69"/>
                  </a:cxn>
                  <a:cxn ang="0">
                    <a:pos x="168" y="57"/>
                  </a:cxn>
                  <a:cxn ang="0">
                    <a:pos x="175" y="43"/>
                  </a:cxn>
                  <a:cxn ang="0">
                    <a:pos x="175" y="35"/>
                  </a:cxn>
                  <a:cxn ang="0">
                    <a:pos x="169" y="32"/>
                  </a:cxn>
                  <a:cxn ang="0">
                    <a:pos x="134" y="34"/>
                  </a:cxn>
                  <a:cxn ang="0">
                    <a:pos x="114" y="11"/>
                  </a:cxn>
                  <a:cxn ang="0">
                    <a:pos x="99" y="0"/>
                  </a:cxn>
                  <a:cxn ang="0">
                    <a:pos x="93" y="2"/>
                  </a:cxn>
                  <a:cxn ang="0">
                    <a:pos x="88" y="7"/>
                  </a:cxn>
                  <a:cxn ang="0">
                    <a:pos x="80" y="19"/>
                  </a:cxn>
                  <a:cxn ang="0">
                    <a:pos x="70" y="24"/>
                  </a:cxn>
                  <a:cxn ang="0">
                    <a:pos x="45" y="30"/>
                  </a:cxn>
                  <a:cxn ang="0">
                    <a:pos x="31" y="37"/>
                  </a:cxn>
                  <a:cxn ang="0">
                    <a:pos x="29" y="39"/>
                  </a:cxn>
                  <a:cxn ang="0">
                    <a:pos x="31" y="43"/>
                  </a:cxn>
                  <a:cxn ang="0">
                    <a:pos x="48" y="60"/>
                  </a:cxn>
                  <a:cxn ang="0">
                    <a:pos x="48" y="69"/>
                  </a:cxn>
                  <a:cxn ang="0">
                    <a:pos x="41" y="77"/>
                  </a:cxn>
                  <a:cxn ang="0">
                    <a:pos x="28" y="95"/>
                  </a:cxn>
                  <a:cxn ang="0">
                    <a:pos x="28" y="109"/>
                  </a:cxn>
                  <a:cxn ang="0">
                    <a:pos x="26" y="113"/>
                  </a:cxn>
                  <a:cxn ang="0">
                    <a:pos x="18" y="116"/>
                  </a:cxn>
                  <a:cxn ang="0">
                    <a:pos x="2" y="124"/>
                  </a:cxn>
                  <a:cxn ang="0">
                    <a:pos x="0" y="130"/>
                  </a:cxn>
                  <a:cxn ang="0">
                    <a:pos x="5" y="135"/>
                  </a:cxn>
                  <a:cxn ang="0">
                    <a:pos x="20" y="140"/>
                  </a:cxn>
                  <a:cxn ang="0">
                    <a:pos x="32" y="148"/>
                  </a:cxn>
                  <a:cxn ang="0">
                    <a:pos x="13" y="162"/>
                  </a:cxn>
                  <a:cxn ang="0">
                    <a:pos x="4" y="173"/>
                  </a:cxn>
                  <a:cxn ang="0">
                    <a:pos x="2" y="178"/>
                  </a:cxn>
                  <a:cxn ang="0">
                    <a:pos x="6" y="182"/>
                  </a:cxn>
                  <a:cxn ang="0">
                    <a:pos x="27" y="187"/>
                  </a:cxn>
                  <a:cxn ang="0">
                    <a:pos x="35" y="191"/>
                  </a:cxn>
                  <a:cxn ang="0">
                    <a:pos x="40" y="201"/>
                  </a:cxn>
                  <a:cxn ang="0">
                    <a:pos x="45" y="209"/>
                  </a:cxn>
                  <a:cxn ang="0">
                    <a:pos x="50" y="210"/>
                  </a:cxn>
                  <a:cxn ang="0">
                    <a:pos x="61" y="199"/>
                  </a:cxn>
                  <a:cxn ang="0">
                    <a:pos x="79" y="168"/>
                  </a:cxn>
                  <a:cxn ang="0">
                    <a:pos x="103" y="144"/>
                  </a:cxn>
                  <a:cxn ang="0">
                    <a:pos x="124" y="135"/>
                  </a:cxn>
                </a:cxnLst>
                <a:rect l="0" t="0" r="r" b="b"/>
                <a:pathLst>
                  <a:path w="175" h="210">
                    <a:moveTo>
                      <a:pt x="146" y="129"/>
                    </a:moveTo>
                    <a:lnTo>
                      <a:pt x="146" y="81"/>
                    </a:lnTo>
                    <a:lnTo>
                      <a:pt x="146" y="78"/>
                    </a:lnTo>
                    <a:lnTo>
                      <a:pt x="149" y="74"/>
                    </a:lnTo>
                    <a:lnTo>
                      <a:pt x="151" y="72"/>
                    </a:lnTo>
                    <a:lnTo>
                      <a:pt x="155" y="69"/>
                    </a:lnTo>
                    <a:lnTo>
                      <a:pt x="163" y="63"/>
                    </a:lnTo>
                    <a:lnTo>
                      <a:pt x="168" y="57"/>
                    </a:lnTo>
                    <a:lnTo>
                      <a:pt x="172" y="51"/>
                    </a:lnTo>
                    <a:lnTo>
                      <a:pt x="175" y="43"/>
                    </a:lnTo>
                    <a:lnTo>
                      <a:pt x="175" y="39"/>
                    </a:lnTo>
                    <a:lnTo>
                      <a:pt x="175" y="35"/>
                    </a:lnTo>
                    <a:lnTo>
                      <a:pt x="173" y="33"/>
                    </a:lnTo>
                    <a:lnTo>
                      <a:pt x="169" y="32"/>
                    </a:lnTo>
                    <a:lnTo>
                      <a:pt x="151" y="34"/>
                    </a:lnTo>
                    <a:lnTo>
                      <a:pt x="134" y="34"/>
                    </a:lnTo>
                    <a:lnTo>
                      <a:pt x="125" y="26"/>
                    </a:lnTo>
                    <a:lnTo>
                      <a:pt x="114" y="11"/>
                    </a:lnTo>
                    <a:lnTo>
                      <a:pt x="106" y="4"/>
                    </a:lnTo>
                    <a:lnTo>
                      <a:pt x="99" y="0"/>
                    </a:lnTo>
                    <a:lnTo>
                      <a:pt x="97" y="0"/>
                    </a:lnTo>
                    <a:lnTo>
                      <a:pt x="93" y="2"/>
                    </a:lnTo>
                    <a:lnTo>
                      <a:pt x="90" y="3"/>
                    </a:lnTo>
                    <a:lnTo>
                      <a:pt x="88" y="7"/>
                    </a:lnTo>
                    <a:lnTo>
                      <a:pt x="84" y="13"/>
                    </a:lnTo>
                    <a:lnTo>
                      <a:pt x="80" y="19"/>
                    </a:lnTo>
                    <a:lnTo>
                      <a:pt x="75" y="21"/>
                    </a:lnTo>
                    <a:lnTo>
                      <a:pt x="70" y="24"/>
                    </a:lnTo>
                    <a:lnTo>
                      <a:pt x="58" y="28"/>
                    </a:lnTo>
                    <a:lnTo>
                      <a:pt x="45" y="30"/>
                    </a:lnTo>
                    <a:lnTo>
                      <a:pt x="35" y="34"/>
                    </a:lnTo>
                    <a:lnTo>
                      <a:pt x="31" y="37"/>
                    </a:lnTo>
                    <a:lnTo>
                      <a:pt x="29" y="38"/>
                    </a:lnTo>
                    <a:lnTo>
                      <a:pt x="29" y="39"/>
                    </a:lnTo>
                    <a:lnTo>
                      <a:pt x="29" y="41"/>
                    </a:lnTo>
                    <a:lnTo>
                      <a:pt x="31" y="43"/>
                    </a:lnTo>
                    <a:lnTo>
                      <a:pt x="40" y="50"/>
                    </a:lnTo>
                    <a:lnTo>
                      <a:pt x="48" y="60"/>
                    </a:lnTo>
                    <a:lnTo>
                      <a:pt x="49" y="64"/>
                    </a:lnTo>
                    <a:lnTo>
                      <a:pt x="48" y="69"/>
                    </a:lnTo>
                    <a:lnTo>
                      <a:pt x="45" y="73"/>
                    </a:lnTo>
                    <a:lnTo>
                      <a:pt x="41" y="77"/>
                    </a:lnTo>
                    <a:lnTo>
                      <a:pt x="33" y="86"/>
                    </a:lnTo>
                    <a:lnTo>
                      <a:pt x="28" y="95"/>
                    </a:lnTo>
                    <a:lnTo>
                      <a:pt x="28" y="103"/>
                    </a:lnTo>
                    <a:lnTo>
                      <a:pt x="28" y="109"/>
                    </a:lnTo>
                    <a:lnTo>
                      <a:pt x="28" y="112"/>
                    </a:lnTo>
                    <a:lnTo>
                      <a:pt x="26" y="113"/>
                    </a:lnTo>
                    <a:lnTo>
                      <a:pt x="23" y="114"/>
                    </a:lnTo>
                    <a:lnTo>
                      <a:pt x="18" y="116"/>
                    </a:lnTo>
                    <a:lnTo>
                      <a:pt x="10" y="118"/>
                    </a:lnTo>
                    <a:lnTo>
                      <a:pt x="2" y="124"/>
                    </a:lnTo>
                    <a:lnTo>
                      <a:pt x="0" y="126"/>
                    </a:lnTo>
                    <a:lnTo>
                      <a:pt x="0" y="130"/>
                    </a:lnTo>
                    <a:lnTo>
                      <a:pt x="1" y="133"/>
                    </a:lnTo>
                    <a:lnTo>
                      <a:pt x="5" y="135"/>
                    </a:lnTo>
                    <a:lnTo>
                      <a:pt x="11" y="136"/>
                    </a:lnTo>
                    <a:lnTo>
                      <a:pt x="20" y="140"/>
                    </a:lnTo>
                    <a:lnTo>
                      <a:pt x="27" y="144"/>
                    </a:lnTo>
                    <a:lnTo>
                      <a:pt x="32" y="148"/>
                    </a:lnTo>
                    <a:lnTo>
                      <a:pt x="26" y="153"/>
                    </a:lnTo>
                    <a:lnTo>
                      <a:pt x="13" y="162"/>
                    </a:lnTo>
                    <a:lnTo>
                      <a:pt x="7" y="168"/>
                    </a:lnTo>
                    <a:lnTo>
                      <a:pt x="4" y="173"/>
                    </a:lnTo>
                    <a:lnTo>
                      <a:pt x="2" y="175"/>
                    </a:lnTo>
                    <a:lnTo>
                      <a:pt x="2" y="178"/>
                    </a:lnTo>
                    <a:lnTo>
                      <a:pt x="4" y="181"/>
                    </a:lnTo>
                    <a:lnTo>
                      <a:pt x="6" y="182"/>
                    </a:lnTo>
                    <a:lnTo>
                      <a:pt x="18" y="186"/>
                    </a:lnTo>
                    <a:lnTo>
                      <a:pt x="27" y="187"/>
                    </a:lnTo>
                    <a:lnTo>
                      <a:pt x="31" y="188"/>
                    </a:lnTo>
                    <a:lnTo>
                      <a:pt x="35" y="191"/>
                    </a:lnTo>
                    <a:lnTo>
                      <a:pt x="37" y="195"/>
                    </a:lnTo>
                    <a:lnTo>
                      <a:pt x="40" y="201"/>
                    </a:lnTo>
                    <a:lnTo>
                      <a:pt x="42" y="205"/>
                    </a:lnTo>
                    <a:lnTo>
                      <a:pt x="45" y="209"/>
                    </a:lnTo>
                    <a:lnTo>
                      <a:pt x="48" y="210"/>
                    </a:lnTo>
                    <a:lnTo>
                      <a:pt x="50" y="210"/>
                    </a:lnTo>
                    <a:lnTo>
                      <a:pt x="55" y="205"/>
                    </a:lnTo>
                    <a:lnTo>
                      <a:pt x="61" y="199"/>
                    </a:lnTo>
                    <a:lnTo>
                      <a:pt x="71" y="179"/>
                    </a:lnTo>
                    <a:lnTo>
                      <a:pt x="79" y="168"/>
                    </a:lnTo>
                    <a:lnTo>
                      <a:pt x="90" y="155"/>
                    </a:lnTo>
                    <a:lnTo>
                      <a:pt x="103" y="144"/>
                    </a:lnTo>
                    <a:lnTo>
                      <a:pt x="112" y="139"/>
                    </a:lnTo>
                    <a:lnTo>
                      <a:pt x="124" y="135"/>
                    </a:lnTo>
                    <a:lnTo>
                      <a:pt x="146" y="129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27" name="Freeform 22"/>
              <p:cNvSpPr>
                <a:spLocks/>
              </p:cNvSpPr>
              <p:nvPr/>
            </p:nvSpPr>
            <p:spPr bwMode="auto">
              <a:xfrm>
                <a:off x="8167795" y="16387"/>
                <a:ext cx="76511" cy="70446"/>
              </a:xfrm>
              <a:custGeom>
                <a:avLst/>
                <a:gdLst/>
                <a:ahLst/>
                <a:cxnLst>
                  <a:cxn ang="0">
                    <a:pos x="40" y="58"/>
                  </a:cxn>
                  <a:cxn ang="0">
                    <a:pos x="52" y="46"/>
                  </a:cxn>
                  <a:cxn ang="0">
                    <a:pos x="62" y="33"/>
                  </a:cxn>
                  <a:cxn ang="0">
                    <a:pos x="67" y="27"/>
                  </a:cxn>
                  <a:cxn ang="0">
                    <a:pos x="73" y="20"/>
                  </a:cxn>
                  <a:cxn ang="0">
                    <a:pos x="79" y="15"/>
                  </a:cxn>
                  <a:cxn ang="0">
                    <a:pos x="86" y="11"/>
                  </a:cxn>
                  <a:cxn ang="0">
                    <a:pos x="92" y="9"/>
                  </a:cxn>
                  <a:cxn ang="0">
                    <a:pos x="102" y="6"/>
                  </a:cxn>
                  <a:cxn ang="0">
                    <a:pos x="114" y="4"/>
                  </a:cxn>
                  <a:cxn ang="0">
                    <a:pos x="127" y="1"/>
                  </a:cxn>
                  <a:cxn ang="0">
                    <a:pos x="140" y="0"/>
                  </a:cxn>
                  <a:cxn ang="0">
                    <a:pos x="152" y="0"/>
                  </a:cxn>
                  <a:cxn ang="0">
                    <a:pos x="159" y="0"/>
                  </a:cxn>
                  <a:cxn ang="0">
                    <a:pos x="166" y="2"/>
                  </a:cxn>
                  <a:cxn ang="0">
                    <a:pos x="163" y="9"/>
                  </a:cxn>
                  <a:cxn ang="0">
                    <a:pos x="159" y="15"/>
                  </a:cxn>
                  <a:cxn ang="0">
                    <a:pos x="153" y="23"/>
                  </a:cxn>
                  <a:cxn ang="0">
                    <a:pos x="145" y="29"/>
                  </a:cxn>
                  <a:cxn ang="0">
                    <a:pos x="128" y="41"/>
                  </a:cxn>
                  <a:cxn ang="0">
                    <a:pos x="115" y="50"/>
                  </a:cxn>
                  <a:cxn ang="0">
                    <a:pos x="105" y="58"/>
                  </a:cxn>
                  <a:cxn ang="0">
                    <a:pos x="96" y="68"/>
                  </a:cxn>
                  <a:cxn ang="0">
                    <a:pos x="92" y="73"/>
                  </a:cxn>
                  <a:cxn ang="0">
                    <a:pos x="88" y="80"/>
                  </a:cxn>
                  <a:cxn ang="0">
                    <a:pos x="86" y="85"/>
                  </a:cxn>
                  <a:cxn ang="0">
                    <a:pos x="83" y="92"/>
                  </a:cxn>
                  <a:cxn ang="0">
                    <a:pos x="82" y="98"/>
                  </a:cxn>
                  <a:cxn ang="0">
                    <a:pos x="79" y="106"/>
                  </a:cxn>
                  <a:cxn ang="0">
                    <a:pos x="77" y="112"/>
                  </a:cxn>
                  <a:cxn ang="0">
                    <a:pos x="73" y="119"/>
                  </a:cxn>
                  <a:cxn ang="0">
                    <a:pos x="67" y="124"/>
                  </a:cxn>
                  <a:cxn ang="0">
                    <a:pos x="64" y="125"/>
                  </a:cxn>
                  <a:cxn ang="0">
                    <a:pos x="60" y="125"/>
                  </a:cxn>
                  <a:cxn ang="0">
                    <a:pos x="55" y="125"/>
                  </a:cxn>
                  <a:cxn ang="0">
                    <a:pos x="51" y="124"/>
                  </a:cxn>
                  <a:cxn ang="0">
                    <a:pos x="47" y="124"/>
                  </a:cxn>
                  <a:cxn ang="0">
                    <a:pos x="43" y="125"/>
                  </a:cxn>
                  <a:cxn ang="0">
                    <a:pos x="39" y="128"/>
                  </a:cxn>
                  <a:cxn ang="0">
                    <a:pos x="33" y="138"/>
                  </a:cxn>
                  <a:cxn ang="0">
                    <a:pos x="27" y="147"/>
                  </a:cxn>
                  <a:cxn ang="0">
                    <a:pos x="23" y="151"/>
                  </a:cxn>
                  <a:cxn ang="0">
                    <a:pos x="20" y="154"/>
                  </a:cxn>
                  <a:cxn ang="0">
                    <a:pos x="14" y="156"/>
                  </a:cxn>
                  <a:cxn ang="0">
                    <a:pos x="7" y="156"/>
                  </a:cxn>
                  <a:cxn ang="0">
                    <a:pos x="4" y="154"/>
                  </a:cxn>
                  <a:cxn ang="0">
                    <a:pos x="1" y="149"/>
                  </a:cxn>
                  <a:cxn ang="0">
                    <a:pos x="1" y="145"/>
                  </a:cxn>
                  <a:cxn ang="0">
                    <a:pos x="0" y="140"/>
                  </a:cxn>
                  <a:cxn ang="0">
                    <a:pos x="1" y="128"/>
                  </a:cxn>
                  <a:cxn ang="0">
                    <a:pos x="4" y="118"/>
                  </a:cxn>
                  <a:cxn ang="0">
                    <a:pos x="14" y="96"/>
                  </a:cxn>
                  <a:cxn ang="0">
                    <a:pos x="23" y="79"/>
                  </a:cxn>
                  <a:cxn ang="0">
                    <a:pos x="40" y="58"/>
                  </a:cxn>
                </a:cxnLst>
                <a:rect l="0" t="0" r="r" b="b"/>
                <a:pathLst>
                  <a:path w="166" h="156">
                    <a:moveTo>
                      <a:pt x="40" y="58"/>
                    </a:moveTo>
                    <a:lnTo>
                      <a:pt x="52" y="46"/>
                    </a:lnTo>
                    <a:lnTo>
                      <a:pt x="62" y="33"/>
                    </a:lnTo>
                    <a:lnTo>
                      <a:pt x="67" y="27"/>
                    </a:lnTo>
                    <a:lnTo>
                      <a:pt x="73" y="20"/>
                    </a:lnTo>
                    <a:lnTo>
                      <a:pt x="79" y="15"/>
                    </a:lnTo>
                    <a:lnTo>
                      <a:pt x="86" y="11"/>
                    </a:lnTo>
                    <a:lnTo>
                      <a:pt x="92" y="9"/>
                    </a:lnTo>
                    <a:lnTo>
                      <a:pt x="102" y="6"/>
                    </a:lnTo>
                    <a:lnTo>
                      <a:pt x="114" y="4"/>
                    </a:lnTo>
                    <a:lnTo>
                      <a:pt x="127" y="1"/>
                    </a:lnTo>
                    <a:lnTo>
                      <a:pt x="140" y="0"/>
                    </a:lnTo>
                    <a:lnTo>
                      <a:pt x="152" y="0"/>
                    </a:lnTo>
                    <a:lnTo>
                      <a:pt x="159" y="0"/>
                    </a:lnTo>
                    <a:lnTo>
                      <a:pt x="166" y="2"/>
                    </a:lnTo>
                    <a:lnTo>
                      <a:pt x="163" y="9"/>
                    </a:lnTo>
                    <a:lnTo>
                      <a:pt x="159" y="15"/>
                    </a:lnTo>
                    <a:lnTo>
                      <a:pt x="153" y="23"/>
                    </a:lnTo>
                    <a:lnTo>
                      <a:pt x="145" y="29"/>
                    </a:lnTo>
                    <a:lnTo>
                      <a:pt x="128" y="41"/>
                    </a:lnTo>
                    <a:lnTo>
                      <a:pt x="115" y="50"/>
                    </a:lnTo>
                    <a:lnTo>
                      <a:pt x="105" y="58"/>
                    </a:lnTo>
                    <a:lnTo>
                      <a:pt x="96" y="68"/>
                    </a:lnTo>
                    <a:lnTo>
                      <a:pt x="92" y="73"/>
                    </a:lnTo>
                    <a:lnTo>
                      <a:pt x="88" y="80"/>
                    </a:lnTo>
                    <a:lnTo>
                      <a:pt x="86" y="85"/>
                    </a:lnTo>
                    <a:lnTo>
                      <a:pt x="83" y="92"/>
                    </a:lnTo>
                    <a:lnTo>
                      <a:pt x="82" y="98"/>
                    </a:lnTo>
                    <a:lnTo>
                      <a:pt x="79" y="106"/>
                    </a:lnTo>
                    <a:lnTo>
                      <a:pt x="77" y="112"/>
                    </a:lnTo>
                    <a:lnTo>
                      <a:pt x="73" y="119"/>
                    </a:lnTo>
                    <a:lnTo>
                      <a:pt x="67" y="124"/>
                    </a:lnTo>
                    <a:lnTo>
                      <a:pt x="64" y="125"/>
                    </a:lnTo>
                    <a:lnTo>
                      <a:pt x="60" y="125"/>
                    </a:lnTo>
                    <a:lnTo>
                      <a:pt x="55" y="125"/>
                    </a:lnTo>
                    <a:lnTo>
                      <a:pt x="51" y="124"/>
                    </a:lnTo>
                    <a:lnTo>
                      <a:pt x="47" y="124"/>
                    </a:lnTo>
                    <a:lnTo>
                      <a:pt x="43" y="125"/>
                    </a:lnTo>
                    <a:lnTo>
                      <a:pt x="39" y="128"/>
                    </a:lnTo>
                    <a:lnTo>
                      <a:pt x="33" y="138"/>
                    </a:lnTo>
                    <a:lnTo>
                      <a:pt x="27" y="147"/>
                    </a:lnTo>
                    <a:lnTo>
                      <a:pt x="23" y="151"/>
                    </a:lnTo>
                    <a:lnTo>
                      <a:pt x="20" y="154"/>
                    </a:lnTo>
                    <a:lnTo>
                      <a:pt x="14" y="156"/>
                    </a:lnTo>
                    <a:lnTo>
                      <a:pt x="7" y="156"/>
                    </a:lnTo>
                    <a:lnTo>
                      <a:pt x="4" y="154"/>
                    </a:lnTo>
                    <a:lnTo>
                      <a:pt x="1" y="149"/>
                    </a:lnTo>
                    <a:lnTo>
                      <a:pt x="1" y="145"/>
                    </a:lnTo>
                    <a:lnTo>
                      <a:pt x="0" y="140"/>
                    </a:lnTo>
                    <a:lnTo>
                      <a:pt x="1" y="128"/>
                    </a:lnTo>
                    <a:lnTo>
                      <a:pt x="4" y="118"/>
                    </a:lnTo>
                    <a:lnTo>
                      <a:pt x="14" y="96"/>
                    </a:lnTo>
                    <a:lnTo>
                      <a:pt x="23" y="79"/>
                    </a:lnTo>
                    <a:lnTo>
                      <a:pt x="40" y="5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28" name="Freeform 23"/>
              <p:cNvSpPr>
                <a:spLocks/>
              </p:cNvSpPr>
              <p:nvPr/>
            </p:nvSpPr>
            <p:spPr bwMode="auto">
              <a:xfrm>
                <a:off x="8085819" y="106702"/>
                <a:ext cx="38256" cy="37933"/>
              </a:xfrm>
              <a:custGeom>
                <a:avLst/>
                <a:gdLst/>
                <a:ahLst/>
                <a:cxnLst>
                  <a:cxn ang="0">
                    <a:pos x="83" y="36"/>
                  </a:cxn>
                  <a:cxn ang="0">
                    <a:pos x="80" y="39"/>
                  </a:cxn>
                  <a:cxn ang="0">
                    <a:pos x="78" y="39"/>
                  </a:cxn>
                  <a:cxn ang="0">
                    <a:pos x="75" y="39"/>
                  </a:cxn>
                  <a:cxn ang="0">
                    <a:pos x="73" y="39"/>
                  </a:cxn>
                  <a:cxn ang="0">
                    <a:pos x="67" y="35"/>
                  </a:cxn>
                  <a:cxn ang="0">
                    <a:pos x="64" y="30"/>
                  </a:cxn>
                  <a:cxn ang="0">
                    <a:pos x="54" y="17"/>
                  </a:cxn>
                  <a:cxn ang="0">
                    <a:pos x="49" y="9"/>
                  </a:cxn>
                  <a:cxn ang="0">
                    <a:pos x="45" y="6"/>
                  </a:cxn>
                  <a:cxn ang="0">
                    <a:pos x="42" y="4"/>
                  </a:cxn>
                  <a:cxn ang="0">
                    <a:pos x="36" y="1"/>
                  </a:cxn>
                  <a:cxn ang="0">
                    <a:pos x="32" y="0"/>
                  </a:cxn>
                  <a:cxn ang="0">
                    <a:pos x="27" y="1"/>
                  </a:cxn>
                  <a:cxn ang="0">
                    <a:pos x="25" y="2"/>
                  </a:cxn>
                  <a:cxn ang="0">
                    <a:pos x="22" y="6"/>
                  </a:cxn>
                  <a:cxn ang="0">
                    <a:pos x="21" y="13"/>
                  </a:cxn>
                  <a:cxn ang="0">
                    <a:pos x="18" y="19"/>
                  </a:cxn>
                  <a:cxn ang="0">
                    <a:pos x="14" y="26"/>
                  </a:cxn>
                  <a:cxn ang="0">
                    <a:pos x="9" y="32"/>
                  </a:cxn>
                  <a:cxn ang="0">
                    <a:pos x="5" y="39"/>
                  </a:cxn>
                  <a:cxn ang="0">
                    <a:pos x="1" y="46"/>
                  </a:cxn>
                  <a:cxn ang="0">
                    <a:pos x="0" y="54"/>
                  </a:cxn>
                  <a:cxn ang="0">
                    <a:pos x="0" y="62"/>
                  </a:cxn>
                  <a:cxn ang="0">
                    <a:pos x="0" y="68"/>
                  </a:cxn>
                  <a:cxn ang="0">
                    <a:pos x="3" y="74"/>
                  </a:cxn>
                  <a:cxn ang="0">
                    <a:pos x="8" y="79"/>
                  </a:cxn>
                  <a:cxn ang="0">
                    <a:pos x="14" y="81"/>
                  </a:cxn>
                  <a:cxn ang="0">
                    <a:pos x="23" y="83"/>
                  </a:cxn>
                  <a:cxn ang="0">
                    <a:pos x="31" y="81"/>
                  </a:cxn>
                  <a:cxn ang="0">
                    <a:pos x="38" y="79"/>
                  </a:cxn>
                  <a:cxn ang="0">
                    <a:pos x="43" y="74"/>
                  </a:cxn>
                  <a:cxn ang="0">
                    <a:pos x="48" y="68"/>
                  </a:cxn>
                  <a:cxn ang="0">
                    <a:pos x="52" y="63"/>
                  </a:cxn>
                  <a:cxn ang="0">
                    <a:pos x="57" y="58"/>
                  </a:cxn>
                  <a:cxn ang="0">
                    <a:pos x="62" y="54"/>
                  </a:cxn>
                  <a:cxn ang="0">
                    <a:pos x="69" y="50"/>
                  </a:cxn>
                  <a:cxn ang="0">
                    <a:pos x="83" y="36"/>
                  </a:cxn>
                </a:cxnLst>
                <a:rect l="0" t="0" r="r" b="b"/>
                <a:pathLst>
                  <a:path w="83" h="83">
                    <a:moveTo>
                      <a:pt x="83" y="36"/>
                    </a:moveTo>
                    <a:lnTo>
                      <a:pt x="80" y="39"/>
                    </a:lnTo>
                    <a:lnTo>
                      <a:pt x="78" y="39"/>
                    </a:lnTo>
                    <a:lnTo>
                      <a:pt x="75" y="39"/>
                    </a:lnTo>
                    <a:lnTo>
                      <a:pt x="73" y="39"/>
                    </a:lnTo>
                    <a:lnTo>
                      <a:pt x="67" y="35"/>
                    </a:lnTo>
                    <a:lnTo>
                      <a:pt x="64" y="30"/>
                    </a:lnTo>
                    <a:lnTo>
                      <a:pt x="54" y="17"/>
                    </a:lnTo>
                    <a:lnTo>
                      <a:pt x="49" y="9"/>
                    </a:lnTo>
                    <a:lnTo>
                      <a:pt x="45" y="6"/>
                    </a:lnTo>
                    <a:lnTo>
                      <a:pt x="42" y="4"/>
                    </a:lnTo>
                    <a:lnTo>
                      <a:pt x="36" y="1"/>
                    </a:lnTo>
                    <a:lnTo>
                      <a:pt x="32" y="0"/>
                    </a:lnTo>
                    <a:lnTo>
                      <a:pt x="27" y="1"/>
                    </a:lnTo>
                    <a:lnTo>
                      <a:pt x="25" y="2"/>
                    </a:lnTo>
                    <a:lnTo>
                      <a:pt x="22" y="6"/>
                    </a:lnTo>
                    <a:lnTo>
                      <a:pt x="21" y="13"/>
                    </a:lnTo>
                    <a:lnTo>
                      <a:pt x="18" y="19"/>
                    </a:lnTo>
                    <a:lnTo>
                      <a:pt x="14" y="26"/>
                    </a:lnTo>
                    <a:lnTo>
                      <a:pt x="9" y="32"/>
                    </a:lnTo>
                    <a:lnTo>
                      <a:pt x="5" y="39"/>
                    </a:lnTo>
                    <a:lnTo>
                      <a:pt x="1" y="46"/>
                    </a:lnTo>
                    <a:lnTo>
                      <a:pt x="0" y="54"/>
                    </a:lnTo>
                    <a:lnTo>
                      <a:pt x="0" y="62"/>
                    </a:lnTo>
                    <a:lnTo>
                      <a:pt x="0" y="68"/>
                    </a:lnTo>
                    <a:lnTo>
                      <a:pt x="3" y="74"/>
                    </a:lnTo>
                    <a:lnTo>
                      <a:pt x="8" y="79"/>
                    </a:lnTo>
                    <a:lnTo>
                      <a:pt x="14" y="81"/>
                    </a:lnTo>
                    <a:lnTo>
                      <a:pt x="23" y="83"/>
                    </a:lnTo>
                    <a:lnTo>
                      <a:pt x="31" y="81"/>
                    </a:lnTo>
                    <a:lnTo>
                      <a:pt x="38" y="79"/>
                    </a:lnTo>
                    <a:lnTo>
                      <a:pt x="43" y="74"/>
                    </a:lnTo>
                    <a:lnTo>
                      <a:pt x="48" y="68"/>
                    </a:lnTo>
                    <a:lnTo>
                      <a:pt x="52" y="63"/>
                    </a:lnTo>
                    <a:lnTo>
                      <a:pt x="57" y="58"/>
                    </a:lnTo>
                    <a:lnTo>
                      <a:pt x="62" y="54"/>
                    </a:lnTo>
                    <a:lnTo>
                      <a:pt x="69" y="50"/>
                    </a:lnTo>
                    <a:lnTo>
                      <a:pt x="83" y="3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29" name="Freeform 24"/>
              <p:cNvSpPr>
                <a:spLocks/>
              </p:cNvSpPr>
              <p:nvPr/>
            </p:nvSpPr>
            <p:spPr bwMode="auto">
              <a:xfrm>
                <a:off x="8118610" y="86833"/>
                <a:ext cx="30969" cy="70446"/>
              </a:xfrm>
              <a:custGeom>
                <a:avLst/>
                <a:gdLst/>
                <a:ahLst/>
                <a:cxnLst>
                  <a:cxn ang="0">
                    <a:pos x="25" y="102"/>
                  </a:cxn>
                  <a:cxn ang="0">
                    <a:pos x="24" y="100"/>
                  </a:cxn>
                  <a:cxn ang="0">
                    <a:pos x="25" y="95"/>
                  </a:cxn>
                  <a:cxn ang="0">
                    <a:pos x="28" y="89"/>
                  </a:cxn>
                  <a:cxn ang="0">
                    <a:pos x="30" y="84"/>
                  </a:cxn>
                  <a:cxn ang="0">
                    <a:pos x="35" y="73"/>
                  </a:cxn>
                  <a:cxn ang="0">
                    <a:pos x="39" y="64"/>
                  </a:cxn>
                  <a:cxn ang="0">
                    <a:pos x="43" y="48"/>
                  </a:cxn>
                  <a:cxn ang="0">
                    <a:pos x="50" y="22"/>
                  </a:cxn>
                  <a:cxn ang="0">
                    <a:pos x="53" y="10"/>
                  </a:cxn>
                  <a:cxn ang="0">
                    <a:pos x="57" y="3"/>
                  </a:cxn>
                  <a:cxn ang="0">
                    <a:pos x="59" y="1"/>
                  </a:cxn>
                  <a:cxn ang="0">
                    <a:pos x="61" y="0"/>
                  </a:cxn>
                  <a:cxn ang="0">
                    <a:pos x="62" y="3"/>
                  </a:cxn>
                  <a:cxn ang="0">
                    <a:pos x="64" y="5"/>
                  </a:cxn>
                  <a:cxn ang="0">
                    <a:pos x="66" y="14"/>
                  </a:cxn>
                  <a:cxn ang="0">
                    <a:pos x="68" y="22"/>
                  </a:cxn>
                  <a:cxn ang="0">
                    <a:pos x="69" y="31"/>
                  </a:cxn>
                  <a:cxn ang="0">
                    <a:pos x="69" y="40"/>
                  </a:cxn>
                  <a:cxn ang="0">
                    <a:pos x="66" y="57"/>
                  </a:cxn>
                  <a:cxn ang="0">
                    <a:pos x="64" y="74"/>
                  </a:cxn>
                  <a:cxn ang="0">
                    <a:pos x="61" y="92"/>
                  </a:cxn>
                  <a:cxn ang="0">
                    <a:pos x="57" y="110"/>
                  </a:cxn>
                  <a:cxn ang="0">
                    <a:pos x="56" y="121"/>
                  </a:cxn>
                  <a:cxn ang="0">
                    <a:pos x="52" y="128"/>
                  </a:cxn>
                  <a:cxn ang="0">
                    <a:pos x="48" y="137"/>
                  </a:cxn>
                  <a:cxn ang="0">
                    <a:pos x="43" y="144"/>
                  </a:cxn>
                  <a:cxn ang="0">
                    <a:pos x="37" y="150"/>
                  </a:cxn>
                  <a:cxn ang="0">
                    <a:pos x="31" y="156"/>
                  </a:cxn>
                  <a:cxn ang="0">
                    <a:pos x="28" y="157"/>
                  </a:cxn>
                  <a:cxn ang="0">
                    <a:pos x="24" y="158"/>
                  </a:cxn>
                  <a:cxn ang="0">
                    <a:pos x="20" y="158"/>
                  </a:cxn>
                  <a:cxn ang="0">
                    <a:pos x="15" y="158"/>
                  </a:cxn>
                  <a:cxn ang="0">
                    <a:pos x="5" y="157"/>
                  </a:cxn>
                  <a:cxn ang="0">
                    <a:pos x="2" y="153"/>
                  </a:cxn>
                  <a:cxn ang="0">
                    <a:pos x="0" y="149"/>
                  </a:cxn>
                  <a:cxn ang="0">
                    <a:pos x="0" y="144"/>
                  </a:cxn>
                  <a:cxn ang="0">
                    <a:pos x="7" y="134"/>
                  </a:cxn>
                  <a:cxn ang="0">
                    <a:pos x="16" y="122"/>
                  </a:cxn>
                  <a:cxn ang="0">
                    <a:pos x="25" y="102"/>
                  </a:cxn>
                </a:cxnLst>
                <a:rect l="0" t="0" r="r" b="b"/>
                <a:pathLst>
                  <a:path w="69" h="158">
                    <a:moveTo>
                      <a:pt x="25" y="102"/>
                    </a:moveTo>
                    <a:lnTo>
                      <a:pt x="24" y="100"/>
                    </a:lnTo>
                    <a:lnTo>
                      <a:pt x="25" y="95"/>
                    </a:lnTo>
                    <a:lnTo>
                      <a:pt x="28" y="89"/>
                    </a:lnTo>
                    <a:lnTo>
                      <a:pt x="30" y="84"/>
                    </a:lnTo>
                    <a:lnTo>
                      <a:pt x="35" y="73"/>
                    </a:lnTo>
                    <a:lnTo>
                      <a:pt x="39" y="64"/>
                    </a:lnTo>
                    <a:lnTo>
                      <a:pt x="43" y="48"/>
                    </a:lnTo>
                    <a:lnTo>
                      <a:pt x="50" y="22"/>
                    </a:lnTo>
                    <a:lnTo>
                      <a:pt x="53" y="10"/>
                    </a:lnTo>
                    <a:lnTo>
                      <a:pt x="57" y="3"/>
                    </a:lnTo>
                    <a:lnTo>
                      <a:pt x="59" y="1"/>
                    </a:lnTo>
                    <a:lnTo>
                      <a:pt x="61" y="0"/>
                    </a:lnTo>
                    <a:lnTo>
                      <a:pt x="62" y="3"/>
                    </a:lnTo>
                    <a:lnTo>
                      <a:pt x="64" y="5"/>
                    </a:lnTo>
                    <a:lnTo>
                      <a:pt x="66" y="14"/>
                    </a:lnTo>
                    <a:lnTo>
                      <a:pt x="68" y="22"/>
                    </a:lnTo>
                    <a:lnTo>
                      <a:pt x="69" y="31"/>
                    </a:lnTo>
                    <a:lnTo>
                      <a:pt x="69" y="40"/>
                    </a:lnTo>
                    <a:lnTo>
                      <a:pt x="66" y="57"/>
                    </a:lnTo>
                    <a:lnTo>
                      <a:pt x="64" y="74"/>
                    </a:lnTo>
                    <a:lnTo>
                      <a:pt x="61" y="92"/>
                    </a:lnTo>
                    <a:lnTo>
                      <a:pt x="57" y="110"/>
                    </a:lnTo>
                    <a:lnTo>
                      <a:pt x="56" y="121"/>
                    </a:lnTo>
                    <a:lnTo>
                      <a:pt x="52" y="128"/>
                    </a:lnTo>
                    <a:lnTo>
                      <a:pt x="48" y="137"/>
                    </a:lnTo>
                    <a:lnTo>
                      <a:pt x="43" y="144"/>
                    </a:lnTo>
                    <a:lnTo>
                      <a:pt x="37" y="150"/>
                    </a:lnTo>
                    <a:lnTo>
                      <a:pt x="31" y="156"/>
                    </a:lnTo>
                    <a:lnTo>
                      <a:pt x="28" y="157"/>
                    </a:lnTo>
                    <a:lnTo>
                      <a:pt x="24" y="158"/>
                    </a:lnTo>
                    <a:lnTo>
                      <a:pt x="20" y="158"/>
                    </a:lnTo>
                    <a:lnTo>
                      <a:pt x="15" y="158"/>
                    </a:lnTo>
                    <a:lnTo>
                      <a:pt x="5" y="157"/>
                    </a:lnTo>
                    <a:lnTo>
                      <a:pt x="2" y="153"/>
                    </a:lnTo>
                    <a:lnTo>
                      <a:pt x="0" y="149"/>
                    </a:lnTo>
                    <a:lnTo>
                      <a:pt x="0" y="144"/>
                    </a:lnTo>
                    <a:lnTo>
                      <a:pt x="7" y="134"/>
                    </a:lnTo>
                    <a:lnTo>
                      <a:pt x="16" y="122"/>
                    </a:lnTo>
                    <a:lnTo>
                      <a:pt x="25" y="10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30" name="Freeform 25"/>
              <p:cNvSpPr>
                <a:spLocks/>
              </p:cNvSpPr>
              <p:nvPr/>
            </p:nvSpPr>
            <p:spPr bwMode="auto">
              <a:xfrm>
                <a:off x="8136827" y="101284"/>
                <a:ext cx="107480" cy="102960"/>
              </a:xfrm>
              <a:custGeom>
                <a:avLst/>
                <a:gdLst/>
                <a:ahLst/>
                <a:cxnLst>
                  <a:cxn ang="0">
                    <a:pos x="32" y="139"/>
                  </a:cxn>
                  <a:cxn ang="0">
                    <a:pos x="39" y="131"/>
                  </a:cxn>
                  <a:cxn ang="0">
                    <a:pos x="43" y="115"/>
                  </a:cxn>
                  <a:cxn ang="0">
                    <a:pos x="46" y="101"/>
                  </a:cxn>
                  <a:cxn ang="0">
                    <a:pos x="54" y="96"/>
                  </a:cxn>
                  <a:cxn ang="0">
                    <a:pos x="68" y="95"/>
                  </a:cxn>
                  <a:cxn ang="0">
                    <a:pos x="90" y="96"/>
                  </a:cxn>
                  <a:cxn ang="0">
                    <a:pos x="101" y="93"/>
                  </a:cxn>
                  <a:cxn ang="0">
                    <a:pos x="103" y="89"/>
                  </a:cxn>
                  <a:cxn ang="0">
                    <a:pos x="84" y="57"/>
                  </a:cxn>
                  <a:cxn ang="0">
                    <a:pos x="77" y="43"/>
                  </a:cxn>
                  <a:cxn ang="0">
                    <a:pos x="80" y="36"/>
                  </a:cxn>
                  <a:cxn ang="0">
                    <a:pos x="90" y="30"/>
                  </a:cxn>
                  <a:cxn ang="0">
                    <a:pos x="122" y="1"/>
                  </a:cxn>
                  <a:cxn ang="0">
                    <a:pos x="125" y="1"/>
                  </a:cxn>
                  <a:cxn ang="0">
                    <a:pos x="127" y="7"/>
                  </a:cxn>
                  <a:cxn ang="0">
                    <a:pos x="127" y="26"/>
                  </a:cxn>
                  <a:cxn ang="0">
                    <a:pos x="124" y="62"/>
                  </a:cxn>
                  <a:cxn ang="0">
                    <a:pos x="129" y="75"/>
                  </a:cxn>
                  <a:cxn ang="0">
                    <a:pos x="129" y="87"/>
                  </a:cxn>
                  <a:cxn ang="0">
                    <a:pos x="132" y="109"/>
                  </a:cxn>
                  <a:cxn ang="0">
                    <a:pos x="136" y="113"/>
                  </a:cxn>
                  <a:cxn ang="0">
                    <a:pos x="145" y="115"/>
                  </a:cxn>
                  <a:cxn ang="0">
                    <a:pos x="171" y="118"/>
                  </a:cxn>
                  <a:cxn ang="0">
                    <a:pos x="197" y="114"/>
                  </a:cxn>
                  <a:cxn ang="0">
                    <a:pos x="204" y="110"/>
                  </a:cxn>
                  <a:cxn ang="0">
                    <a:pos x="208" y="104"/>
                  </a:cxn>
                  <a:cxn ang="0">
                    <a:pos x="201" y="67"/>
                  </a:cxn>
                  <a:cxn ang="0">
                    <a:pos x="206" y="61"/>
                  </a:cxn>
                  <a:cxn ang="0">
                    <a:pos x="215" y="53"/>
                  </a:cxn>
                  <a:cxn ang="0">
                    <a:pos x="233" y="45"/>
                  </a:cxn>
                  <a:cxn ang="0">
                    <a:pos x="230" y="74"/>
                  </a:cxn>
                  <a:cxn ang="0">
                    <a:pos x="229" y="102"/>
                  </a:cxn>
                  <a:cxn ang="0">
                    <a:pos x="226" y="111"/>
                  </a:cxn>
                  <a:cxn ang="0">
                    <a:pos x="221" y="121"/>
                  </a:cxn>
                  <a:cxn ang="0">
                    <a:pos x="202" y="141"/>
                  </a:cxn>
                  <a:cxn ang="0">
                    <a:pos x="162" y="174"/>
                  </a:cxn>
                  <a:cxn ang="0">
                    <a:pos x="137" y="200"/>
                  </a:cxn>
                  <a:cxn ang="0">
                    <a:pos x="123" y="211"/>
                  </a:cxn>
                  <a:cxn ang="0">
                    <a:pos x="116" y="214"/>
                  </a:cxn>
                  <a:cxn ang="0">
                    <a:pos x="111" y="211"/>
                  </a:cxn>
                  <a:cxn ang="0">
                    <a:pos x="106" y="197"/>
                  </a:cxn>
                  <a:cxn ang="0">
                    <a:pos x="103" y="190"/>
                  </a:cxn>
                  <a:cxn ang="0">
                    <a:pos x="96" y="187"/>
                  </a:cxn>
                  <a:cxn ang="0">
                    <a:pos x="88" y="185"/>
                  </a:cxn>
                  <a:cxn ang="0">
                    <a:pos x="81" y="188"/>
                  </a:cxn>
                  <a:cxn ang="0">
                    <a:pos x="75" y="197"/>
                  </a:cxn>
                  <a:cxn ang="0">
                    <a:pos x="71" y="210"/>
                  </a:cxn>
                  <a:cxn ang="0">
                    <a:pos x="66" y="220"/>
                  </a:cxn>
                  <a:cxn ang="0">
                    <a:pos x="57" y="225"/>
                  </a:cxn>
                  <a:cxn ang="0">
                    <a:pos x="50" y="224"/>
                  </a:cxn>
                  <a:cxn ang="0">
                    <a:pos x="48" y="219"/>
                  </a:cxn>
                  <a:cxn ang="0">
                    <a:pos x="46" y="209"/>
                  </a:cxn>
                  <a:cxn ang="0">
                    <a:pos x="43" y="194"/>
                  </a:cxn>
                  <a:cxn ang="0">
                    <a:pos x="36" y="197"/>
                  </a:cxn>
                  <a:cxn ang="0">
                    <a:pos x="26" y="207"/>
                  </a:cxn>
                  <a:cxn ang="0">
                    <a:pos x="19" y="210"/>
                  </a:cxn>
                  <a:cxn ang="0">
                    <a:pos x="13" y="210"/>
                  </a:cxn>
                  <a:cxn ang="0">
                    <a:pos x="4" y="202"/>
                  </a:cxn>
                  <a:cxn ang="0">
                    <a:pos x="0" y="193"/>
                  </a:cxn>
                  <a:cxn ang="0">
                    <a:pos x="0" y="181"/>
                  </a:cxn>
                  <a:cxn ang="0">
                    <a:pos x="2" y="171"/>
                  </a:cxn>
                </a:cxnLst>
                <a:rect l="0" t="0" r="r" b="b"/>
                <a:pathLst>
                  <a:path w="233" h="225">
                    <a:moveTo>
                      <a:pt x="26" y="141"/>
                    </a:moveTo>
                    <a:lnTo>
                      <a:pt x="32" y="139"/>
                    </a:lnTo>
                    <a:lnTo>
                      <a:pt x="36" y="135"/>
                    </a:lnTo>
                    <a:lnTo>
                      <a:pt x="39" y="131"/>
                    </a:lnTo>
                    <a:lnTo>
                      <a:pt x="41" y="126"/>
                    </a:lnTo>
                    <a:lnTo>
                      <a:pt x="43" y="115"/>
                    </a:lnTo>
                    <a:lnTo>
                      <a:pt x="45" y="105"/>
                    </a:lnTo>
                    <a:lnTo>
                      <a:pt x="46" y="101"/>
                    </a:lnTo>
                    <a:lnTo>
                      <a:pt x="50" y="99"/>
                    </a:lnTo>
                    <a:lnTo>
                      <a:pt x="54" y="96"/>
                    </a:lnTo>
                    <a:lnTo>
                      <a:pt x="58" y="95"/>
                    </a:lnTo>
                    <a:lnTo>
                      <a:pt x="68" y="95"/>
                    </a:lnTo>
                    <a:lnTo>
                      <a:pt x="80" y="95"/>
                    </a:lnTo>
                    <a:lnTo>
                      <a:pt x="90" y="96"/>
                    </a:lnTo>
                    <a:lnTo>
                      <a:pt x="98" y="95"/>
                    </a:lnTo>
                    <a:lnTo>
                      <a:pt x="101" y="93"/>
                    </a:lnTo>
                    <a:lnTo>
                      <a:pt x="102" y="92"/>
                    </a:lnTo>
                    <a:lnTo>
                      <a:pt x="103" y="89"/>
                    </a:lnTo>
                    <a:lnTo>
                      <a:pt x="101" y="87"/>
                    </a:lnTo>
                    <a:lnTo>
                      <a:pt x="84" y="57"/>
                    </a:lnTo>
                    <a:lnTo>
                      <a:pt x="79" y="49"/>
                    </a:lnTo>
                    <a:lnTo>
                      <a:pt x="77" y="43"/>
                    </a:lnTo>
                    <a:lnTo>
                      <a:pt x="79" y="40"/>
                    </a:lnTo>
                    <a:lnTo>
                      <a:pt x="80" y="36"/>
                    </a:lnTo>
                    <a:lnTo>
                      <a:pt x="84" y="34"/>
                    </a:lnTo>
                    <a:lnTo>
                      <a:pt x="90" y="30"/>
                    </a:lnTo>
                    <a:lnTo>
                      <a:pt x="106" y="14"/>
                    </a:lnTo>
                    <a:lnTo>
                      <a:pt x="122" y="1"/>
                    </a:lnTo>
                    <a:lnTo>
                      <a:pt x="124" y="0"/>
                    </a:lnTo>
                    <a:lnTo>
                      <a:pt x="125" y="1"/>
                    </a:lnTo>
                    <a:lnTo>
                      <a:pt x="127" y="4"/>
                    </a:lnTo>
                    <a:lnTo>
                      <a:pt x="127" y="7"/>
                    </a:lnTo>
                    <a:lnTo>
                      <a:pt x="127" y="16"/>
                    </a:lnTo>
                    <a:lnTo>
                      <a:pt x="127" y="26"/>
                    </a:lnTo>
                    <a:lnTo>
                      <a:pt x="124" y="48"/>
                    </a:lnTo>
                    <a:lnTo>
                      <a:pt x="124" y="62"/>
                    </a:lnTo>
                    <a:lnTo>
                      <a:pt x="127" y="70"/>
                    </a:lnTo>
                    <a:lnTo>
                      <a:pt x="129" y="75"/>
                    </a:lnTo>
                    <a:lnTo>
                      <a:pt x="129" y="82"/>
                    </a:lnTo>
                    <a:lnTo>
                      <a:pt x="129" y="87"/>
                    </a:lnTo>
                    <a:lnTo>
                      <a:pt x="129" y="97"/>
                    </a:lnTo>
                    <a:lnTo>
                      <a:pt x="132" y="109"/>
                    </a:lnTo>
                    <a:lnTo>
                      <a:pt x="133" y="110"/>
                    </a:lnTo>
                    <a:lnTo>
                      <a:pt x="136" y="113"/>
                    </a:lnTo>
                    <a:lnTo>
                      <a:pt x="140" y="114"/>
                    </a:lnTo>
                    <a:lnTo>
                      <a:pt x="145" y="115"/>
                    </a:lnTo>
                    <a:lnTo>
                      <a:pt x="158" y="117"/>
                    </a:lnTo>
                    <a:lnTo>
                      <a:pt x="171" y="118"/>
                    </a:lnTo>
                    <a:lnTo>
                      <a:pt x="185" y="117"/>
                    </a:lnTo>
                    <a:lnTo>
                      <a:pt x="197" y="114"/>
                    </a:lnTo>
                    <a:lnTo>
                      <a:pt x="201" y="113"/>
                    </a:lnTo>
                    <a:lnTo>
                      <a:pt x="204" y="110"/>
                    </a:lnTo>
                    <a:lnTo>
                      <a:pt x="207" y="108"/>
                    </a:lnTo>
                    <a:lnTo>
                      <a:pt x="208" y="104"/>
                    </a:lnTo>
                    <a:lnTo>
                      <a:pt x="204" y="86"/>
                    </a:lnTo>
                    <a:lnTo>
                      <a:pt x="201" y="67"/>
                    </a:lnTo>
                    <a:lnTo>
                      <a:pt x="202" y="65"/>
                    </a:lnTo>
                    <a:lnTo>
                      <a:pt x="206" y="61"/>
                    </a:lnTo>
                    <a:lnTo>
                      <a:pt x="210" y="57"/>
                    </a:lnTo>
                    <a:lnTo>
                      <a:pt x="215" y="53"/>
                    </a:lnTo>
                    <a:lnTo>
                      <a:pt x="225" y="48"/>
                    </a:lnTo>
                    <a:lnTo>
                      <a:pt x="233" y="45"/>
                    </a:lnTo>
                    <a:lnTo>
                      <a:pt x="232" y="60"/>
                    </a:lnTo>
                    <a:lnTo>
                      <a:pt x="230" y="74"/>
                    </a:lnTo>
                    <a:lnTo>
                      <a:pt x="229" y="88"/>
                    </a:lnTo>
                    <a:lnTo>
                      <a:pt x="229" y="102"/>
                    </a:lnTo>
                    <a:lnTo>
                      <a:pt x="228" y="106"/>
                    </a:lnTo>
                    <a:lnTo>
                      <a:pt x="226" y="111"/>
                    </a:lnTo>
                    <a:lnTo>
                      <a:pt x="224" y="115"/>
                    </a:lnTo>
                    <a:lnTo>
                      <a:pt x="221" y="121"/>
                    </a:lnTo>
                    <a:lnTo>
                      <a:pt x="212" y="131"/>
                    </a:lnTo>
                    <a:lnTo>
                      <a:pt x="202" y="141"/>
                    </a:lnTo>
                    <a:lnTo>
                      <a:pt x="180" y="161"/>
                    </a:lnTo>
                    <a:lnTo>
                      <a:pt x="162" y="174"/>
                    </a:lnTo>
                    <a:lnTo>
                      <a:pt x="151" y="184"/>
                    </a:lnTo>
                    <a:lnTo>
                      <a:pt x="137" y="200"/>
                    </a:lnTo>
                    <a:lnTo>
                      <a:pt x="129" y="206"/>
                    </a:lnTo>
                    <a:lnTo>
                      <a:pt x="123" y="211"/>
                    </a:lnTo>
                    <a:lnTo>
                      <a:pt x="119" y="213"/>
                    </a:lnTo>
                    <a:lnTo>
                      <a:pt x="116" y="214"/>
                    </a:lnTo>
                    <a:lnTo>
                      <a:pt x="114" y="213"/>
                    </a:lnTo>
                    <a:lnTo>
                      <a:pt x="111" y="211"/>
                    </a:lnTo>
                    <a:lnTo>
                      <a:pt x="109" y="205"/>
                    </a:lnTo>
                    <a:lnTo>
                      <a:pt x="106" y="197"/>
                    </a:lnTo>
                    <a:lnTo>
                      <a:pt x="105" y="194"/>
                    </a:lnTo>
                    <a:lnTo>
                      <a:pt x="103" y="190"/>
                    </a:lnTo>
                    <a:lnTo>
                      <a:pt x="100" y="188"/>
                    </a:lnTo>
                    <a:lnTo>
                      <a:pt x="96" y="187"/>
                    </a:lnTo>
                    <a:lnTo>
                      <a:pt x="92" y="185"/>
                    </a:lnTo>
                    <a:lnTo>
                      <a:pt x="88" y="185"/>
                    </a:lnTo>
                    <a:lnTo>
                      <a:pt x="84" y="187"/>
                    </a:lnTo>
                    <a:lnTo>
                      <a:pt x="81" y="188"/>
                    </a:lnTo>
                    <a:lnTo>
                      <a:pt x="77" y="192"/>
                    </a:lnTo>
                    <a:lnTo>
                      <a:pt x="75" y="197"/>
                    </a:lnTo>
                    <a:lnTo>
                      <a:pt x="74" y="203"/>
                    </a:lnTo>
                    <a:lnTo>
                      <a:pt x="71" y="210"/>
                    </a:lnTo>
                    <a:lnTo>
                      <a:pt x="70" y="216"/>
                    </a:lnTo>
                    <a:lnTo>
                      <a:pt x="66" y="220"/>
                    </a:lnTo>
                    <a:lnTo>
                      <a:pt x="61" y="223"/>
                    </a:lnTo>
                    <a:lnTo>
                      <a:pt x="57" y="225"/>
                    </a:lnTo>
                    <a:lnTo>
                      <a:pt x="53" y="225"/>
                    </a:lnTo>
                    <a:lnTo>
                      <a:pt x="50" y="224"/>
                    </a:lnTo>
                    <a:lnTo>
                      <a:pt x="49" y="223"/>
                    </a:lnTo>
                    <a:lnTo>
                      <a:pt x="48" y="219"/>
                    </a:lnTo>
                    <a:lnTo>
                      <a:pt x="46" y="215"/>
                    </a:lnTo>
                    <a:lnTo>
                      <a:pt x="46" y="209"/>
                    </a:lnTo>
                    <a:lnTo>
                      <a:pt x="45" y="198"/>
                    </a:lnTo>
                    <a:lnTo>
                      <a:pt x="43" y="194"/>
                    </a:lnTo>
                    <a:lnTo>
                      <a:pt x="40" y="194"/>
                    </a:lnTo>
                    <a:lnTo>
                      <a:pt x="36" y="197"/>
                    </a:lnTo>
                    <a:lnTo>
                      <a:pt x="32" y="202"/>
                    </a:lnTo>
                    <a:lnTo>
                      <a:pt x="26" y="207"/>
                    </a:lnTo>
                    <a:lnTo>
                      <a:pt x="23" y="209"/>
                    </a:lnTo>
                    <a:lnTo>
                      <a:pt x="19" y="210"/>
                    </a:lnTo>
                    <a:lnTo>
                      <a:pt x="17" y="210"/>
                    </a:lnTo>
                    <a:lnTo>
                      <a:pt x="13" y="210"/>
                    </a:lnTo>
                    <a:lnTo>
                      <a:pt x="8" y="207"/>
                    </a:lnTo>
                    <a:lnTo>
                      <a:pt x="4" y="202"/>
                    </a:lnTo>
                    <a:lnTo>
                      <a:pt x="1" y="198"/>
                    </a:lnTo>
                    <a:lnTo>
                      <a:pt x="0" y="193"/>
                    </a:lnTo>
                    <a:lnTo>
                      <a:pt x="0" y="187"/>
                    </a:lnTo>
                    <a:lnTo>
                      <a:pt x="0" y="181"/>
                    </a:lnTo>
                    <a:lnTo>
                      <a:pt x="1" y="176"/>
                    </a:lnTo>
                    <a:lnTo>
                      <a:pt x="2" y="171"/>
                    </a:lnTo>
                    <a:lnTo>
                      <a:pt x="26" y="141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31" name="Freeform 26"/>
              <p:cNvSpPr>
                <a:spLocks/>
              </p:cNvSpPr>
              <p:nvPr/>
            </p:nvSpPr>
            <p:spPr bwMode="auto">
              <a:xfrm>
                <a:off x="8073067" y="195212"/>
                <a:ext cx="52830" cy="48771"/>
              </a:xfrm>
              <a:custGeom>
                <a:avLst/>
                <a:gdLst/>
                <a:ahLst/>
                <a:cxnLst>
                  <a:cxn ang="0">
                    <a:pos x="5" y="64"/>
                  </a:cxn>
                  <a:cxn ang="0">
                    <a:pos x="17" y="45"/>
                  </a:cxn>
                  <a:cxn ang="0">
                    <a:pos x="27" y="27"/>
                  </a:cxn>
                  <a:cxn ang="0">
                    <a:pos x="34" y="22"/>
                  </a:cxn>
                  <a:cxn ang="0">
                    <a:pos x="42" y="16"/>
                  </a:cxn>
                  <a:cxn ang="0">
                    <a:pos x="51" y="13"/>
                  </a:cxn>
                  <a:cxn ang="0">
                    <a:pos x="61" y="9"/>
                  </a:cxn>
                  <a:cxn ang="0">
                    <a:pos x="82" y="4"/>
                  </a:cxn>
                  <a:cxn ang="0">
                    <a:pos x="100" y="1"/>
                  </a:cxn>
                  <a:cxn ang="0">
                    <a:pos x="108" y="0"/>
                  </a:cxn>
                  <a:cxn ang="0">
                    <a:pos x="113" y="0"/>
                  </a:cxn>
                  <a:cxn ang="0">
                    <a:pos x="116" y="1"/>
                  </a:cxn>
                  <a:cxn ang="0">
                    <a:pos x="117" y="5"/>
                  </a:cxn>
                  <a:cxn ang="0">
                    <a:pos x="116" y="7"/>
                  </a:cxn>
                  <a:cxn ang="0">
                    <a:pos x="112" y="13"/>
                  </a:cxn>
                  <a:cxn ang="0">
                    <a:pos x="108" y="16"/>
                  </a:cxn>
                  <a:cxn ang="0">
                    <a:pos x="103" y="20"/>
                  </a:cxn>
                  <a:cxn ang="0">
                    <a:pos x="94" y="28"/>
                  </a:cxn>
                  <a:cxn ang="0">
                    <a:pos x="86" y="36"/>
                  </a:cxn>
                  <a:cxn ang="0">
                    <a:pos x="78" y="44"/>
                  </a:cxn>
                  <a:cxn ang="0">
                    <a:pos x="72" y="53"/>
                  </a:cxn>
                  <a:cxn ang="0">
                    <a:pos x="57" y="70"/>
                  </a:cxn>
                  <a:cxn ang="0">
                    <a:pos x="42" y="85"/>
                  </a:cxn>
                  <a:cxn ang="0">
                    <a:pos x="35" y="92"/>
                  </a:cxn>
                  <a:cxn ang="0">
                    <a:pos x="27" y="97"/>
                  </a:cxn>
                  <a:cxn ang="0">
                    <a:pos x="21" y="101"/>
                  </a:cxn>
                  <a:cxn ang="0">
                    <a:pos x="13" y="105"/>
                  </a:cxn>
                  <a:cxn ang="0">
                    <a:pos x="11" y="105"/>
                  </a:cxn>
                  <a:cxn ang="0">
                    <a:pos x="8" y="105"/>
                  </a:cxn>
                  <a:cxn ang="0">
                    <a:pos x="5" y="103"/>
                  </a:cxn>
                  <a:cxn ang="0">
                    <a:pos x="3" y="101"/>
                  </a:cxn>
                  <a:cxn ang="0">
                    <a:pos x="2" y="98"/>
                  </a:cxn>
                  <a:cxn ang="0">
                    <a:pos x="0" y="94"/>
                  </a:cxn>
                  <a:cxn ang="0">
                    <a:pos x="0" y="88"/>
                  </a:cxn>
                  <a:cxn ang="0">
                    <a:pos x="0" y="81"/>
                  </a:cxn>
                  <a:cxn ang="0">
                    <a:pos x="5" y="64"/>
                  </a:cxn>
                </a:cxnLst>
                <a:rect l="0" t="0" r="r" b="b"/>
                <a:pathLst>
                  <a:path w="117" h="105">
                    <a:moveTo>
                      <a:pt x="5" y="64"/>
                    </a:moveTo>
                    <a:lnTo>
                      <a:pt x="17" y="45"/>
                    </a:lnTo>
                    <a:lnTo>
                      <a:pt x="27" y="27"/>
                    </a:lnTo>
                    <a:lnTo>
                      <a:pt x="34" y="22"/>
                    </a:lnTo>
                    <a:lnTo>
                      <a:pt x="42" y="16"/>
                    </a:lnTo>
                    <a:lnTo>
                      <a:pt x="51" y="13"/>
                    </a:lnTo>
                    <a:lnTo>
                      <a:pt x="61" y="9"/>
                    </a:lnTo>
                    <a:lnTo>
                      <a:pt x="82" y="4"/>
                    </a:lnTo>
                    <a:lnTo>
                      <a:pt x="100" y="1"/>
                    </a:lnTo>
                    <a:lnTo>
                      <a:pt x="108" y="0"/>
                    </a:lnTo>
                    <a:lnTo>
                      <a:pt x="113" y="0"/>
                    </a:lnTo>
                    <a:lnTo>
                      <a:pt x="116" y="1"/>
                    </a:lnTo>
                    <a:lnTo>
                      <a:pt x="117" y="5"/>
                    </a:lnTo>
                    <a:lnTo>
                      <a:pt x="116" y="7"/>
                    </a:lnTo>
                    <a:lnTo>
                      <a:pt x="112" y="13"/>
                    </a:lnTo>
                    <a:lnTo>
                      <a:pt x="108" y="16"/>
                    </a:lnTo>
                    <a:lnTo>
                      <a:pt x="103" y="20"/>
                    </a:lnTo>
                    <a:lnTo>
                      <a:pt x="94" y="28"/>
                    </a:lnTo>
                    <a:lnTo>
                      <a:pt x="86" y="36"/>
                    </a:lnTo>
                    <a:lnTo>
                      <a:pt x="78" y="44"/>
                    </a:lnTo>
                    <a:lnTo>
                      <a:pt x="72" y="53"/>
                    </a:lnTo>
                    <a:lnTo>
                      <a:pt x="57" y="70"/>
                    </a:lnTo>
                    <a:lnTo>
                      <a:pt x="42" y="85"/>
                    </a:lnTo>
                    <a:lnTo>
                      <a:pt x="35" y="92"/>
                    </a:lnTo>
                    <a:lnTo>
                      <a:pt x="27" y="97"/>
                    </a:lnTo>
                    <a:lnTo>
                      <a:pt x="21" y="101"/>
                    </a:lnTo>
                    <a:lnTo>
                      <a:pt x="13" y="105"/>
                    </a:lnTo>
                    <a:lnTo>
                      <a:pt x="11" y="105"/>
                    </a:lnTo>
                    <a:lnTo>
                      <a:pt x="8" y="105"/>
                    </a:lnTo>
                    <a:lnTo>
                      <a:pt x="5" y="103"/>
                    </a:lnTo>
                    <a:lnTo>
                      <a:pt x="3" y="101"/>
                    </a:lnTo>
                    <a:lnTo>
                      <a:pt x="2" y="98"/>
                    </a:lnTo>
                    <a:lnTo>
                      <a:pt x="0" y="94"/>
                    </a:lnTo>
                    <a:lnTo>
                      <a:pt x="0" y="88"/>
                    </a:lnTo>
                    <a:lnTo>
                      <a:pt x="0" y="81"/>
                    </a:lnTo>
                    <a:lnTo>
                      <a:pt x="5" y="6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32" name="Freeform 27"/>
              <p:cNvSpPr>
                <a:spLocks/>
              </p:cNvSpPr>
              <p:nvPr/>
            </p:nvSpPr>
            <p:spPr bwMode="auto">
              <a:xfrm>
                <a:off x="7996556" y="215081"/>
                <a:ext cx="54651" cy="45158"/>
              </a:xfrm>
              <a:custGeom>
                <a:avLst/>
                <a:gdLst/>
                <a:ahLst/>
                <a:cxnLst>
                  <a:cxn ang="0">
                    <a:pos x="11" y="52"/>
                  </a:cxn>
                  <a:cxn ang="0">
                    <a:pos x="22" y="38"/>
                  </a:cxn>
                  <a:cxn ang="0">
                    <a:pos x="39" y="20"/>
                  </a:cxn>
                  <a:cxn ang="0">
                    <a:pos x="48" y="11"/>
                  </a:cxn>
                  <a:cxn ang="0">
                    <a:pos x="57" y="4"/>
                  </a:cxn>
                  <a:cxn ang="0">
                    <a:pos x="61" y="2"/>
                  </a:cxn>
                  <a:cxn ang="0">
                    <a:pos x="65" y="0"/>
                  </a:cxn>
                  <a:cxn ang="0">
                    <a:pos x="69" y="0"/>
                  </a:cxn>
                  <a:cxn ang="0">
                    <a:pos x="73" y="0"/>
                  </a:cxn>
                  <a:cxn ang="0">
                    <a:pos x="77" y="8"/>
                  </a:cxn>
                  <a:cxn ang="0">
                    <a:pos x="81" y="12"/>
                  </a:cxn>
                  <a:cxn ang="0">
                    <a:pos x="86" y="15"/>
                  </a:cxn>
                  <a:cxn ang="0">
                    <a:pos x="91" y="15"/>
                  </a:cxn>
                  <a:cxn ang="0">
                    <a:pos x="104" y="16"/>
                  </a:cxn>
                  <a:cxn ang="0">
                    <a:pos x="117" y="20"/>
                  </a:cxn>
                  <a:cxn ang="0">
                    <a:pos x="117" y="20"/>
                  </a:cxn>
                  <a:cxn ang="0">
                    <a:pos x="117" y="21"/>
                  </a:cxn>
                  <a:cxn ang="0">
                    <a:pos x="116" y="25"/>
                  </a:cxn>
                  <a:cxn ang="0">
                    <a:pos x="113" y="29"/>
                  </a:cxn>
                  <a:cxn ang="0">
                    <a:pos x="111" y="33"/>
                  </a:cxn>
                  <a:cxn ang="0">
                    <a:pos x="105" y="38"/>
                  </a:cxn>
                  <a:cxn ang="0">
                    <a:pos x="96" y="46"/>
                  </a:cxn>
                  <a:cxn ang="0">
                    <a:pos x="89" y="52"/>
                  </a:cxn>
                  <a:cxn ang="0">
                    <a:pos x="78" y="64"/>
                  </a:cxn>
                  <a:cxn ang="0">
                    <a:pos x="68" y="76"/>
                  </a:cxn>
                  <a:cxn ang="0">
                    <a:pos x="61" y="81"/>
                  </a:cxn>
                  <a:cxn ang="0">
                    <a:pos x="56" y="86"/>
                  </a:cxn>
                  <a:cxn ang="0">
                    <a:pos x="48" y="90"/>
                  </a:cxn>
                  <a:cxn ang="0">
                    <a:pos x="41" y="94"/>
                  </a:cxn>
                  <a:cxn ang="0">
                    <a:pos x="34" y="95"/>
                  </a:cxn>
                  <a:cxn ang="0">
                    <a:pos x="28" y="98"/>
                  </a:cxn>
                  <a:cxn ang="0">
                    <a:pos x="21" y="99"/>
                  </a:cxn>
                  <a:cxn ang="0">
                    <a:pos x="15" y="98"/>
                  </a:cxn>
                  <a:cxn ang="0">
                    <a:pos x="8" y="96"/>
                  </a:cxn>
                  <a:cxn ang="0">
                    <a:pos x="4" y="92"/>
                  </a:cxn>
                  <a:cxn ang="0">
                    <a:pos x="2" y="87"/>
                  </a:cxn>
                  <a:cxn ang="0">
                    <a:pos x="0" y="78"/>
                  </a:cxn>
                  <a:cxn ang="0">
                    <a:pos x="11" y="52"/>
                  </a:cxn>
                </a:cxnLst>
                <a:rect l="0" t="0" r="r" b="b"/>
                <a:pathLst>
                  <a:path w="117" h="99">
                    <a:moveTo>
                      <a:pt x="11" y="52"/>
                    </a:moveTo>
                    <a:lnTo>
                      <a:pt x="22" y="38"/>
                    </a:lnTo>
                    <a:lnTo>
                      <a:pt x="39" y="20"/>
                    </a:lnTo>
                    <a:lnTo>
                      <a:pt x="48" y="11"/>
                    </a:lnTo>
                    <a:lnTo>
                      <a:pt x="57" y="4"/>
                    </a:lnTo>
                    <a:lnTo>
                      <a:pt x="61" y="2"/>
                    </a:lnTo>
                    <a:lnTo>
                      <a:pt x="65" y="0"/>
                    </a:lnTo>
                    <a:lnTo>
                      <a:pt x="69" y="0"/>
                    </a:lnTo>
                    <a:lnTo>
                      <a:pt x="73" y="0"/>
                    </a:lnTo>
                    <a:lnTo>
                      <a:pt x="77" y="8"/>
                    </a:lnTo>
                    <a:lnTo>
                      <a:pt x="81" y="12"/>
                    </a:lnTo>
                    <a:lnTo>
                      <a:pt x="86" y="15"/>
                    </a:lnTo>
                    <a:lnTo>
                      <a:pt x="91" y="15"/>
                    </a:lnTo>
                    <a:lnTo>
                      <a:pt x="104" y="16"/>
                    </a:lnTo>
                    <a:lnTo>
                      <a:pt x="117" y="20"/>
                    </a:lnTo>
                    <a:lnTo>
                      <a:pt x="117" y="20"/>
                    </a:lnTo>
                    <a:lnTo>
                      <a:pt x="117" y="21"/>
                    </a:lnTo>
                    <a:lnTo>
                      <a:pt x="116" y="25"/>
                    </a:lnTo>
                    <a:lnTo>
                      <a:pt x="113" y="29"/>
                    </a:lnTo>
                    <a:lnTo>
                      <a:pt x="111" y="33"/>
                    </a:lnTo>
                    <a:lnTo>
                      <a:pt x="105" y="38"/>
                    </a:lnTo>
                    <a:lnTo>
                      <a:pt x="96" y="46"/>
                    </a:lnTo>
                    <a:lnTo>
                      <a:pt x="89" y="52"/>
                    </a:lnTo>
                    <a:lnTo>
                      <a:pt x="78" y="64"/>
                    </a:lnTo>
                    <a:lnTo>
                      <a:pt x="68" y="76"/>
                    </a:lnTo>
                    <a:lnTo>
                      <a:pt x="61" y="81"/>
                    </a:lnTo>
                    <a:lnTo>
                      <a:pt x="56" y="86"/>
                    </a:lnTo>
                    <a:lnTo>
                      <a:pt x="48" y="90"/>
                    </a:lnTo>
                    <a:lnTo>
                      <a:pt x="41" y="94"/>
                    </a:lnTo>
                    <a:lnTo>
                      <a:pt x="34" y="95"/>
                    </a:lnTo>
                    <a:lnTo>
                      <a:pt x="28" y="98"/>
                    </a:lnTo>
                    <a:lnTo>
                      <a:pt x="21" y="99"/>
                    </a:lnTo>
                    <a:lnTo>
                      <a:pt x="15" y="98"/>
                    </a:lnTo>
                    <a:lnTo>
                      <a:pt x="8" y="96"/>
                    </a:lnTo>
                    <a:lnTo>
                      <a:pt x="4" y="92"/>
                    </a:lnTo>
                    <a:lnTo>
                      <a:pt x="2" y="87"/>
                    </a:lnTo>
                    <a:lnTo>
                      <a:pt x="0" y="78"/>
                    </a:lnTo>
                    <a:lnTo>
                      <a:pt x="11" y="5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33" name="Freeform 28"/>
              <p:cNvSpPr>
                <a:spLocks/>
              </p:cNvSpPr>
              <p:nvPr/>
            </p:nvSpPr>
            <p:spPr bwMode="auto">
              <a:xfrm>
                <a:off x="7940084" y="251207"/>
                <a:ext cx="30969" cy="48771"/>
              </a:xfrm>
              <a:custGeom>
                <a:avLst/>
                <a:gdLst/>
                <a:ahLst/>
                <a:cxnLst>
                  <a:cxn ang="0">
                    <a:pos x="5" y="86"/>
                  </a:cxn>
                  <a:cxn ang="0">
                    <a:pos x="9" y="71"/>
                  </a:cxn>
                  <a:cxn ang="0">
                    <a:pos x="14" y="57"/>
                  </a:cxn>
                  <a:cxn ang="0">
                    <a:pos x="22" y="42"/>
                  </a:cxn>
                  <a:cxn ang="0">
                    <a:pos x="30" y="31"/>
                  </a:cxn>
                  <a:cxn ang="0">
                    <a:pos x="36" y="22"/>
                  </a:cxn>
                  <a:cxn ang="0">
                    <a:pos x="45" y="10"/>
                  </a:cxn>
                  <a:cxn ang="0">
                    <a:pos x="52" y="5"/>
                  </a:cxn>
                  <a:cxn ang="0">
                    <a:pos x="57" y="1"/>
                  </a:cxn>
                  <a:cxn ang="0">
                    <a:pos x="60" y="0"/>
                  </a:cxn>
                  <a:cxn ang="0">
                    <a:pos x="62" y="0"/>
                  </a:cxn>
                  <a:cxn ang="0">
                    <a:pos x="65" y="0"/>
                  </a:cxn>
                  <a:cxn ang="0">
                    <a:pos x="66" y="1"/>
                  </a:cxn>
                  <a:cxn ang="0">
                    <a:pos x="67" y="5"/>
                  </a:cxn>
                  <a:cxn ang="0">
                    <a:pos x="66" y="10"/>
                  </a:cxn>
                  <a:cxn ang="0">
                    <a:pos x="66" y="14"/>
                  </a:cxn>
                  <a:cxn ang="0">
                    <a:pos x="64" y="18"/>
                  </a:cxn>
                  <a:cxn ang="0">
                    <a:pos x="60" y="27"/>
                  </a:cxn>
                  <a:cxn ang="0">
                    <a:pos x="56" y="35"/>
                  </a:cxn>
                  <a:cxn ang="0">
                    <a:pos x="49" y="57"/>
                  </a:cxn>
                  <a:cxn ang="0">
                    <a:pos x="38" y="83"/>
                  </a:cxn>
                  <a:cxn ang="0">
                    <a:pos x="35" y="89"/>
                  </a:cxn>
                  <a:cxn ang="0">
                    <a:pos x="31" y="94"/>
                  </a:cxn>
                  <a:cxn ang="0">
                    <a:pos x="26" y="99"/>
                  </a:cxn>
                  <a:cxn ang="0">
                    <a:pos x="22" y="103"/>
                  </a:cxn>
                  <a:cxn ang="0">
                    <a:pos x="17" y="106"/>
                  </a:cxn>
                  <a:cxn ang="0">
                    <a:pos x="12" y="107"/>
                  </a:cxn>
                  <a:cxn ang="0">
                    <a:pos x="7" y="107"/>
                  </a:cxn>
                  <a:cxn ang="0">
                    <a:pos x="0" y="105"/>
                  </a:cxn>
                  <a:cxn ang="0">
                    <a:pos x="5" y="86"/>
                  </a:cxn>
                </a:cxnLst>
                <a:rect l="0" t="0" r="r" b="b"/>
                <a:pathLst>
                  <a:path w="67" h="107">
                    <a:moveTo>
                      <a:pt x="5" y="86"/>
                    </a:moveTo>
                    <a:lnTo>
                      <a:pt x="9" y="71"/>
                    </a:lnTo>
                    <a:lnTo>
                      <a:pt x="14" y="57"/>
                    </a:lnTo>
                    <a:lnTo>
                      <a:pt x="22" y="42"/>
                    </a:lnTo>
                    <a:lnTo>
                      <a:pt x="30" y="31"/>
                    </a:lnTo>
                    <a:lnTo>
                      <a:pt x="36" y="22"/>
                    </a:lnTo>
                    <a:lnTo>
                      <a:pt x="45" y="10"/>
                    </a:lnTo>
                    <a:lnTo>
                      <a:pt x="52" y="5"/>
                    </a:lnTo>
                    <a:lnTo>
                      <a:pt x="57" y="1"/>
                    </a:lnTo>
                    <a:lnTo>
                      <a:pt x="60" y="0"/>
                    </a:lnTo>
                    <a:lnTo>
                      <a:pt x="62" y="0"/>
                    </a:lnTo>
                    <a:lnTo>
                      <a:pt x="65" y="0"/>
                    </a:lnTo>
                    <a:lnTo>
                      <a:pt x="66" y="1"/>
                    </a:lnTo>
                    <a:lnTo>
                      <a:pt x="67" y="5"/>
                    </a:lnTo>
                    <a:lnTo>
                      <a:pt x="66" y="10"/>
                    </a:lnTo>
                    <a:lnTo>
                      <a:pt x="66" y="14"/>
                    </a:lnTo>
                    <a:lnTo>
                      <a:pt x="64" y="18"/>
                    </a:lnTo>
                    <a:lnTo>
                      <a:pt x="60" y="27"/>
                    </a:lnTo>
                    <a:lnTo>
                      <a:pt x="56" y="35"/>
                    </a:lnTo>
                    <a:lnTo>
                      <a:pt x="49" y="57"/>
                    </a:lnTo>
                    <a:lnTo>
                      <a:pt x="38" y="83"/>
                    </a:lnTo>
                    <a:lnTo>
                      <a:pt x="35" y="89"/>
                    </a:lnTo>
                    <a:lnTo>
                      <a:pt x="31" y="94"/>
                    </a:lnTo>
                    <a:lnTo>
                      <a:pt x="26" y="99"/>
                    </a:lnTo>
                    <a:lnTo>
                      <a:pt x="22" y="103"/>
                    </a:lnTo>
                    <a:lnTo>
                      <a:pt x="17" y="106"/>
                    </a:lnTo>
                    <a:lnTo>
                      <a:pt x="12" y="107"/>
                    </a:lnTo>
                    <a:lnTo>
                      <a:pt x="7" y="107"/>
                    </a:lnTo>
                    <a:lnTo>
                      <a:pt x="0" y="105"/>
                    </a:lnTo>
                    <a:lnTo>
                      <a:pt x="5" y="8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34" name="Freeform 29"/>
              <p:cNvSpPr>
                <a:spLocks/>
              </p:cNvSpPr>
              <p:nvPr/>
            </p:nvSpPr>
            <p:spPr bwMode="auto">
              <a:xfrm>
                <a:off x="7859930" y="621500"/>
                <a:ext cx="27326" cy="34320"/>
              </a:xfrm>
              <a:custGeom>
                <a:avLst/>
                <a:gdLst/>
                <a:ahLst/>
                <a:cxnLst>
                  <a:cxn ang="0">
                    <a:pos x="6" y="48"/>
                  </a:cxn>
                  <a:cxn ang="0">
                    <a:pos x="13" y="44"/>
                  </a:cxn>
                  <a:cxn ang="0">
                    <a:pos x="18" y="40"/>
                  </a:cxn>
                  <a:cxn ang="0">
                    <a:pos x="23" y="34"/>
                  </a:cxn>
                  <a:cxn ang="0">
                    <a:pos x="28" y="28"/>
                  </a:cxn>
                  <a:cxn ang="0">
                    <a:pos x="33" y="22"/>
                  </a:cxn>
                  <a:cxn ang="0">
                    <a:pos x="40" y="10"/>
                  </a:cxn>
                  <a:cxn ang="0">
                    <a:pos x="44" y="6"/>
                  </a:cxn>
                  <a:cxn ang="0">
                    <a:pos x="48" y="3"/>
                  </a:cxn>
                  <a:cxn ang="0">
                    <a:pos x="53" y="0"/>
                  </a:cxn>
                  <a:cxn ang="0">
                    <a:pos x="57" y="0"/>
                  </a:cxn>
                  <a:cxn ang="0">
                    <a:pos x="59" y="1"/>
                  </a:cxn>
                  <a:cxn ang="0">
                    <a:pos x="60" y="5"/>
                  </a:cxn>
                  <a:cxn ang="0">
                    <a:pos x="60" y="9"/>
                  </a:cxn>
                  <a:cxn ang="0">
                    <a:pos x="60" y="13"/>
                  </a:cxn>
                  <a:cxn ang="0">
                    <a:pos x="59" y="22"/>
                  </a:cxn>
                  <a:cxn ang="0">
                    <a:pos x="58" y="28"/>
                  </a:cxn>
                  <a:cxn ang="0">
                    <a:pos x="53" y="36"/>
                  </a:cxn>
                  <a:cxn ang="0">
                    <a:pos x="51" y="45"/>
                  </a:cxn>
                  <a:cxn ang="0">
                    <a:pos x="50" y="51"/>
                  </a:cxn>
                  <a:cxn ang="0">
                    <a:pos x="49" y="53"/>
                  </a:cxn>
                  <a:cxn ang="0">
                    <a:pos x="48" y="56"/>
                  </a:cxn>
                  <a:cxn ang="0">
                    <a:pos x="45" y="58"/>
                  </a:cxn>
                  <a:cxn ang="0">
                    <a:pos x="40" y="61"/>
                  </a:cxn>
                  <a:cxn ang="0">
                    <a:pos x="33" y="66"/>
                  </a:cxn>
                  <a:cxn ang="0">
                    <a:pos x="24" y="71"/>
                  </a:cxn>
                  <a:cxn ang="0">
                    <a:pos x="16" y="75"/>
                  </a:cxn>
                  <a:cxn ang="0">
                    <a:pos x="11" y="75"/>
                  </a:cxn>
                  <a:cxn ang="0">
                    <a:pos x="7" y="74"/>
                  </a:cxn>
                  <a:cxn ang="0">
                    <a:pos x="3" y="71"/>
                  </a:cxn>
                  <a:cxn ang="0">
                    <a:pos x="0" y="67"/>
                  </a:cxn>
                  <a:cxn ang="0">
                    <a:pos x="6" y="48"/>
                  </a:cxn>
                </a:cxnLst>
                <a:rect l="0" t="0" r="r" b="b"/>
                <a:pathLst>
                  <a:path w="60" h="75">
                    <a:moveTo>
                      <a:pt x="6" y="48"/>
                    </a:moveTo>
                    <a:lnTo>
                      <a:pt x="13" y="44"/>
                    </a:lnTo>
                    <a:lnTo>
                      <a:pt x="18" y="40"/>
                    </a:lnTo>
                    <a:lnTo>
                      <a:pt x="23" y="34"/>
                    </a:lnTo>
                    <a:lnTo>
                      <a:pt x="28" y="28"/>
                    </a:lnTo>
                    <a:lnTo>
                      <a:pt x="33" y="22"/>
                    </a:lnTo>
                    <a:lnTo>
                      <a:pt x="40" y="10"/>
                    </a:lnTo>
                    <a:lnTo>
                      <a:pt x="44" y="6"/>
                    </a:lnTo>
                    <a:lnTo>
                      <a:pt x="48" y="3"/>
                    </a:lnTo>
                    <a:lnTo>
                      <a:pt x="53" y="0"/>
                    </a:lnTo>
                    <a:lnTo>
                      <a:pt x="57" y="0"/>
                    </a:lnTo>
                    <a:lnTo>
                      <a:pt x="59" y="1"/>
                    </a:lnTo>
                    <a:lnTo>
                      <a:pt x="60" y="5"/>
                    </a:lnTo>
                    <a:lnTo>
                      <a:pt x="60" y="9"/>
                    </a:lnTo>
                    <a:lnTo>
                      <a:pt x="60" y="13"/>
                    </a:lnTo>
                    <a:lnTo>
                      <a:pt x="59" y="22"/>
                    </a:lnTo>
                    <a:lnTo>
                      <a:pt x="58" y="28"/>
                    </a:lnTo>
                    <a:lnTo>
                      <a:pt x="53" y="36"/>
                    </a:lnTo>
                    <a:lnTo>
                      <a:pt x="51" y="45"/>
                    </a:lnTo>
                    <a:lnTo>
                      <a:pt x="50" y="51"/>
                    </a:lnTo>
                    <a:lnTo>
                      <a:pt x="49" y="53"/>
                    </a:lnTo>
                    <a:lnTo>
                      <a:pt x="48" y="56"/>
                    </a:lnTo>
                    <a:lnTo>
                      <a:pt x="45" y="58"/>
                    </a:lnTo>
                    <a:lnTo>
                      <a:pt x="40" y="61"/>
                    </a:lnTo>
                    <a:lnTo>
                      <a:pt x="33" y="66"/>
                    </a:lnTo>
                    <a:lnTo>
                      <a:pt x="24" y="71"/>
                    </a:lnTo>
                    <a:lnTo>
                      <a:pt x="16" y="75"/>
                    </a:lnTo>
                    <a:lnTo>
                      <a:pt x="11" y="75"/>
                    </a:lnTo>
                    <a:lnTo>
                      <a:pt x="7" y="74"/>
                    </a:lnTo>
                    <a:lnTo>
                      <a:pt x="3" y="71"/>
                    </a:lnTo>
                    <a:lnTo>
                      <a:pt x="0" y="67"/>
                    </a:lnTo>
                    <a:lnTo>
                      <a:pt x="6" y="4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35" name="Freeform 30"/>
              <p:cNvSpPr>
                <a:spLocks/>
              </p:cNvSpPr>
              <p:nvPr/>
            </p:nvSpPr>
            <p:spPr bwMode="auto">
              <a:xfrm>
                <a:off x="7413615" y="1121846"/>
                <a:ext cx="67403" cy="39739"/>
              </a:xfrm>
              <a:custGeom>
                <a:avLst/>
                <a:gdLst/>
                <a:ahLst/>
                <a:cxnLst>
                  <a:cxn ang="0">
                    <a:pos x="26" y="40"/>
                  </a:cxn>
                  <a:cxn ang="0">
                    <a:pos x="36" y="36"/>
                  </a:cxn>
                  <a:cxn ang="0">
                    <a:pos x="48" y="31"/>
                  </a:cxn>
                  <a:cxn ang="0">
                    <a:pos x="58" y="23"/>
                  </a:cxn>
                  <a:cxn ang="0">
                    <a:pos x="69" y="16"/>
                  </a:cxn>
                  <a:cxn ang="0">
                    <a:pos x="80" y="9"/>
                  </a:cxn>
                  <a:cxn ang="0">
                    <a:pos x="91" y="3"/>
                  </a:cxn>
                  <a:cxn ang="0">
                    <a:pos x="97" y="1"/>
                  </a:cxn>
                  <a:cxn ang="0">
                    <a:pos x="102" y="0"/>
                  </a:cxn>
                  <a:cxn ang="0">
                    <a:pos x="107" y="0"/>
                  </a:cxn>
                  <a:cxn ang="0">
                    <a:pos x="114" y="0"/>
                  </a:cxn>
                  <a:cxn ang="0">
                    <a:pos x="116" y="1"/>
                  </a:cxn>
                  <a:cxn ang="0">
                    <a:pos x="119" y="2"/>
                  </a:cxn>
                  <a:cxn ang="0">
                    <a:pos x="120" y="5"/>
                  </a:cxn>
                  <a:cxn ang="0">
                    <a:pos x="120" y="7"/>
                  </a:cxn>
                  <a:cxn ang="0">
                    <a:pos x="122" y="13"/>
                  </a:cxn>
                  <a:cxn ang="0">
                    <a:pos x="124" y="18"/>
                  </a:cxn>
                  <a:cxn ang="0">
                    <a:pos x="132" y="25"/>
                  </a:cxn>
                  <a:cxn ang="0">
                    <a:pos x="142" y="35"/>
                  </a:cxn>
                  <a:cxn ang="0">
                    <a:pos x="146" y="40"/>
                  </a:cxn>
                  <a:cxn ang="0">
                    <a:pos x="148" y="45"/>
                  </a:cxn>
                  <a:cxn ang="0">
                    <a:pos x="148" y="46"/>
                  </a:cxn>
                  <a:cxn ang="0">
                    <a:pos x="148" y="49"/>
                  </a:cxn>
                  <a:cxn ang="0">
                    <a:pos x="146" y="51"/>
                  </a:cxn>
                  <a:cxn ang="0">
                    <a:pos x="142" y="54"/>
                  </a:cxn>
                  <a:cxn ang="0">
                    <a:pos x="137" y="58"/>
                  </a:cxn>
                  <a:cxn ang="0">
                    <a:pos x="132" y="60"/>
                  </a:cxn>
                  <a:cxn ang="0">
                    <a:pos x="126" y="62"/>
                  </a:cxn>
                  <a:cxn ang="0">
                    <a:pos x="119" y="63"/>
                  </a:cxn>
                  <a:cxn ang="0">
                    <a:pos x="105" y="64"/>
                  </a:cxn>
                  <a:cxn ang="0">
                    <a:pos x="93" y="66"/>
                  </a:cxn>
                  <a:cxn ang="0">
                    <a:pos x="74" y="70"/>
                  </a:cxn>
                  <a:cxn ang="0">
                    <a:pos x="54" y="76"/>
                  </a:cxn>
                  <a:cxn ang="0">
                    <a:pos x="45" y="80"/>
                  </a:cxn>
                  <a:cxn ang="0">
                    <a:pos x="35" y="82"/>
                  </a:cxn>
                  <a:cxn ang="0">
                    <a:pos x="30" y="84"/>
                  </a:cxn>
                  <a:cxn ang="0">
                    <a:pos x="25" y="85"/>
                  </a:cxn>
                  <a:cxn ang="0">
                    <a:pos x="19" y="85"/>
                  </a:cxn>
                  <a:cxn ang="0">
                    <a:pos x="14" y="84"/>
                  </a:cxn>
                  <a:cxn ang="0">
                    <a:pos x="6" y="81"/>
                  </a:cxn>
                  <a:cxn ang="0">
                    <a:pos x="2" y="77"/>
                  </a:cxn>
                  <a:cxn ang="0">
                    <a:pos x="0" y="72"/>
                  </a:cxn>
                  <a:cxn ang="0">
                    <a:pos x="0" y="67"/>
                  </a:cxn>
                  <a:cxn ang="0">
                    <a:pos x="1" y="62"/>
                  </a:cxn>
                  <a:cxn ang="0">
                    <a:pos x="4" y="57"/>
                  </a:cxn>
                  <a:cxn ang="0">
                    <a:pos x="9" y="51"/>
                  </a:cxn>
                  <a:cxn ang="0">
                    <a:pos x="13" y="46"/>
                  </a:cxn>
                  <a:cxn ang="0">
                    <a:pos x="26" y="40"/>
                  </a:cxn>
                </a:cxnLst>
                <a:rect l="0" t="0" r="r" b="b"/>
                <a:pathLst>
                  <a:path w="148" h="85">
                    <a:moveTo>
                      <a:pt x="26" y="40"/>
                    </a:moveTo>
                    <a:lnTo>
                      <a:pt x="36" y="36"/>
                    </a:lnTo>
                    <a:lnTo>
                      <a:pt x="48" y="31"/>
                    </a:lnTo>
                    <a:lnTo>
                      <a:pt x="58" y="23"/>
                    </a:lnTo>
                    <a:lnTo>
                      <a:pt x="69" y="16"/>
                    </a:lnTo>
                    <a:lnTo>
                      <a:pt x="80" y="9"/>
                    </a:lnTo>
                    <a:lnTo>
                      <a:pt x="91" y="3"/>
                    </a:lnTo>
                    <a:lnTo>
                      <a:pt x="97" y="1"/>
                    </a:lnTo>
                    <a:lnTo>
                      <a:pt x="102" y="0"/>
                    </a:lnTo>
                    <a:lnTo>
                      <a:pt x="107" y="0"/>
                    </a:lnTo>
                    <a:lnTo>
                      <a:pt x="114" y="0"/>
                    </a:lnTo>
                    <a:lnTo>
                      <a:pt x="116" y="1"/>
                    </a:lnTo>
                    <a:lnTo>
                      <a:pt x="119" y="2"/>
                    </a:lnTo>
                    <a:lnTo>
                      <a:pt x="120" y="5"/>
                    </a:lnTo>
                    <a:lnTo>
                      <a:pt x="120" y="7"/>
                    </a:lnTo>
                    <a:lnTo>
                      <a:pt x="122" y="13"/>
                    </a:lnTo>
                    <a:lnTo>
                      <a:pt x="124" y="18"/>
                    </a:lnTo>
                    <a:lnTo>
                      <a:pt x="132" y="25"/>
                    </a:lnTo>
                    <a:lnTo>
                      <a:pt x="142" y="35"/>
                    </a:lnTo>
                    <a:lnTo>
                      <a:pt x="146" y="40"/>
                    </a:lnTo>
                    <a:lnTo>
                      <a:pt x="148" y="45"/>
                    </a:lnTo>
                    <a:lnTo>
                      <a:pt x="148" y="46"/>
                    </a:lnTo>
                    <a:lnTo>
                      <a:pt x="148" y="49"/>
                    </a:lnTo>
                    <a:lnTo>
                      <a:pt x="146" y="51"/>
                    </a:lnTo>
                    <a:lnTo>
                      <a:pt x="142" y="54"/>
                    </a:lnTo>
                    <a:lnTo>
                      <a:pt x="137" y="58"/>
                    </a:lnTo>
                    <a:lnTo>
                      <a:pt x="132" y="60"/>
                    </a:lnTo>
                    <a:lnTo>
                      <a:pt x="126" y="62"/>
                    </a:lnTo>
                    <a:lnTo>
                      <a:pt x="119" y="63"/>
                    </a:lnTo>
                    <a:lnTo>
                      <a:pt x="105" y="64"/>
                    </a:lnTo>
                    <a:lnTo>
                      <a:pt x="93" y="66"/>
                    </a:lnTo>
                    <a:lnTo>
                      <a:pt x="74" y="70"/>
                    </a:lnTo>
                    <a:lnTo>
                      <a:pt x="54" y="76"/>
                    </a:lnTo>
                    <a:lnTo>
                      <a:pt x="45" y="80"/>
                    </a:lnTo>
                    <a:lnTo>
                      <a:pt x="35" y="82"/>
                    </a:lnTo>
                    <a:lnTo>
                      <a:pt x="30" y="84"/>
                    </a:lnTo>
                    <a:lnTo>
                      <a:pt x="25" y="85"/>
                    </a:lnTo>
                    <a:lnTo>
                      <a:pt x="19" y="85"/>
                    </a:lnTo>
                    <a:lnTo>
                      <a:pt x="14" y="84"/>
                    </a:lnTo>
                    <a:lnTo>
                      <a:pt x="6" y="81"/>
                    </a:lnTo>
                    <a:lnTo>
                      <a:pt x="2" y="77"/>
                    </a:lnTo>
                    <a:lnTo>
                      <a:pt x="0" y="72"/>
                    </a:lnTo>
                    <a:lnTo>
                      <a:pt x="0" y="67"/>
                    </a:lnTo>
                    <a:lnTo>
                      <a:pt x="1" y="62"/>
                    </a:lnTo>
                    <a:lnTo>
                      <a:pt x="4" y="57"/>
                    </a:lnTo>
                    <a:lnTo>
                      <a:pt x="9" y="51"/>
                    </a:lnTo>
                    <a:lnTo>
                      <a:pt x="13" y="46"/>
                    </a:lnTo>
                    <a:lnTo>
                      <a:pt x="26" y="40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36" name="Freeform 31"/>
              <p:cNvSpPr>
                <a:spLocks/>
              </p:cNvSpPr>
              <p:nvPr/>
            </p:nvSpPr>
            <p:spPr bwMode="auto">
              <a:xfrm>
                <a:off x="7417258" y="1085719"/>
                <a:ext cx="45543" cy="19870"/>
              </a:xfrm>
              <a:custGeom>
                <a:avLst/>
                <a:gdLst/>
                <a:ahLst/>
                <a:cxnLst>
                  <a:cxn ang="0">
                    <a:pos x="24" y="21"/>
                  </a:cxn>
                  <a:cxn ang="0">
                    <a:pos x="33" y="18"/>
                  </a:cxn>
                  <a:cxn ang="0">
                    <a:pos x="43" y="15"/>
                  </a:cxn>
                  <a:cxn ang="0">
                    <a:pos x="53" y="11"/>
                  </a:cxn>
                  <a:cxn ang="0">
                    <a:pos x="62" y="8"/>
                  </a:cxn>
                  <a:cxn ang="0">
                    <a:pos x="78" y="3"/>
                  </a:cxn>
                  <a:cxn ang="0">
                    <a:pos x="92" y="0"/>
                  </a:cxn>
                  <a:cxn ang="0">
                    <a:pos x="95" y="5"/>
                  </a:cxn>
                  <a:cxn ang="0">
                    <a:pos x="96" y="12"/>
                  </a:cxn>
                  <a:cxn ang="0">
                    <a:pos x="97" y="18"/>
                  </a:cxn>
                  <a:cxn ang="0">
                    <a:pos x="97" y="25"/>
                  </a:cxn>
                  <a:cxn ang="0">
                    <a:pos x="96" y="27"/>
                  </a:cxn>
                  <a:cxn ang="0">
                    <a:pos x="96" y="30"/>
                  </a:cxn>
                  <a:cxn ang="0">
                    <a:pos x="95" y="33"/>
                  </a:cxn>
                  <a:cxn ang="0">
                    <a:pos x="92" y="34"/>
                  </a:cxn>
                  <a:cxn ang="0">
                    <a:pos x="87" y="37"/>
                  </a:cxn>
                  <a:cxn ang="0">
                    <a:pos x="81" y="38"/>
                  </a:cxn>
                  <a:cxn ang="0">
                    <a:pos x="68" y="38"/>
                  </a:cxn>
                  <a:cxn ang="0">
                    <a:pos x="57" y="38"/>
                  </a:cxn>
                  <a:cxn ang="0">
                    <a:pos x="44" y="39"/>
                  </a:cxn>
                  <a:cxn ang="0">
                    <a:pos x="33" y="42"/>
                  </a:cxn>
                  <a:cxn ang="0">
                    <a:pos x="22" y="42"/>
                  </a:cxn>
                  <a:cxn ang="0">
                    <a:pos x="15" y="42"/>
                  </a:cxn>
                  <a:cxn ang="0">
                    <a:pos x="8" y="38"/>
                  </a:cxn>
                  <a:cxn ang="0">
                    <a:pos x="0" y="34"/>
                  </a:cxn>
                  <a:cxn ang="0">
                    <a:pos x="24" y="21"/>
                  </a:cxn>
                </a:cxnLst>
                <a:rect l="0" t="0" r="r" b="b"/>
                <a:pathLst>
                  <a:path w="97" h="42">
                    <a:moveTo>
                      <a:pt x="24" y="21"/>
                    </a:moveTo>
                    <a:lnTo>
                      <a:pt x="33" y="18"/>
                    </a:lnTo>
                    <a:lnTo>
                      <a:pt x="43" y="15"/>
                    </a:lnTo>
                    <a:lnTo>
                      <a:pt x="53" y="11"/>
                    </a:lnTo>
                    <a:lnTo>
                      <a:pt x="62" y="8"/>
                    </a:lnTo>
                    <a:lnTo>
                      <a:pt x="78" y="3"/>
                    </a:lnTo>
                    <a:lnTo>
                      <a:pt x="92" y="0"/>
                    </a:lnTo>
                    <a:lnTo>
                      <a:pt x="95" y="5"/>
                    </a:lnTo>
                    <a:lnTo>
                      <a:pt x="96" y="12"/>
                    </a:lnTo>
                    <a:lnTo>
                      <a:pt x="97" y="18"/>
                    </a:lnTo>
                    <a:lnTo>
                      <a:pt x="97" y="25"/>
                    </a:lnTo>
                    <a:lnTo>
                      <a:pt x="96" y="27"/>
                    </a:lnTo>
                    <a:lnTo>
                      <a:pt x="96" y="30"/>
                    </a:lnTo>
                    <a:lnTo>
                      <a:pt x="95" y="33"/>
                    </a:lnTo>
                    <a:lnTo>
                      <a:pt x="92" y="34"/>
                    </a:lnTo>
                    <a:lnTo>
                      <a:pt x="87" y="37"/>
                    </a:lnTo>
                    <a:lnTo>
                      <a:pt x="81" y="38"/>
                    </a:lnTo>
                    <a:lnTo>
                      <a:pt x="68" y="38"/>
                    </a:lnTo>
                    <a:lnTo>
                      <a:pt x="57" y="38"/>
                    </a:lnTo>
                    <a:lnTo>
                      <a:pt x="44" y="39"/>
                    </a:lnTo>
                    <a:lnTo>
                      <a:pt x="33" y="42"/>
                    </a:lnTo>
                    <a:lnTo>
                      <a:pt x="22" y="42"/>
                    </a:lnTo>
                    <a:lnTo>
                      <a:pt x="15" y="42"/>
                    </a:lnTo>
                    <a:lnTo>
                      <a:pt x="8" y="38"/>
                    </a:lnTo>
                    <a:lnTo>
                      <a:pt x="0" y="34"/>
                    </a:lnTo>
                    <a:lnTo>
                      <a:pt x="24" y="21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37" name="Freeform 32"/>
              <p:cNvSpPr>
                <a:spLocks/>
              </p:cNvSpPr>
              <p:nvPr/>
            </p:nvSpPr>
            <p:spPr bwMode="auto">
              <a:xfrm>
                <a:off x="7375360" y="1161584"/>
                <a:ext cx="30969" cy="25288"/>
              </a:xfrm>
              <a:custGeom>
                <a:avLst/>
                <a:gdLst/>
                <a:ahLst/>
                <a:cxnLst>
                  <a:cxn ang="0">
                    <a:pos x="35" y="0"/>
                  </a:cxn>
                  <a:cxn ang="0">
                    <a:pos x="24" y="2"/>
                  </a:cxn>
                  <a:cxn ang="0">
                    <a:pos x="15" y="6"/>
                  </a:cxn>
                  <a:cxn ang="0">
                    <a:pos x="11" y="10"/>
                  </a:cxn>
                  <a:cxn ang="0">
                    <a:pos x="7" y="14"/>
                  </a:cxn>
                  <a:cxn ang="0">
                    <a:pos x="4" y="18"/>
                  </a:cxn>
                  <a:cxn ang="0">
                    <a:pos x="0" y="23"/>
                  </a:cxn>
                  <a:cxn ang="0">
                    <a:pos x="0" y="28"/>
                  </a:cxn>
                  <a:cxn ang="0">
                    <a:pos x="3" y="33"/>
                  </a:cxn>
                  <a:cxn ang="0">
                    <a:pos x="7" y="40"/>
                  </a:cxn>
                  <a:cxn ang="0">
                    <a:pos x="9" y="44"/>
                  </a:cxn>
                  <a:cxn ang="0">
                    <a:pos x="13" y="49"/>
                  </a:cxn>
                  <a:cxn ang="0">
                    <a:pos x="17" y="51"/>
                  </a:cxn>
                  <a:cxn ang="0">
                    <a:pos x="22" y="53"/>
                  </a:cxn>
                  <a:cxn ang="0">
                    <a:pos x="27" y="54"/>
                  </a:cxn>
                  <a:cxn ang="0">
                    <a:pos x="38" y="54"/>
                  </a:cxn>
                  <a:cxn ang="0">
                    <a:pos x="48" y="53"/>
                  </a:cxn>
                  <a:cxn ang="0">
                    <a:pos x="52" y="53"/>
                  </a:cxn>
                  <a:cxn ang="0">
                    <a:pos x="56" y="51"/>
                  </a:cxn>
                  <a:cxn ang="0">
                    <a:pos x="59" y="50"/>
                  </a:cxn>
                  <a:cxn ang="0">
                    <a:pos x="61" y="48"/>
                  </a:cxn>
                  <a:cxn ang="0">
                    <a:pos x="64" y="42"/>
                  </a:cxn>
                  <a:cxn ang="0">
                    <a:pos x="65" y="35"/>
                  </a:cxn>
                  <a:cxn ang="0">
                    <a:pos x="65" y="27"/>
                  </a:cxn>
                  <a:cxn ang="0">
                    <a:pos x="61" y="19"/>
                  </a:cxn>
                  <a:cxn ang="0">
                    <a:pos x="56" y="13"/>
                  </a:cxn>
                  <a:cxn ang="0">
                    <a:pos x="51" y="6"/>
                  </a:cxn>
                  <a:cxn ang="0">
                    <a:pos x="35" y="0"/>
                  </a:cxn>
                </a:cxnLst>
                <a:rect l="0" t="0" r="r" b="b"/>
                <a:pathLst>
                  <a:path w="65" h="54">
                    <a:moveTo>
                      <a:pt x="35" y="0"/>
                    </a:moveTo>
                    <a:lnTo>
                      <a:pt x="24" y="2"/>
                    </a:lnTo>
                    <a:lnTo>
                      <a:pt x="15" y="6"/>
                    </a:lnTo>
                    <a:lnTo>
                      <a:pt x="11" y="10"/>
                    </a:lnTo>
                    <a:lnTo>
                      <a:pt x="7" y="14"/>
                    </a:lnTo>
                    <a:lnTo>
                      <a:pt x="4" y="18"/>
                    </a:lnTo>
                    <a:lnTo>
                      <a:pt x="0" y="23"/>
                    </a:lnTo>
                    <a:lnTo>
                      <a:pt x="0" y="28"/>
                    </a:lnTo>
                    <a:lnTo>
                      <a:pt x="3" y="33"/>
                    </a:lnTo>
                    <a:lnTo>
                      <a:pt x="7" y="40"/>
                    </a:lnTo>
                    <a:lnTo>
                      <a:pt x="9" y="44"/>
                    </a:lnTo>
                    <a:lnTo>
                      <a:pt x="13" y="49"/>
                    </a:lnTo>
                    <a:lnTo>
                      <a:pt x="17" y="51"/>
                    </a:lnTo>
                    <a:lnTo>
                      <a:pt x="22" y="53"/>
                    </a:lnTo>
                    <a:lnTo>
                      <a:pt x="27" y="54"/>
                    </a:lnTo>
                    <a:lnTo>
                      <a:pt x="38" y="54"/>
                    </a:lnTo>
                    <a:lnTo>
                      <a:pt x="48" y="53"/>
                    </a:lnTo>
                    <a:lnTo>
                      <a:pt x="52" y="53"/>
                    </a:lnTo>
                    <a:lnTo>
                      <a:pt x="56" y="51"/>
                    </a:lnTo>
                    <a:lnTo>
                      <a:pt x="59" y="50"/>
                    </a:lnTo>
                    <a:lnTo>
                      <a:pt x="61" y="48"/>
                    </a:lnTo>
                    <a:lnTo>
                      <a:pt x="64" y="42"/>
                    </a:lnTo>
                    <a:lnTo>
                      <a:pt x="65" y="35"/>
                    </a:lnTo>
                    <a:lnTo>
                      <a:pt x="65" y="27"/>
                    </a:lnTo>
                    <a:lnTo>
                      <a:pt x="61" y="19"/>
                    </a:lnTo>
                    <a:lnTo>
                      <a:pt x="56" y="13"/>
                    </a:lnTo>
                    <a:lnTo>
                      <a:pt x="51" y="6"/>
                    </a:lnTo>
                    <a:lnTo>
                      <a:pt x="35" y="0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38" name="Freeform 33"/>
              <p:cNvSpPr>
                <a:spLocks/>
              </p:cNvSpPr>
              <p:nvPr/>
            </p:nvSpPr>
            <p:spPr bwMode="auto">
              <a:xfrm>
                <a:off x="7000092" y="1665544"/>
                <a:ext cx="52830" cy="65027"/>
              </a:xfrm>
              <a:custGeom>
                <a:avLst/>
                <a:gdLst/>
                <a:ahLst/>
                <a:cxnLst>
                  <a:cxn ang="0">
                    <a:pos x="70" y="73"/>
                  </a:cxn>
                  <a:cxn ang="0">
                    <a:pos x="66" y="65"/>
                  </a:cxn>
                  <a:cxn ang="0">
                    <a:pos x="63" y="57"/>
                  </a:cxn>
                  <a:cxn ang="0">
                    <a:pos x="52" y="43"/>
                  </a:cxn>
                  <a:cxn ang="0">
                    <a:pos x="35" y="24"/>
                  </a:cxn>
                  <a:cxn ang="0">
                    <a:pos x="26" y="13"/>
                  </a:cxn>
                  <a:cxn ang="0">
                    <a:pos x="18" y="6"/>
                  </a:cxn>
                  <a:cxn ang="0">
                    <a:pos x="14" y="3"/>
                  </a:cxn>
                  <a:cxn ang="0">
                    <a:pos x="10" y="2"/>
                  </a:cxn>
                  <a:cxn ang="0">
                    <a:pos x="8" y="0"/>
                  </a:cxn>
                  <a:cxn ang="0">
                    <a:pos x="5" y="2"/>
                  </a:cxn>
                  <a:cxn ang="0">
                    <a:pos x="1" y="4"/>
                  </a:cxn>
                  <a:cxn ang="0">
                    <a:pos x="0" y="8"/>
                  </a:cxn>
                  <a:cxn ang="0">
                    <a:pos x="0" y="13"/>
                  </a:cxn>
                  <a:cxn ang="0">
                    <a:pos x="1" y="19"/>
                  </a:cxn>
                  <a:cxn ang="0">
                    <a:pos x="5" y="29"/>
                  </a:cxn>
                  <a:cxn ang="0">
                    <a:pos x="10" y="35"/>
                  </a:cxn>
                  <a:cxn ang="0">
                    <a:pos x="22" y="47"/>
                  </a:cxn>
                  <a:cxn ang="0">
                    <a:pos x="37" y="57"/>
                  </a:cxn>
                  <a:cxn ang="0">
                    <a:pos x="44" y="64"/>
                  </a:cxn>
                  <a:cxn ang="0">
                    <a:pos x="50" y="70"/>
                  </a:cxn>
                  <a:cxn ang="0">
                    <a:pos x="54" y="77"/>
                  </a:cxn>
                  <a:cxn ang="0">
                    <a:pos x="57" y="85"/>
                  </a:cxn>
                  <a:cxn ang="0">
                    <a:pos x="57" y="101"/>
                  </a:cxn>
                  <a:cxn ang="0">
                    <a:pos x="59" y="121"/>
                  </a:cxn>
                  <a:cxn ang="0">
                    <a:pos x="62" y="130"/>
                  </a:cxn>
                  <a:cxn ang="0">
                    <a:pos x="67" y="136"/>
                  </a:cxn>
                  <a:cxn ang="0">
                    <a:pos x="70" y="140"/>
                  </a:cxn>
                  <a:cxn ang="0">
                    <a:pos x="72" y="143"/>
                  </a:cxn>
                  <a:cxn ang="0">
                    <a:pos x="76" y="144"/>
                  </a:cxn>
                  <a:cxn ang="0">
                    <a:pos x="80" y="146"/>
                  </a:cxn>
                  <a:cxn ang="0">
                    <a:pos x="87" y="146"/>
                  </a:cxn>
                  <a:cxn ang="0">
                    <a:pos x="92" y="144"/>
                  </a:cxn>
                  <a:cxn ang="0">
                    <a:pos x="98" y="143"/>
                  </a:cxn>
                  <a:cxn ang="0">
                    <a:pos x="103" y="140"/>
                  </a:cxn>
                  <a:cxn ang="0">
                    <a:pos x="109" y="138"/>
                  </a:cxn>
                  <a:cxn ang="0">
                    <a:pos x="112" y="134"/>
                  </a:cxn>
                  <a:cxn ang="0">
                    <a:pos x="115" y="129"/>
                  </a:cxn>
                  <a:cxn ang="0">
                    <a:pos x="116" y="123"/>
                  </a:cxn>
                  <a:cxn ang="0">
                    <a:pos x="116" y="117"/>
                  </a:cxn>
                  <a:cxn ang="0">
                    <a:pos x="114" y="112"/>
                  </a:cxn>
                  <a:cxn ang="0">
                    <a:pos x="109" y="107"/>
                  </a:cxn>
                  <a:cxn ang="0">
                    <a:pos x="103" y="103"/>
                  </a:cxn>
                  <a:cxn ang="0">
                    <a:pos x="90" y="95"/>
                  </a:cxn>
                  <a:cxn ang="0">
                    <a:pos x="79" y="90"/>
                  </a:cxn>
                  <a:cxn ang="0">
                    <a:pos x="70" y="73"/>
                  </a:cxn>
                </a:cxnLst>
                <a:rect l="0" t="0" r="r" b="b"/>
                <a:pathLst>
                  <a:path w="116" h="146">
                    <a:moveTo>
                      <a:pt x="70" y="73"/>
                    </a:moveTo>
                    <a:lnTo>
                      <a:pt x="66" y="65"/>
                    </a:lnTo>
                    <a:lnTo>
                      <a:pt x="63" y="57"/>
                    </a:lnTo>
                    <a:lnTo>
                      <a:pt x="52" y="43"/>
                    </a:lnTo>
                    <a:lnTo>
                      <a:pt x="35" y="24"/>
                    </a:lnTo>
                    <a:lnTo>
                      <a:pt x="26" y="13"/>
                    </a:lnTo>
                    <a:lnTo>
                      <a:pt x="18" y="6"/>
                    </a:lnTo>
                    <a:lnTo>
                      <a:pt x="14" y="3"/>
                    </a:lnTo>
                    <a:lnTo>
                      <a:pt x="10" y="2"/>
                    </a:lnTo>
                    <a:lnTo>
                      <a:pt x="8" y="0"/>
                    </a:lnTo>
                    <a:lnTo>
                      <a:pt x="5" y="2"/>
                    </a:lnTo>
                    <a:lnTo>
                      <a:pt x="1" y="4"/>
                    </a:lnTo>
                    <a:lnTo>
                      <a:pt x="0" y="8"/>
                    </a:lnTo>
                    <a:lnTo>
                      <a:pt x="0" y="13"/>
                    </a:lnTo>
                    <a:lnTo>
                      <a:pt x="1" y="19"/>
                    </a:lnTo>
                    <a:lnTo>
                      <a:pt x="5" y="29"/>
                    </a:lnTo>
                    <a:lnTo>
                      <a:pt x="10" y="35"/>
                    </a:lnTo>
                    <a:lnTo>
                      <a:pt x="22" y="47"/>
                    </a:lnTo>
                    <a:lnTo>
                      <a:pt x="37" y="57"/>
                    </a:lnTo>
                    <a:lnTo>
                      <a:pt x="44" y="64"/>
                    </a:lnTo>
                    <a:lnTo>
                      <a:pt x="50" y="70"/>
                    </a:lnTo>
                    <a:lnTo>
                      <a:pt x="54" y="77"/>
                    </a:lnTo>
                    <a:lnTo>
                      <a:pt x="57" y="85"/>
                    </a:lnTo>
                    <a:lnTo>
                      <a:pt x="57" y="101"/>
                    </a:lnTo>
                    <a:lnTo>
                      <a:pt x="59" y="121"/>
                    </a:lnTo>
                    <a:lnTo>
                      <a:pt x="62" y="130"/>
                    </a:lnTo>
                    <a:lnTo>
                      <a:pt x="67" y="136"/>
                    </a:lnTo>
                    <a:lnTo>
                      <a:pt x="70" y="140"/>
                    </a:lnTo>
                    <a:lnTo>
                      <a:pt x="72" y="143"/>
                    </a:lnTo>
                    <a:lnTo>
                      <a:pt x="76" y="144"/>
                    </a:lnTo>
                    <a:lnTo>
                      <a:pt x="80" y="146"/>
                    </a:lnTo>
                    <a:lnTo>
                      <a:pt x="87" y="146"/>
                    </a:lnTo>
                    <a:lnTo>
                      <a:pt x="92" y="144"/>
                    </a:lnTo>
                    <a:lnTo>
                      <a:pt x="98" y="143"/>
                    </a:lnTo>
                    <a:lnTo>
                      <a:pt x="103" y="140"/>
                    </a:lnTo>
                    <a:lnTo>
                      <a:pt x="109" y="138"/>
                    </a:lnTo>
                    <a:lnTo>
                      <a:pt x="112" y="134"/>
                    </a:lnTo>
                    <a:lnTo>
                      <a:pt x="115" y="129"/>
                    </a:lnTo>
                    <a:lnTo>
                      <a:pt x="116" y="123"/>
                    </a:lnTo>
                    <a:lnTo>
                      <a:pt x="116" y="117"/>
                    </a:lnTo>
                    <a:lnTo>
                      <a:pt x="114" y="112"/>
                    </a:lnTo>
                    <a:lnTo>
                      <a:pt x="109" y="107"/>
                    </a:lnTo>
                    <a:lnTo>
                      <a:pt x="103" y="103"/>
                    </a:lnTo>
                    <a:lnTo>
                      <a:pt x="90" y="95"/>
                    </a:lnTo>
                    <a:lnTo>
                      <a:pt x="79" y="90"/>
                    </a:lnTo>
                    <a:lnTo>
                      <a:pt x="70" y="73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39" name="Freeform 34"/>
              <p:cNvSpPr>
                <a:spLocks/>
              </p:cNvSpPr>
              <p:nvPr/>
            </p:nvSpPr>
            <p:spPr bwMode="auto">
              <a:xfrm>
                <a:off x="6994626" y="1815467"/>
                <a:ext cx="18217" cy="30708"/>
              </a:xfrm>
              <a:custGeom>
                <a:avLst/>
                <a:gdLst/>
                <a:ahLst/>
                <a:cxnLst>
                  <a:cxn ang="0">
                    <a:pos x="20" y="68"/>
                  </a:cxn>
                  <a:cxn ang="0">
                    <a:pos x="14" y="68"/>
                  </a:cxn>
                  <a:cxn ang="0">
                    <a:pos x="12" y="68"/>
                  </a:cxn>
                  <a:cxn ang="0">
                    <a:pos x="9" y="66"/>
                  </a:cxn>
                  <a:cxn ang="0">
                    <a:pos x="5" y="64"/>
                  </a:cxn>
                  <a:cxn ang="0">
                    <a:pos x="3" y="57"/>
                  </a:cxn>
                  <a:cxn ang="0">
                    <a:pos x="1" y="50"/>
                  </a:cxn>
                  <a:cxn ang="0">
                    <a:pos x="0" y="42"/>
                  </a:cxn>
                  <a:cxn ang="0">
                    <a:pos x="3" y="35"/>
                  </a:cxn>
                  <a:cxn ang="0">
                    <a:pos x="5" y="28"/>
                  </a:cxn>
                  <a:cxn ang="0">
                    <a:pos x="8" y="21"/>
                  </a:cxn>
                  <a:cxn ang="0">
                    <a:pos x="9" y="15"/>
                  </a:cxn>
                  <a:cxn ang="0">
                    <a:pos x="10" y="9"/>
                  </a:cxn>
                  <a:cxn ang="0">
                    <a:pos x="12" y="6"/>
                  </a:cxn>
                  <a:cxn ang="0">
                    <a:pos x="14" y="4"/>
                  </a:cxn>
                  <a:cxn ang="0">
                    <a:pos x="16" y="2"/>
                  </a:cxn>
                  <a:cxn ang="0">
                    <a:pos x="20" y="0"/>
                  </a:cxn>
                  <a:cxn ang="0">
                    <a:pos x="23" y="0"/>
                  </a:cxn>
                  <a:cxn ang="0">
                    <a:pos x="27" y="0"/>
                  </a:cxn>
                  <a:cxn ang="0">
                    <a:pos x="30" y="0"/>
                  </a:cxn>
                  <a:cxn ang="0">
                    <a:pos x="32" y="3"/>
                  </a:cxn>
                  <a:cxn ang="0">
                    <a:pos x="35" y="4"/>
                  </a:cxn>
                  <a:cxn ang="0">
                    <a:pos x="36" y="8"/>
                  </a:cxn>
                  <a:cxn ang="0">
                    <a:pos x="38" y="12"/>
                  </a:cxn>
                  <a:cxn ang="0">
                    <a:pos x="38" y="16"/>
                  </a:cxn>
                  <a:cxn ang="0">
                    <a:pos x="38" y="25"/>
                  </a:cxn>
                  <a:cxn ang="0">
                    <a:pos x="39" y="33"/>
                  </a:cxn>
                  <a:cxn ang="0">
                    <a:pos x="40" y="39"/>
                  </a:cxn>
                  <a:cxn ang="0">
                    <a:pos x="40" y="43"/>
                  </a:cxn>
                  <a:cxn ang="0">
                    <a:pos x="38" y="47"/>
                  </a:cxn>
                  <a:cxn ang="0">
                    <a:pos x="35" y="52"/>
                  </a:cxn>
                  <a:cxn ang="0">
                    <a:pos x="20" y="68"/>
                  </a:cxn>
                </a:cxnLst>
                <a:rect l="0" t="0" r="r" b="b"/>
                <a:pathLst>
                  <a:path w="40" h="68">
                    <a:moveTo>
                      <a:pt x="20" y="68"/>
                    </a:moveTo>
                    <a:lnTo>
                      <a:pt x="14" y="68"/>
                    </a:lnTo>
                    <a:lnTo>
                      <a:pt x="12" y="68"/>
                    </a:lnTo>
                    <a:lnTo>
                      <a:pt x="9" y="66"/>
                    </a:lnTo>
                    <a:lnTo>
                      <a:pt x="5" y="64"/>
                    </a:lnTo>
                    <a:lnTo>
                      <a:pt x="3" y="57"/>
                    </a:lnTo>
                    <a:lnTo>
                      <a:pt x="1" y="50"/>
                    </a:lnTo>
                    <a:lnTo>
                      <a:pt x="0" y="42"/>
                    </a:lnTo>
                    <a:lnTo>
                      <a:pt x="3" y="35"/>
                    </a:lnTo>
                    <a:lnTo>
                      <a:pt x="5" y="28"/>
                    </a:lnTo>
                    <a:lnTo>
                      <a:pt x="8" y="21"/>
                    </a:lnTo>
                    <a:lnTo>
                      <a:pt x="9" y="15"/>
                    </a:lnTo>
                    <a:lnTo>
                      <a:pt x="10" y="9"/>
                    </a:lnTo>
                    <a:lnTo>
                      <a:pt x="12" y="6"/>
                    </a:lnTo>
                    <a:lnTo>
                      <a:pt x="14" y="4"/>
                    </a:lnTo>
                    <a:lnTo>
                      <a:pt x="16" y="2"/>
                    </a:lnTo>
                    <a:lnTo>
                      <a:pt x="20" y="0"/>
                    </a:lnTo>
                    <a:lnTo>
                      <a:pt x="23" y="0"/>
                    </a:lnTo>
                    <a:lnTo>
                      <a:pt x="27" y="0"/>
                    </a:lnTo>
                    <a:lnTo>
                      <a:pt x="30" y="0"/>
                    </a:lnTo>
                    <a:lnTo>
                      <a:pt x="32" y="3"/>
                    </a:lnTo>
                    <a:lnTo>
                      <a:pt x="35" y="4"/>
                    </a:lnTo>
                    <a:lnTo>
                      <a:pt x="36" y="8"/>
                    </a:lnTo>
                    <a:lnTo>
                      <a:pt x="38" y="12"/>
                    </a:lnTo>
                    <a:lnTo>
                      <a:pt x="38" y="16"/>
                    </a:lnTo>
                    <a:lnTo>
                      <a:pt x="38" y="25"/>
                    </a:lnTo>
                    <a:lnTo>
                      <a:pt x="39" y="33"/>
                    </a:lnTo>
                    <a:lnTo>
                      <a:pt x="40" y="39"/>
                    </a:lnTo>
                    <a:lnTo>
                      <a:pt x="40" y="43"/>
                    </a:lnTo>
                    <a:lnTo>
                      <a:pt x="38" y="47"/>
                    </a:lnTo>
                    <a:lnTo>
                      <a:pt x="35" y="52"/>
                    </a:lnTo>
                    <a:lnTo>
                      <a:pt x="20" y="68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40" name="Freeform 35"/>
              <p:cNvSpPr>
                <a:spLocks/>
              </p:cNvSpPr>
              <p:nvPr/>
            </p:nvSpPr>
            <p:spPr bwMode="auto">
              <a:xfrm>
                <a:off x="6963658" y="1833530"/>
                <a:ext cx="21860" cy="30708"/>
              </a:xfrm>
              <a:custGeom>
                <a:avLst/>
                <a:gdLst/>
                <a:ahLst/>
                <a:cxnLst>
                  <a:cxn ang="0">
                    <a:pos x="44" y="31"/>
                  </a:cxn>
                  <a:cxn ang="0">
                    <a:pos x="36" y="22"/>
                  </a:cxn>
                  <a:cxn ang="0">
                    <a:pos x="29" y="11"/>
                  </a:cxn>
                  <a:cxn ang="0">
                    <a:pos x="23" y="7"/>
                  </a:cxn>
                  <a:cxn ang="0">
                    <a:pos x="17" y="1"/>
                  </a:cxn>
                  <a:cxn ang="0">
                    <a:pos x="13" y="0"/>
                  </a:cxn>
                  <a:cxn ang="0">
                    <a:pos x="9" y="0"/>
                  </a:cxn>
                  <a:cxn ang="0">
                    <a:pos x="6" y="1"/>
                  </a:cxn>
                  <a:cxn ang="0">
                    <a:pos x="4" y="5"/>
                  </a:cxn>
                  <a:cxn ang="0">
                    <a:pos x="1" y="17"/>
                  </a:cxn>
                  <a:cxn ang="0">
                    <a:pos x="0" y="30"/>
                  </a:cxn>
                  <a:cxn ang="0">
                    <a:pos x="3" y="36"/>
                  </a:cxn>
                  <a:cxn ang="0">
                    <a:pos x="4" y="43"/>
                  </a:cxn>
                  <a:cxn ang="0">
                    <a:pos x="5" y="49"/>
                  </a:cxn>
                  <a:cxn ang="0">
                    <a:pos x="6" y="57"/>
                  </a:cxn>
                  <a:cxn ang="0">
                    <a:pos x="8" y="61"/>
                  </a:cxn>
                  <a:cxn ang="0">
                    <a:pos x="9" y="64"/>
                  </a:cxn>
                  <a:cxn ang="0">
                    <a:pos x="12" y="66"/>
                  </a:cxn>
                  <a:cxn ang="0">
                    <a:pos x="14" y="69"/>
                  </a:cxn>
                  <a:cxn ang="0">
                    <a:pos x="19" y="71"/>
                  </a:cxn>
                  <a:cxn ang="0">
                    <a:pos x="25" y="71"/>
                  </a:cxn>
                  <a:cxn ang="0">
                    <a:pos x="29" y="70"/>
                  </a:cxn>
                  <a:cxn ang="0">
                    <a:pos x="34" y="68"/>
                  </a:cxn>
                  <a:cxn ang="0">
                    <a:pos x="38" y="64"/>
                  </a:cxn>
                  <a:cxn ang="0">
                    <a:pos x="40" y="60"/>
                  </a:cxn>
                  <a:cxn ang="0">
                    <a:pos x="43" y="55"/>
                  </a:cxn>
                  <a:cxn ang="0">
                    <a:pos x="45" y="51"/>
                  </a:cxn>
                  <a:cxn ang="0">
                    <a:pos x="44" y="31"/>
                  </a:cxn>
                </a:cxnLst>
                <a:rect l="0" t="0" r="r" b="b"/>
                <a:pathLst>
                  <a:path w="45" h="71">
                    <a:moveTo>
                      <a:pt x="44" y="31"/>
                    </a:moveTo>
                    <a:lnTo>
                      <a:pt x="36" y="22"/>
                    </a:lnTo>
                    <a:lnTo>
                      <a:pt x="29" y="11"/>
                    </a:lnTo>
                    <a:lnTo>
                      <a:pt x="23" y="7"/>
                    </a:lnTo>
                    <a:lnTo>
                      <a:pt x="17" y="1"/>
                    </a:lnTo>
                    <a:lnTo>
                      <a:pt x="13" y="0"/>
                    </a:lnTo>
                    <a:lnTo>
                      <a:pt x="9" y="0"/>
                    </a:lnTo>
                    <a:lnTo>
                      <a:pt x="6" y="1"/>
                    </a:lnTo>
                    <a:lnTo>
                      <a:pt x="4" y="5"/>
                    </a:lnTo>
                    <a:lnTo>
                      <a:pt x="1" y="17"/>
                    </a:lnTo>
                    <a:lnTo>
                      <a:pt x="0" y="30"/>
                    </a:lnTo>
                    <a:lnTo>
                      <a:pt x="3" y="36"/>
                    </a:lnTo>
                    <a:lnTo>
                      <a:pt x="4" y="43"/>
                    </a:lnTo>
                    <a:lnTo>
                      <a:pt x="5" y="49"/>
                    </a:lnTo>
                    <a:lnTo>
                      <a:pt x="6" y="57"/>
                    </a:lnTo>
                    <a:lnTo>
                      <a:pt x="8" y="61"/>
                    </a:lnTo>
                    <a:lnTo>
                      <a:pt x="9" y="64"/>
                    </a:lnTo>
                    <a:lnTo>
                      <a:pt x="12" y="66"/>
                    </a:lnTo>
                    <a:lnTo>
                      <a:pt x="14" y="69"/>
                    </a:lnTo>
                    <a:lnTo>
                      <a:pt x="19" y="71"/>
                    </a:lnTo>
                    <a:lnTo>
                      <a:pt x="25" y="71"/>
                    </a:lnTo>
                    <a:lnTo>
                      <a:pt x="29" y="70"/>
                    </a:lnTo>
                    <a:lnTo>
                      <a:pt x="34" y="68"/>
                    </a:lnTo>
                    <a:lnTo>
                      <a:pt x="38" y="64"/>
                    </a:lnTo>
                    <a:lnTo>
                      <a:pt x="40" y="60"/>
                    </a:lnTo>
                    <a:lnTo>
                      <a:pt x="43" y="55"/>
                    </a:lnTo>
                    <a:lnTo>
                      <a:pt x="45" y="51"/>
                    </a:lnTo>
                    <a:lnTo>
                      <a:pt x="44" y="31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41" name="Freeform 36"/>
              <p:cNvSpPr>
                <a:spLocks/>
              </p:cNvSpPr>
              <p:nvPr/>
            </p:nvSpPr>
            <p:spPr bwMode="auto">
              <a:xfrm>
                <a:off x="6936332" y="1851593"/>
                <a:ext cx="18217" cy="25288"/>
              </a:xfrm>
              <a:custGeom>
                <a:avLst/>
                <a:gdLst/>
                <a:ahLst/>
                <a:cxnLst>
                  <a:cxn ang="0">
                    <a:pos x="39" y="28"/>
                  </a:cxn>
                  <a:cxn ang="0">
                    <a:pos x="34" y="18"/>
                  </a:cxn>
                  <a:cxn ang="0">
                    <a:pos x="28" y="9"/>
                  </a:cxn>
                  <a:cxn ang="0">
                    <a:pos x="25" y="6"/>
                  </a:cxn>
                  <a:cxn ang="0">
                    <a:pos x="20" y="3"/>
                  </a:cxn>
                  <a:cxn ang="0">
                    <a:pos x="16" y="0"/>
                  </a:cxn>
                  <a:cxn ang="0">
                    <a:pos x="11" y="0"/>
                  </a:cxn>
                  <a:cxn ang="0">
                    <a:pos x="8" y="0"/>
                  </a:cxn>
                  <a:cxn ang="0">
                    <a:pos x="6" y="2"/>
                  </a:cxn>
                  <a:cxn ang="0">
                    <a:pos x="4" y="3"/>
                  </a:cxn>
                  <a:cxn ang="0">
                    <a:pos x="3" y="6"/>
                  </a:cxn>
                  <a:cxn ang="0">
                    <a:pos x="3" y="11"/>
                  </a:cxn>
                  <a:cxn ang="0">
                    <a:pos x="2" y="15"/>
                  </a:cxn>
                  <a:cxn ang="0">
                    <a:pos x="2" y="22"/>
                  </a:cxn>
                  <a:cxn ang="0">
                    <a:pos x="2" y="30"/>
                  </a:cxn>
                  <a:cxn ang="0">
                    <a:pos x="0" y="38"/>
                  </a:cxn>
                  <a:cxn ang="0">
                    <a:pos x="0" y="44"/>
                  </a:cxn>
                  <a:cxn ang="0">
                    <a:pos x="0" y="47"/>
                  </a:cxn>
                  <a:cxn ang="0">
                    <a:pos x="0" y="51"/>
                  </a:cxn>
                  <a:cxn ang="0">
                    <a:pos x="2" y="53"/>
                  </a:cxn>
                  <a:cxn ang="0">
                    <a:pos x="3" y="57"/>
                  </a:cxn>
                  <a:cxn ang="0">
                    <a:pos x="7" y="60"/>
                  </a:cxn>
                  <a:cxn ang="0">
                    <a:pos x="11" y="60"/>
                  </a:cxn>
                  <a:cxn ang="0">
                    <a:pos x="15" y="60"/>
                  </a:cxn>
                  <a:cxn ang="0">
                    <a:pos x="19" y="57"/>
                  </a:cxn>
                  <a:cxn ang="0">
                    <a:pos x="28" y="52"/>
                  </a:cxn>
                  <a:cxn ang="0">
                    <a:pos x="34" y="46"/>
                  </a:cxn>
                  <a:cxn ang="0">
                    <a:pos x="39" y="28"/>
                  </a:cxn>
                </a:cxnLst>
                <a:rect l="0" t="0" r="r" b="b"/>
                <a:pathLst>
                  <a:path w="39" h="60">
                    <a:moveTo>
                      <a:pt x="39" y="28"/>
                    </a:moveTo>
                    <a:lnTo>
                      <a:pt x="34" y="18"/>
                    </a:lnTo>
                    <a:lnTo>
                      <a:pt x="28" y="9"/>
                    </a:lnTo>
                    <a:lnTo>
                      <a:pt x="25" y="6"/>
                    </a:lnTo>
                    <a:lnTo>
                      <a:pt x="20" y="3"/>
                    </a:lnTo>
                    <a:lnTo>
                      <a:pt x="16" y="0"/>
                    </a:lnTo>
                    <a:lnTo>
                      <a:pt x="11" y="0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3"/>
                    </a:lnTo>
                    <a:lnTo>
                      <a:pt x="3" y="6"/>
                    </a:lnTo>
                    <a:lnTo>
                      <a:pt x="3" y="11"/>
                    </a:lnTo>
                    <a:lnTo>
                      <a:pt x="2" y="15"/>
                    </a:lnTo>
                    <a:lnTo>
                      <a:pt x="2" y="22"/>
                    </a:lnTo>
                    <a:lnTo>
                      <a:pt x="2" y="30"/>
                    </a:lnTo>
                    <a:lnTo>
                      <a:pt x="0" y="38"/>
                    </a:lnTo>
                    <a:lnTo>
                      <a:pt x="0" y="44"/>
                    </a:lnTo>
                    <a:lnTo>
                      <a:pt x="0" y="47"/>
                    </a:lnTo>
                    <a:lnTo>
                      <a:pt x="0" y="51"/>
                    </a:lnTo>
                    <a:lnTo>
                      <a:pt x="2" y="53"/>
                    </a:lnTo>
                    <a:lnTo>
                      <a:pt x="3" y="57"/>
                    </a:lnTo>
                    <a:lnTo>
                      <a:pt x="7" y="60"/>
                    </a:lnTo>
                    <a:lnTo>
                      <a:pt x="11" y="60"/>
                    </a:lnTo>
                    <a:lnTo>
                      <a:pt x="15" y="60"/>
                    </a:lnTo>
                    <a:lnTo>
                      <a:pt x="19" y="57"/>
                    </a:lnTo>
                    <a:lnTo>
                      <a:pt x="28" y="52"/>
                    </a:lnTo>
                    <a:lnTo>
                      <a:pt x="34" y="46"/>
                    </a:lnTo>
                    <a:lnTo>
                      <a:pt x="39" y="28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42" name="Freeform 37"/>
              <p:cNvSpPr>
                <a:spLocks/>
              </p:cNvSpPr>
              <p:nvPr/>
            </p:nvSpPr>
            <p:spPr bwMode="auto">
              <a:xfrm>
                <a:off x="6929045" y="1959971"/>
                <a:ext cx="16396" cy="37933"/>
              </a:xfrm>
              <a:custGeom>
                <a:avLst/>
                <a:gdLst/>
                <a:ahLst/>
                <a:cxnLst>
                  <a:cxn ang="0">
                    <a:pos x="0" y="55"/>
                  </a:cxn>
                  <a:cxn ang="0">
                    <a:pos x="1" y="42"/>
                  </a:cxn>
                  <a:cxn ang="0">
                    <a:pos x="5" y="31"/>
                  </a:cxn>
                  <a:cxn ang="0">
                    <a:pos x="7" y="23"/>
                  </a:cxn>
                  <a:cxn ang="0">
                    <a:pos x="13" y="13"/>
                  </a:cxn>
                  <a:cxn ang="0">
                    <a:pos x="15" y="7"/>
                  </a:cxn>
                  <a:cxn ang="0">
                    <a:pos x="19" y="3"/>
                  </a:cxn>
                  <a:cxn ang="0">
                    <a:pos x="22" y="1"/>
                  </a:cxn>
                  <a:cxn ang="0">
                    <a:pos x="24" y="0"/>
                  </a:cxn>
                  <a:cxn ang="0">
                    <a:pos x="28" y="0"/>
                  </a:cxn>
                  <a:cxn ang="0">
                    <a:pos x="31" y="1"/>
                  </a:cxn>
                  <a:cxn ang="0">
                    <a:pos x="32" y="2"/>
                  </a:cxn>
                  <a:cxn ang="0">
                    <a:pos x="33" y="5"/>
                  </a:cxn>
                  <a:cxn ang="0">
                    <a:pos x="35" y="10"/>
                  </a:cxn>
                  <a:cxn ang="0">
                    <a:pos x="35" y="16"/>
                  </a:cxn>
                  <a:cxn ang="0">
                    <a:pos x="29" y="29"/>
                  </a:cxn>
                  <a:cxn ang="0">
                    <a:pos x="24" y="42"/>
                  </a:cxn>
                  <a:cxn ang="0">
                    <a:pos x="24" y="55"/>
                  </a:cxn>
                  <a:cxn ang="0">
                    <a:pos x="24" y="67"/>
                  </a:cxn>
                  <a:cxn ang="0">
                    <a:pos x="23" y="71"/>
                  </a:cxn>
                  <a:cxn ang="0">
                    <a:pos x="20" y="75"/>
                  </a:cxn>
                  <a:cxn ang="0">
                    <a:pos x="18" y="79"/>
                  </a:cxn>
                  <a:cxn ang="0">
                    <a:pos x="14" y="81"/>
                  </a:cxn>
                  <a:cxn ang="0">
                    <a:pos x="10" y="83"/>
                  </a:cxn>
                  <a:cxn ang="0">
                    <a:pos x="6" y="83"/>
                  </a:cxn>
                  <a:cxn ang="0">
                    <a:pos x="3" y="80"/>
                  </a:cxn>
                  <a:cxn ang="0">
                    <a:pos x="1" y="76"/>
                  </a:cxn>
                  <a:cxn ang="0">
                    <a:pos x="0" y="55"/>
                  </a:cxn>
                </a:cxnLst>
                <a:rect l="0" t="0" r="r" b="b"/>
                <a:pathLst>
                  <a:path w="35" h="83">
                    <a:moveTo>
                      <a:pt x="0" y="55"/>
                    </a:moveTo>
                    <a:lnTo>
                      <a:pt x="1" y="42"/>
                    </a:lnTo>
                    <a:lnTo>
                      <a:pt x="5" y="31"/>
                    </a:lnTo>
                    <a:lnTo>
                      <a:pt x="7" y="23"/>
                    </a:lnTo>
                    <a:lnTo>
                      <a:pt x="13" y="13"/>
                    </a:lnTo>
                    <a:lnTo>
                      <a:pt x="15" y="7"/>
                    </a:lnTo>
                    <a:lnTo>
                      <a:pt x="19" y="3"/>
                    </a:lnTo>
                    <a:lnTo>
                      <a:pt x="22" y="1"/>
                    </a:lnTo>
                    <a:lnTo>
                      <a:pt x="24" y="0"/>
                    </a:lnTo>
                    <a:lnTo>
                      <a:pt x="28" y="0"/>
                    </a:lnTo>
                    <a:lnTo>
                      <a:pt x="31" y="1"/>
                    </a:lnTo>
                    <a:lnTo>
                      <a:pt x="32" y="2"/>
                    </a:lnTo>
                    <a:lnTo>
                      <a:pt x="33" y="5"/>
                    </a:lnTo>
                    <a:lnTo>
                      <a:pt x="35" y="10"/>
                    </a:lnTo>
                    <a:lnTo>
                      <a:pt x="35" y="16"/>
                    </a:lnTo>
                    <a:lnTo>
                      <a:pt x="29" y="29"/>
                    </a:lnTo>
                    <a:lnTo>
                      <a:pt x="24" y="42"/>
                    </a:lnTo>
                    <a:lnTo>
                      <a:pt x="24" y="55"/>
                    </a:lnTo>
                    <a:lnTo>
                      <a:pt x="24" y="67"/>
                    </a:lnTo>
                    <a:lnTo>
                      <a:pt x="23" y="71"/>
                    </a:lnTo>
                    <a:lnTo>
                      <a:pt x="20" y="75"/>
                    </a:lnTo>
                    <a:lnTo>
                      <a:pt x="18" y="79"/>
                    </a:lnTo>
                    <a:lnTo>
                      <a:pt x="14" y="81"/>
                    </a:lnTo>
                    <a:lnTo>
                      <a:pt x="10" y="83"/>
                    </a:lnTo>
                    <a:lnTo>
                      <a:pt x="6" y="83"/>
                    </a:lnTo>
                    <a:lnTo>
                      <a:pt x="3" y="80"/>
                    </a:lnTo>
                    <a:lnTo>
                      <a:pt x="1" y="76"/>
                    </a:lnTo>
                    <a:lnTo>
                      <a:pt x="0" y="55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43" name="Freeform 38"/>
              <p:cNvSpPr>
                <a:spLocks/>
              </p:cNvSpPr>
              <p:nvPr/>
            </p:nvSpPr>
            <p:spPr bwMode="auto">
              <a:xfrm>
                <a:off x="6949085" y="-381000"/>
                <a:ext cx="2366377" cy="2651655"/>
              </a:xfrm>
              <a:custGeom>
                <a:avLst/>
                <a:gdLst/>
                <a:ahLst/>
                <a:cxnLst>
                  <a:cxn ang="0">
                    <a:pos x="1262" y="5155"/>
                  </a:cxn>
                  <a:cxn ang="0">
                    <a:pos x="1023" y="5499"/>
                  </a:cxn>
                  <a:cxn ang="0">
                    <a:pos x="729" y="5726"/>
                  </a:cxn>
                  <a:cxn ang="0">
                    <a:pos x="189" y="5817"/>
                  </a:cxn>
                  <a:cxn ang="0">
                    <a:pos x="135" y="5424"/>
                  </a:cxn>
                  <a:cxn ang="0">
                    <a:pos x="161" y="5138"/>
                  </a:cxn>
                  <a:cxn ang="0">
                    <a:pos x="70" y="5103"/>
                  </a:cxn>
                  <a:cxn ang="0">
                    <a:pos x="343" y="4777"/>
                  </a:cxn>
                  <a:cxn ang="0">
                    <a:pos x="194" y="4891"/>
                  </a:cxn>
                  <a:cxn ang="0">
                    <a:pos x="268" y="4626"/>
                  </a:cxn>
                  <a:cxn ang="0">
                    <a:pos x="387" y="4455"/>
                  </a:cxn>
                  <a:cxn ang="0">
                    <a:pos x="692" y="4389"/>
                  </a:cxn>
                  <a:cxn ang="0">
                    <a:pos x="483" y="4349"/>
                  </a:cxn>
                  <a:cxn ang="0">
                    <a:pos x="241" y="4232"/>
                  </a:cxn>
                  <a:cxn ang="0">
                    <a:pos x="420" y="4080"/>
                  </a:cxn>
                  <a:cxn ang="0">
                    <a:pos x="337" y="3933"/>
                  </a:cxn>
                  <a:cxn ang="0">
                    <a:pos x="532" y="3879"/>
                  </a:cxn>
                  <a:cxn ang="0">
                    <a:pos x="635" y="3845"/>
                  </a:cxn>
                  <a:cxn ang="0">
                    <a:pos x="764" y="3817"/>
                  </a:cxn>
                  <a:cxn ang="0">
                    <a:pos x="709" y="3681"/>
                  </a:cxn>
                  <a:cxn ang="0">
                    <a:pos x="969" y="3651"/>
                  </a:cxn>
                  <a:cxn ang="0">
                    <a:pos x="1108" y="3565"/>
                  </a:cxn>
                  <a:cxn ang="0">
                    <a:pos x="1311" y="3423"/>
                  </a:cxn>
                  <a:cxn ang="0">
                    <a:pos x="1510" y="3436"/>
                  </a:cxn>
                  <a:cxn ang="0">
                    <a:pos x="1586" y="3337"/>
                  </a:cxn>
                  <a:cxn ang="0">
                    <a:pos x="1361" y="3266"/>
                  </a:cxn>
                  <a:cxn ang="0">
                    <a:pos x="1748" y="3051"/>
                  </a:cxn>
                  <a:cxn ang="0">
                    <a:pos x="1926" y="2797"/>
                  </a:cxn>
                  <a:cxn ang="0">
                    <a:pos x="1979" y="2677"/>
                  </a:cxn>
                  <a:cxn ang="0">
                    <a:pos x="2071" y="2387"/>
                  </a:cxn>
                  <a:cxn ang="0">
                    <a:pos x="2267" y="2267"/>
                  </a:cxn>
                  <a:cxn ang="0">
                    <a:pos x="2275" y="2045"/>
                  </a:cxn>
                  <a:cxn ang="0">
                    <a:pos x="2547" y="1853"/>
                  </a:cxn>
                  <a:cxn ang="0">
                    <a:pos x="2529" y="1739"/>
                  </a:cxn>
                  <a:cxn ang="0">
                    <a:pos x="2679" y="1665"/>
                  </a:cxn>
                  <a:cxn ang="0">
                    <a:pos x="2540" y="1560"/>
                  </a:cxn>
                  <a:cxn ang="0">
                    <a:pos x="2748" y="1436"/>
                  </a:cxn>
                  <a:cxn ang="0">
                    <a:pos x="2981" y="1371"/>
                  </a:cxn>
                  <a:cxn ang="0">
                    <a:pos x="3031" y="1098"/>
                  </a:cxn>
                  <a:cxn ang="0">
                    <a:pos x="3231" y="841"/>
                  </a:cxn>
                  <a:cxn ang="0">
                    <a:pos x="3315" y="781"/>
                  </a:cxn>
                  <a:cxn ang="0">
                    <a:pos x="3467" y="810"/>
                  </a:cxn>
                  <a:cxn ang="0">
                    <a:pos x="3730" y="630"/>
                  </a:cxn>
                  <a:cxn ang="0">
                    <a:pos x="3849" y="464"/>
                  </a:cxn>
                  <a:cxn ang="0">
                    <a:pos x="3978" y="482"/>
                  </a:cxn>
                  <a:cxn ang="0">
                    <a:pos x="4074" y="173"/>
                  </a:cxn>
                  <a:cxn ang="0">
                    <a:pos x="4269" y="498"/>
                  </a:cxn>
                  <a:cxn ang="0">
                    <a:pos x="4478" y="345"/>
                  </a:cxn>
                  <a:cxn ang="0">
                    <a:pos x="4570" y="101"/>
                  </a:cxn>
                  <a:cxn ang="0">
                    <a:pos x="4708" y="142"/>
                  </a:cxn>
                  <a:cxn ang="0">
                    <a:pos x="4684" y="239"/>
                  </a:cxn>
                  <a:cxn ang="0">
                    <a:pos x="4858" y="182"/>
                  </a:cxn>
                  <a:cxn ang="0">
                    <a:pos x="4805" y="450"/>
                  </a:cxn>
                  <a:cxn ang="0">
                    <a:pos x="5096" y="643"/>
                  </a:cxn>
                  <a:cxn ang="0">
                    <a:pos x="5067" y="871"/>
                  </a:cxn>
                  <a:cxn ang="0">
                    <a:pos x="4714" y="573"/>
                  </a:cxn>
                  <a:cxn ang="0">
                    <a:pos x="4401" y="1056"/>
                  </a:cxn>
                  <a:cxn ang="0">
                    <a:pos x="3656" y="873"/>
                  </a:cxn>
                  <a:cxn ang="0">
                    <a:pos x="3066" y="1503"/>
                  </a:cxn>
                  <a:cxn ang="0">
                    <a:pos x="2566" y="2140"/>
                  </a:cxn>
                  <a:cxn ang="0">
                    <a:pos x="2083" y="3271"/>
                  </a:cxn>
                  <a:cxn ang="0">
                    <a:pos x="1810" y="4383"/>
                  </a:cxn>
                  <a:cxn ang="0">
                    <a:pos x="1564" y="5231"/>
                  </a:cxn>
                </a:cxnLst>
                <a:rect l="0" t="0" r="r" b="b"/>
                <a:pathLst>
                  <a:path w="5194" h="5872">
                    <a:moveTo>
                      <a:pt x="1412" y="5521"/>
                    </a:moveTo>
                    <a:lnTo>
                      <a:pt x="1416" y="5520"/>
                    </a:lnTo>
                    <a:lnTo>
                      <a:pt x="1418" y="5519"/>
                    </a:lnTo>
                    <a:lnTo>
                      <a:pt x="1421" y="5516"/>
                    </a:lnTo>
                    <a:lnTo>
                      <a:pt x="1422" y="5514"/>
                    </a:lnTo>
                    <a:lnTo>
                      <a:pt x="1422" y="5508"/>
                    </a:lnTo>
                    <a:lnTo>
                      <a:pt x="1420" y="5503"/>
                    </a:lnTo>
                    <a:lnTo>
                      <a:pt x="1416" y="5498"/>
                    </a:lnTo>
                    <a:lnTo>
                      <a:pt x="1409" y="5492"/>
                    </a:lnTo>
                    <a:lnTo>
                      <a:pt x="1398" y="5483"/>
                    </a:lnTo>
                    <a:lnTo>
                      <a:pt x="1387" y="5477"/>
                    </a:lnTo>
                    <a:lnTo>
                      <a:pt x="1378" y="5475"/>
                    </a:lnTo>
                    <a:lnTo>
                      <a:pt x="1368" y="5472"/>
                    </a:lnTo>
                    <a:lnTo>
                      <a:pt x="1363" y="5471"/>
                    </a:lnTo>
                    <a:lnTo>
                      <a:pt x="1359" y="5470"/>
                    </a:lnTo>
                    <a:lnTo>
                      <a:pt x="1355" y="5467"/>
                    </a:lnTo>
                    <a:lnTo>
                      <a:pt x="1352" y="5463"/>
                    </a:lnTo>
                    <a:lnTo>
                      <a:pt x="1346" y="5453"/>
                    </a:lnTo>
                    <a:lnTo>
                      <a:pt x="1341" y="5448"/>
                    </a:lnTo>
                    <a:lnTo>
                      <a:pt x="1338" y="5445"/>
                    </a:lnTo>
                    <a:lnTo>
                      <a:pt x="1334" y="5444"/>
                    </a:lnTo>
                    <a:lnTo>
                      <a:pt x="1329" y="5442"/>
                    </a:lnTo>
                    <a:lnTo>
                      <a:pt x="1323" y="5442"/>
                    </a:lnTo>
                    <a:lnTo>
                      <a:pt x="1299" y="5444"/>
                    </a:lnTo>
                    <a:lnTo>
                      <a:pt x="1285" y="5444"/>
                    </a:lnTo>
                    <a:lnTo>
                      <a:pt x="1284" y="5442"/>
                    </a:lnTo>
                    <a:lnTo>
                      <a:pt x="1282" y="5441"/>
                    </a:lnTo>
                    <a:lnTo>
                      <a:pt x="1281" y="5437"/>
                    </a:lnTo>
                    <a:lnTo>
                      <a:pt x="1281" y="5435"/>
                    </a:lnTo>
                    <a:lnTo>
                      <a:pt x="1282" y="5424"/>
                    </a:lnTo>
                    <a:lnTo>
                      <a:pt x="1289" y="5409"/>
                    </a:lnTo>
                    <a:lnTo>
                      <a:pt x="1289" y="5405"/>
                    </a:lnTo>
                    <a:lnTo>
                      <a:pt x="1289" y="5401"/>
                    </a:lnTo>
                    <a:lnTo>
                      <a:pt x="1288" y="5398"/>
                    </a:lnTo>
                    <a:lnTo>
                      <a:pt x="1285" y="5396"/>
                    </a:lnTo>
                    <a:lnTo>
                      <a:pt x="1280" y="5391"/>
                    </a:lnTo>
                    <a:lnTo>
                      <a:pt x="1275" y="5384"/>
                    </a:lnTo>
                    <a:lnTo>
                      <a:pt x="1273" y="5378"/>
                    </a:lnTo>
                    <a:lnTo>
                      <a:pt x="1272" y="5367"/>
                    </a:lnTo>
                    <a:lnTo>
                      <a:pt x="1272" y="5354"/>
                    </a:lnTo>
                    <a:lnTo>
                      <a:pt x="1272" y="5340"/>
                    </a:lnTo>
                    <a:lnTo>
                      <a:pt x="1272" y="5313"/>
                    </a:lnTo>
                    <a:lnTo>
                      <a:pt x="1272" y="5292"/>
                    </a:lnTo>
                    <a:lnTo>
                      <a:pt x="1273" y="5274"/>
                    </a:lnTo>
                    <a:lnTo>
                      <a:pt x="1275" y="5256"/>
                    </a:lnTo>
                    <a:lnTo>
                      <a:pt x="1276" y="5238"/>
                    </a:lnTo>
                    <a:lnTo>
                      <a:pt x="1277" y="5220"/>
                    </a:lnTo>
                    <a:lnTo>
                      <a:pt x="1279" y="5208"/>
                    </a:lnTo>
                    <a:lnTo>
                      <a:pt x="1281" y="5199"/>
                    </a:lnTo>
                    <a:lnTo>
                      <a:pt x="1284" y="5188"/>
                    </a:lnTo>
                    <a:lnTo>
                      <a:pt x="1288" y="5179"/>
                    </a:lnTo>
                    <a:lnTo>
                      <a:pt x="1292" y="5169"/>
                    </a:lnTo>
                    <a:lnTo>
                      <a:pt x="1295" y="5160"/>
                    </a:lnTo>
                    <a:lnTo>
                      <a:pt x="1298" y="5152"/>
                    </a:lnTo>
                    <a:lnTo>
                      <a:pt x="1299" y="5143"/>
                    </a:lnTo>
                    <a:lnTo>
                      <a:pt x="1299" y="5141"/>
                    </a:lnTo>
                    <a:lnTo>
                      <a:pt x="1298" y="5138"/>
                    </a:lnTo>
                    <a:lnTo>
                      <a:pt x="1295" y="5137"/>
                    </a:lnTo>
                    <a:lnTo>
                      <a:pt x="1293" y="5137"/>
                    </a:lnTo>
                    <a:lnTo>
                      <a:pt x="1286" y="5137"/>
                    </a:lnTo>
                    <a:lnTo>
                      <a:pt x="1279" y="5141"/>
                    </a:lnTo>
                    <a:lnTo>
                      <a:pt x="1272" y="5144"/>
                    </a:lnTo>
                    <a:lnTo>
                      <a:pt x="1266" y="5151"/>
                    </a:lnTo>
                    <a:lnTo>
                      <a:pt x="1262" y="5155"/>
                    </a:lnTo>
                    <a:lnTo>
                      <a:pt x="1260" y="5159"/>
                    </a:lnTo>
                    <a:lnTo>
                      <a:pt x="1259" y="5163"/>
                    </a:lnTo>
                    <a:lnTo>
                      <a:pt x="1259" y="5166"/>
                    </a:lnTo>
                    <a:lnTo>
                      <a:pt x="1259" y="5187"/>
                    </a:lnTo>
                    <a:lnTo>
                      <a:pt x="1260" y="5217"/>
                    </a:lnTo>
                    <a:lnTo>
                      <a:pt x="1260" y="5233"/>
                    </a:lnTo>
                    <a:lnTo>
                      <a:pt x="1260" y="5245"/>
                    </a:lnTo>
                    <a:lnTo>
                      <a:pt x="1259" y="5257"/>
                    </a:lnTo>
                    <a:lnTo>
                      <a:pt x="1257" y="5264"/>
                    </a:lnTo>
                    <a:lnTo>
                      <a:pt x="1253" y="5268"/>
                    </a:lnTo>
                    <a:lnTo>
                      <a:pt x="1249" y="5271"/>
                    </a:lnTo>
                    <a:lnTo>
                      <a:pt x="1244" y="5275"/>
                    </a:lnTo>
                    <a:lnTo>
                      <a:pt x="1238" y="5277"/>
                    </a:lnTo>
                    <a:lnTo>
                      <a:pt x="1233" y="5278"/>
                    </a:lnTo>
                    <a:lnTo>
                      <a:pt x="1228" y="5277"/>
                    </a:lnTo>
                    <a:lnTo>
                      <a:pt x="1223" y="5274"/>
                    </a:lnTo>
                    <a:lnTo>
                      <a:pt x="1219" y="5270"/>
                    </a:lnTo>
                    <a:lnTo>
                      <a:pt x="1215" y="5261"/>
                    </a:lnTo>
                    <a:lnTo>
                      <a:pt x="1210" y="5245"/>
                    </a:lnTo>
                    <a:lnTo>
                      <a:pt x="1209" y="5238"/>
                    </a:lnTo>
                    <a:lnTo>
                      <a:pt x="1206" y="5231"/>
                    </a:lnTo>
                    <a:lnTo>
                      <a:pt x="1203" y="5227"/>
                    </a:lnTo>
                    <a:lnTo>
                      <a:pt x="1201" y="5226"/>
                    </a:lnTo>
                    <a:lnTo>
                      <a:pt x="1197" y="5239"/>
                    </a:lnTo>
                    <a:lnTo>
                      <a:pt x="1192" y="5251"/>
                    </a:lnTo>
                    <a:lnTo>
                      <a:pt x="1185" y="5264"/>
                    </a:lnTo>
                    <a:lnTo>
                      <a:pt x="1180" y="5277"/>
                    </a:lnTo>
                    <a:lnTo>
                      <a:pt x="1179" y="5282"/>
                    </a:lnTo>
                    <a:lnTo>
                      <a:pt x="1180" y="5288"/>
                    </a:lnTo>
                    <a:lnTo>
                      <a:pt x="1183" y="5295"/>
                    </a:lnTo>
                    <a:lnTo>
                      <a:pt x="1185" y="5302"/>
                    </a:lnTo>
                    <a:lnTo>
                      <a:pt x="1189" y="5310"/>
                    </a:lnTo>
                    <a:lnTo>
                      <a:pt x="1192" y="5318"/>
                    </a:lnTo>
                    <a:lnTo>
                      <a:pt x="1194" y="5326"/>
                    </a:lnTo>
                    <a:lnTo>
                      <a:pt x="1194" y="5334"/>
                    </a:lnTo>
                    <a:lnTo>
                      <a:pt x="1194" y="5350"/>
                    </a:lnTo>
                    <a:lnTo>
                      <a:pt x="1192" y="5365"/>
                    </a:lnTo>
                    <a:lnTo>
                      <a:pt x="1189" y="5378"/>
                    </a:lnTo>
                    <a:lnTo>
                      <a:pt x="1185" y="5388"/>
                    </a:lnTo>
                    <a:lnTo>
                      <a:pt x="1172" y="5407"/>
                    </a:lnTo>
                    <a:lnTo>
                      <a:pt x="1154" y="5431"/>
                    </a:lnTo>
                    <a:lnTo>
                      <a:pt x="1150" y="5439"/>
                    </a:lnTo>
                    <a:lnTo>
                      <a:pt x="1148" y="5446"/>
                    </a:lnTo>
                    <a:lnTo>
                      <a:pt x="1145" y="5454"/>
                    </a:lnTo>
                    <a:lnTo>
                      <a:pt x="1145" y="5462"/>
                    </a:lnTo>
                    <a:lnTo>
                      <a:pt x="1145" y="5477"/>
                    </a:lnTo>
                    <a:lnTo>
                      <a:pt x="1145" y="5493"/>
                    </a:lnTo>
                    <a:lnTo>
                      <a:pt x="1145" y="5501"/>
                    </a:lnTo>
                    <a:lnTo>
                      <a:pt x="1145" y="5507"/>
                    </a:lnTo>
                    <a:lnTo>
                      <a:pt x="1143" y="5512"/>
                    </a:lnTo>
                    <a:lnTo>
                      <a:pt x="1140" y="5516"/>
                    </a:lnTo>
                    <a:lnTo>
                      <a:pt x="1135" y="5520"/>
                    </a:lnTo>
                    <a:lnTo>
                      <a:pt x="1130" y="5523"/>
                    </a:lnTo>
                    <a:lnTo>
                      <a:pt x="1121" y="5523"/>
                    </a:lnTo>
                    <a:lnTo>
                      <a:pt x="1110" y="5523"/>
                    </a:lnTo>
                    <a:lnTo>
                      <a:pt x="1089" y="5521"/>
                    </a:lnTo>
                    <a:lnTo>
                      <a:pt x="1060" y="5521"/>
                    </a:lnTo>
                    <a:lnTo>
                      <a:pt x="1045" y="5520"/>
                    </a:lnTo>
                    <a:lnTo>
                      <a:pt x="1034" y="5519"/>
                    </a:lnTo>
                    <a:lnTo>
                      <a:pt x="1029" y="5518"/>
                    </a:lnTo>
                    <a:lnTo>
                      <a:pt x="1025" y="5516"/>
                    </a:lnTo>
                    <a:lnTo>
                      <a:pt x="1022" y="5514"/>
                    </a:lnTo>
                    <a:lnTo>
                      <a:pt x="1022" y="5511"/>
                    </a:lnTo>
                    <a:lnTo>
                      <a:pt x="1023" y="5499"/>
                    </a:lnTo>
                    <a:lnTo>
                      <a:pt x="1026" y="5485"/>
                    </a:lnTo>
                    <a:lnTo>
                      <a:pt x="1026" y="5480"/>
                    </a:lnTo>
                    <a:lnTo>
                      <a:pt x="1025" y="5473"/>
                    </a:lnTo>
                    <a:lnTo>
                      <a:pt x="1022" y="5468"/>
                    </a:lnTo>
                    <a:lnTo>
                      <a:pt x="1017" y="5463"/>
                    </a:lnTo>
                    <a:lnTo>
                      <a:pt x="1012" y="5462"/>
                    </a:lnTo>
                    <a:lnTo>
                      <a:pt x="1005" y="5462"/>
                    </a:lnTo>
                    <a:lnTo>
                      <a:pt x="997" y="5462"/>
                    </a:lnTo>
                    <a:lnTo>
                      <a:pt x="988" y="5463"/>
                    </a:lnTo>
                    <a:lnTo>
                      <a:pt x="972" y="5466"/>
                    </a:lnTo>
                    <a:lnTo>
                      <a:pt x="959" y="5468"/>
                    </a:lnTo>
                    <a:lnTo>
                      <a:pt x="962" y="5472"/>
                    </a:lnTo>
                    <a:lnTo>
                      <a:pt x="966" y="5477"/>
                    </a:lnTo>
                    <a:lnTo>
                      <a:pt x="969" y="5483"/>
                    </a:lnTo>
                    <a:lnTo>
                      <a:pt x="970" y="5488"/>
                    </a:lnTo>
                    <a:lnTo>
                      <a:pt x="972" y="5493"/>
                    </a:lnTo>
                    <a:lnTo>
                      <a:pt x="972" y="5499"/>
                    </a:lnTo>
                    <a:lnTo>
                      <a:pt x="970" y="5505"/>
                    </a:lnTo>
                    <a:lnTo>
                      <a:pt x="969" y="5511"/>
                    </a:lnTo>
                    <a:lnTo>
                      <a:pt x="966" y="5516"/>
                    </a:lnTo>
                    <a:lnTo>
                      <a:pt x="964" y="5523"/>
                    </a:lnTo>
                    <a:lnTo>
                      <a:pt x="961" y="5528"/>
                    </a:lnTo>
                    <a:lnTo>
                      <a:pt x="957" y="5532"/>
                    </a:lnTo>
                    <a:lnTo>
                      <a:pt x="952" y="5536"/>
                    </a:lnTo>
                    <a:lnTo>
                      <a:pt x="948" y="5540"/>
                    </a:lnTo>
                    <a:lnTo>
                      <a:pt x="943" y="5542"/>
                    </a:lnTo>
                    <a:lnTo>
                      <a:pt x="938" y="5543"/>
                    </a:lnTo>
                    <a:lnTo>
                      <a:pt x="929" y="5546"/>
                    </a:lnTo>
                    <a:lnTo>
                      <a:pt x="922" y="5550"/>
                    </a:lnTo>
                    <a:lnTo>
                      <a:pt x="917" y="5554"/>
                    </a:lnTo>
                    <a:lnTo>
                      <a:pt x="913" y="5558"/>
                    </a:lnTo>
                    <a:lnTo>
                      <a:pt x="908" y="5567"/>
                    </a:lnTo>
                    <a:lnTo>
                      <a:pt x="904" y="5576"/>
                    </a:lnTo>
                    <a:lnTo>
                      <a:pt x="902" y="5585"/>
                    </a:lnTo>
                    <a:lnTo>
                      <a:pt x="896" y="5594"/>
                    </a:lnTo>
                    <a:lnTo>
                      <a:pt x="893" y="5598"/>
                    </a:lnTo>
                    <a:lnTo>
                      <a:pt x="889" y="5600"/>
                    </a:lnTo>
                    <a:lnTo>
                      <a:pt x="882" y="5603"/>
                    </a:lnTo>
                    <a:lnTo>
                      <a:pt x="876" y="5604"/>
                    </a:lnTo>
                    <a:lnTo>
                      <a:pt x="859" y="5604"/>
                    </a:lnTo>
                    <a:lnTo>
                      <a:pt x="842" y="5604"/>
                    </a:lnTo>
                    <a:lnTo>
                      <a:pt x="838" y="5604"/>
                    </a:lnTo>
                    <a:lnTo>
                      <a:pt x="834" y="5604"/>
                    </a:lnTo>
                    <a:lnTo>
                      <a:pt x="833" y="5606"/>
                    </a:lnTo>
                    <a:lnTo>
                      <a:pt x="832" y="5608"/>
                    </a:lnTo>
                    <a:lnTo>
                      <a:pt x="830" y="5611"/>
                    </a:lnTo>
                    <a:lnTo>
                      <a:pt x="832" y="5613"/>
                    </a:lnTo>
                    <a:lnTo>
                      <a:pt x="834" y="5617"/>
                    </a:lnTo>
                    <a:lnTo>
                      <a:pt x="838" y="5622"/>
                    </a:lnTo>
                    <a:lnTo>
                      <a:pt x="842" y="5628"/>
                    </a:lnTo>
                    <a:lnTo>
                      <a:pt x="843" y="5633"/>
                    </a:lnTo>
                    <a:lnTo>
                      <a:pt x="843" y="5638"/>
                    </a:lnTo>
                    <a:lnTo>
                      <a:pt x="842" y="5642"/>
                    </a:lnTo>
                    <a:lnTo>
                      <a:pt x="839" y="5647"/>
                    </a:lnTo>
                    <a:lnTo>
                      <a:pt x="837" y="5651"/>
                    </a:lnTo>
                    <a:lnTo>
                      <a:pt x="832" y="5655"/>
                    </a:lnTo>
                    <a:lnTo>
                      <a:pt x="826" y="5660"/>
                    </a:lnTo>
                    <a:lnTo>
                      <a:pt x="802" y="5674"/>
                    </a:lnTo>
                    <a:lnTo>
                      <a:pt x="779" y="5685"/>
                    </a:lnTo>
                    <a:lnTo>
                      <a:pt x="771" y="5689"/>
                    </a:lnTo>
                    <a:lnTo>
                      <a:pt x="763" y="5695"/>
                    </a:lnTo>
                    <a:lnTo>
                      <a:pt x="755" y="5701"/>
                    </a:lnTo>
                    <a:lnTo>
                      <a:pt x="746" y="5709"/>
                    </a:lnTo>
                    <a:lnTo>
                      <a:pt x="729" y="5726"/>
                    </a:lnTo>
                    <a:lnTo>
                      <a:pt x="711" y="5744"/>
                    </a:lnTo>
                    <a:lnTo>
                      <a:pt x="693" y="5761"/>
                    </a:lnTo>
                    <a:lnTo>
                      <a:pt x="676" y="5777"/>
                    </a:lnTo>
                    <a:lnTo>
                      <a:pt x="668" y="5782"/>
                    </a:lnTo>
                    <a:lnTo>
                      <a:pt x="659" y="5786"/>
                    </a:lnTo>
                    <a:lnTo>
                      <a:pt x="653" y="5790"/>
                    </a:lnTo>
                    <a:lnTo>
                      <a:pt x="645" y="5790"/>
                    </a:lnTo>
                    <a:lnTo>
                      <a:pt x="632" y="5804"/>
                    </a:lnTo>
                    <a:lnTo>
                      <a:pt x="613" y="5822"/>
                    </a:lnTo>
                    <a:lnTo>
                      <a:pt x="593" y="5837"/>
                    </a:lnTo>
                    <a:lnTo>
                      <a:pt x="578" y="5849"/>
                    </a:lnTo>
                    <a:lnTo>
                      <a:pt x="574" y="5850"/>
                    </a:lnTo>
                    <a:lnTo>
                      <a:pt x="570" y="5852"/>
                    </a:lnTo>
                    <a:lnTo>
                      <a:pt x="566" y="5852"/>
                    </a:lnTo>
                    <a:lnTo>
                      <a:pt x="563" y="5850"/>
                    </a:lnTo>
                    <a:lnTo>
                      <a:pt x="557" y="5847"/>
                    </a:lnTo>
                    <a:lnTo>
                      <a:pt x="552" y="5841"/>
                    </a:lnTo>
                    <a:lnTo>
                      <a:pt x="544" y="5828"/>
                    </a:lnTo>
                    <a:lnTo>
                      <a:pt x="535" y="5819"/>
                    </a:lnTo>
                    <a:lnTo>
                      <a:pt x="527" y="5817"/>
                    </a:lnTo>
                    <a:lnTo>
                      <a:pt x="521" y="5815"/>
                    </a:lnTo>
                    <a:lnTo>
                      <a:pt x="513" y="5817"/>
                    </a:lnTo>
                    <a:lnTo>
                      <a:pt x="506" y="5819"/>
                    </a:lnTo>
                    <a:lnTo>
                      <a:pt x="491" y="5827"/>
                    </a:lnTo>
                    <a:lnTo>
                      <a:pt x="475" y="5837"/>
                    </a:lnTo>
                    <a:lnTo>
                      <a:pt x="461" y="5850"/>
                    </a:lnTo>
                    <a:lnTo>
                      <a:pt x="446" y="5861"/>
                    </a:lnTo>
                    <a:lnTo>
                      <a:pt x="438" y="5866"/>
                    </a:lnTo>
                    <a:lnTo>
                      <a:pt x="430" y="5870"/>
                    </a:lnTo>
                    <a:lnTo>
                      <a:pt x="422" y="5872"/>
                    </a:lnTo>
                    <a:lnTo>
                      <a:pt x="414" y="5872"/>
                    </a:lnTo>
                    <a:lnTo>
                      <a:pt x="404" y="5872"/>
                    </a:lnTo>
                    <a:lnTo>
                      <a:pt x="394" y="5869"/>
                    </a:lnTo>
                    <a:lnTo>
                      <a:pt x="385" y="5863"/>
                    </a:lnTo>
                    <a:lnTo>
                      <a:pt x="376" y="5858"/>
                    </a:lnTo>
                    <a:lnTo>
                      <a:pt x="367" y="5852"/>
                    </a:lnTo>
                    <a:lnTo>
                      <a:pt x="359" y="5848"/>
                    </a:lnTo>
                    <a:lnTo>
                      <a:pt x="355" y="5847"/>
                    </a:lnTo>
                    <a:lnTo>
                      <a:pt x="350" y="5845"/>
                    </a:lnTo>
                    <a:lnTo>
                      <a:pt x="346" y="5844"/>
                    </a:lnTo>
                    <a:lnTo>
                      <a:pt x="342" y="5845"/>
                    </a:lnTo>
                    <a:lnTo>
                      <a:pt x="329" y="5848"/>
                    </a:lnTo>
                    <a:lnTo>
                      <a:pt x="320" y="5849"/>
                    </a:lnTo>
                    <a:lnTo>
                      <a:pt x="316" y="5849"/>
                    </a:lnTo>
                    <a:lnTo>
                      <a:pt x="311" y="5847"/>
                    </a:lnTo>
                    <a:lnTo>
                      <a:pt x="306" y="5843"/>
                    </a:lnTo>
                    <a:lnTo>
                      <a:pt x="300" y="5837"/>
                    </a:lnTo>
                    <a:lnTo>
                      <a:pt x="293" y="5828"/>
                    </a:lnTo>
                    <a:lnTo>
                      <a:pt x="285" y="5818"/>
                    </a:lnTo>
                    <a:lnTo>
                      <a:pt x="281" y="5814"/>
                    </a:lnTo>
                    <a:lnTo>
                      <a:pt x="276" y="5810"/>
                    </a:lnTo>
                    <a:lnTo>
                      <a:pt x="272" y="5806"/>
                    </a:lnTo>
                    <a:lnTo>
                      <a:pt x="267" y="5804"/>
                    </a:lnTo>
                    <a:lnTo>
                      <a:pt x="255" y="5801"/>
                    </a:lnTo>
                    <a:lnTo>
                      <a:pt x="246" y="5801"/>
                    </a:lnTo>
                    <a:lnTo>
                      <a:pt x="238" y="5803"/>
                    </a:lnTo>
                    <a:lnTo>
                      <a:pt x="232" y="5806"/>
                    </a:lnTo>
                    <a:lnTo>
                      <a:pt x="224" y="5809"/>
                    </a:lnTo>
                    <a:lnTo>
                      <a:pt x="218" y="5813"/>
                    </a:lnTo>
                    <a:lnTo>
                      <a:pt x="210" y="5815"/>
                    </a:lnTo>
                    <a:lnTo>
                      <a:pt x="199" y="5818"/>
                    </a:lnTo>
                    <a:lnTo>
                      <a:pt x="196" y="5818"/>
                    </a:lnTo>
                    <a:lnTo>
                      <a:pt x="193" y="5818"/>
                    </a:lnTo>
                    <a:lnTo>
                      <a:pt x="189" y="5817"/>
                    </a:lnTo>
                    <a:lnTo>
                      <a:pt x="185" y="5814"/>
                    </a:lnTo>
                    <a:lnTo>
                      <a:pt x="180" y="5809"/>
                    </a:lnTo>
                    <a:lnTo>
                      <a:pt x="175" y="5801"/>
                    </a:lnTo>
                    <a:lnTo>
                      <a:pt x="172" y="5793"/>
                    </a:lnTo>
                    <a:lnTo>
                      <a:pt x="171" y="5786"/>
                    </a:lnTo>
                    <a:lnTo>
                      <a:pt x="172" y="5782"/>
                    </a:lnTo>
                    <a:lnTo>
                      <a:pt x="172" y="5778"/>
                    </a:lnTo>
                    <a:lnTo>
                      <a:pt x="175" y="5774"/>
                    </a:lnTo>
                    <a:lnTo>
                      <a:pt x="177" y="5771"/>
                    </a:lnTo>
                    <a:lnTo>
                      <a:pt x="184" y="5766"/>
                    </a:lnTo>
                    <a:lnTo>
                      <a:pt x="192" y="5762"/>
                    </a:lnTo>
                    <a:lnTo>
                      <a:pt x="199" y="5758"/>
                    </a:lnTo>
                    <a:lnTo>
                      <a:pt x="207" y="5756"/>
                    </a:lnTo>
                    <a:lnTo>
                      <a:pt x="223" y="5752"/>
                    </a:lnTo>
                    <a:lnTo>
                      <a:pt x="237" y="5744"/>
                    </a:lnTo>
                    <a:lnTo>
                      <a:pt x="241" y="5740"/>
                    </a:lnTo>
                    <a:lnTo>
                      <a:pt x="245" y="5738"/>
                    </a:lnTo>
                    <a:lnTo>
                      <a:pt x="246" y="5734"/>
                    </a:lnTo>
                    <a:lnTo>
                      <a:pt x="246" y="5731"/>
                    </a:lnTo>
                    <a:lnTo>
                      <a:pt x="245" y="5729"/>
                    </a:lnTo>
                    <a:lnTo>
                      <a:pt x="243" y="5726"/>
                    </a:lnTo>
                    <a:lnTo>
                      <a:pt x="240" y="5723"/>
                    </a:lnTo>
                    <a:lnTo>
                      <a:pt x="237" y="5721"/>
                    </a:lnTo>
                    <a:lnTo>
                      <a:pt x="219" y="5714"/>
                    </a:lnTo>
                    <a:lnTo>
                      <a:pt x="202" y="5711"/>
                    </a:lnTo>
                    <a:lnTo>
                      <a:pt x="192" y="5707"/>
                    </a:lnTo>
                    <a:lnTo>
                      <a:pt x="181" y="5701"/>
                    </a:lnTo>
                    <a:lnTo>
                      <a:pt x="170" y="5695"/>
                    </a:lnTo>
                    <a:lnTo>
                      <a:pt x="159" y="5687"/>
                    </a:lnTo>
                    <a:lnTo>
                      <a:pt x="140" y="5670"/>
                    </a:lnTo>
                    <a:lnTo>
                      <a:pt x="123" y="5654"/>
                    </a:lnTo>
                    <a:lnTo>
                      <a:pt x="111" y="5641"/>
                    </a:lnTo>
                    <a:lnTo>
                      <a:pt x="98" y="5629"/>
                    </a:lnTo>
                    <a:lnTo>
                      <a:pt x="84" y="5617"/>
                    </a:lnTo>
                    <a:lnTo>
                      <a:pt x="71" y="5606"/>
                    </a:lnTo>
                    <a:lnTo>
                      <a:pt x="57" y="5595"/>
                    </a:lnTo>
                    <a:lnTo>
                      <a:pt x="44" y="5584"/>
                    </a:lnTo>
                    <a:lnTo>
                      <a:pt x="31" y="5572"/>
                    </a:lnTo>
                    <a:lnTo>
                      <a:pt x="19" y="5559"/>
                    </a:lnTo>
                    <a:lnTo>
                      <a:pt x="14" y="5547"/>
                    </a:lnTo>
                    <a:lnTo>
                      <a:pt x="10" y="5536"/>
                    </a:lnTo>
                    <a:lnTo>
                      <a:pt x="8" y="5523"/>
                    </a:lnTo>
                    <a:lnTo>
                      <a:pt x="5" y="5510"/>
                    </a:lnTo>
                    <a:lnTo>
                      <a:pt x="1" y="5484"/>
                    </a:lnTo>
                    <a:lnTo>
                      <a:pt x="0" y="5458"/>
                    </a:lnTo>
                    <a:lnTo>
                      <a:pt x="0" y="5431"/>
                    </a:lnTo>
                    <a:lnTo>
                      <a:pt x="3" y="5404"/>
                    </a:lnTo>
                    <a:lnTo>
                      <a:pt x="6" y="5379"/>
                    </a:lnTo>
                    <a:lnTo>
                      <a:pt x="13" y="5354"/>
                    </a:lnTo>
                    <a:lnTo>
                      <a:pt x="17" y="5345"/>
                    </a:lnTo>
                    <a:lnTo>
                      <a:pt x="21" y="5340"/>
                    </a:lnTo>
                    <a:lnTo>
                      <a:pt x="26" y="5336"/>
                    </a:lnTo>
                    <a:lnTo>
                      <a:pt x="30" y="5335"/>
                    </a:lnTo>
                    <a:lnTo>
                      <a:pt x="36" y="5336"/>
                    </a:lnTo>
                    <a:lnTo>
                      <a:pt x="41" y="5339"/>
                    </a:lnTo>
                    <a:lnTo>
                      <a:pt x="47" y="5343"/>
                    </a:lnTo>
                    <a:lnTo>
                      <a:pt x="52" y="5347"/>
                    </a:lnTo>
                    <a:lnTo>
                      <a:pt x="72" y="5372"/>
                    </a:lnTo>
                    <a:lnTo>
                      <a:pt x="87" y="5389"/>
                    </a:lnTo>
                    <a:lnTo>
                      <a:pt x="106" y="5406"/>
                    </a:lnTo>
                    <a:lnTo>
                      <a:pt x="120" y="5418"/>
                    </a:lnTo>
                    <a:lnTo>
                      <a:pt x="126" y="5422"/>
                    </a:lnTo>
                    <a:lnTo>
                      <a:pt x="131" y="5424"/>
                    </a:lnTo>
                    <a:lnTo>
                      <a:pt x="135" y="5424"/>
                    </a:lnTo>
                    <a:lnTo>
                      <a:pt x="139" y="5424"/>
                    </a:lnTo>
                    <a:lnTo>
                      <a:pt x="140" y="5424"/>
                    </a:lnTo>
                    <a:lnTo>
                      <a:pt x="142" y="5422"/>
                    </a:lnTo>
                    <a:lnTo>
                      <a:pt x="144" y="5419"/>
                    </a:lnTo>
                    <a:lnTo>
                      <a:pt x="144" y="5415"/>
                    </a:lnTo>
                    <a:lnTo>
                      <a:pt x="145" y="5406"/>
                    </a:lnTo>
                    <a:lnTo>
                      <a:pt x="144" y="5393"/>
                    </a:lnTo>
                    <a:lnTo>
                      <a:pt x="141" y="5365"/>
                    </a:lnTo>
                    <a:lnTo>
                      <a:pt x="141" y="5332"/>
                    </a:lnTo>
                    <a:lnTo>
                      <a:pt x="144" y="5317"/>
                    </a:lnTo>
                    <a:lnTo>
                      <a:pt x="148" y="5302"/>
                    </a:lnTo>
                    <a:lnTo>
                      <a:pt x="151" y="5296"/>
                    </a:lnTo>
                    <a:lnTo>
                      <a:pt x="155" y="5290"/>
                    </a:lnTo>
                    <a:lnTo>
                      <a:pt x="161" y="5284"/>
                    </a:lnTo>
                    <a:lnTo>
                      <a:pt x="166" y="5279"/>
                    </a:lnTo>
                    <a:lnTo>
                      <a:pt x="177" y="5274"/>
                    </a:lnTo>
                    <a:lnTo>
                      <a:pt x="192" y="5266"/>
                    </a:lnTo>
                    <a:lnTo>
                      <a:pt x="197" y="5262"/>
                    </a:lnTo>
                    <a:lnTo>
                      <a:pt x="199" y="5257"/>
                    </a:lnTo>
                    <a:lnTo>
                      <a:pt x="201" y="5255"/>
                    </a:lnTo>
                    <a:lnTo>
                      <a:pt x="199" y="5252"/>
                    </a:lnTo>
                    <a:lnTo>
                      <a:pt x="197" y="5249"/>
                    </a:lnTo>
                    <a:lnTo>
                      <a:pt x="194" y="5247"/>
                    </a:lnTo>
                    <a:lnTo>
                      <a:pt x="185" y="5238"/>
                    </a:lnTo>
                    <a:lnTo>
                      <a:pt x="179" y="5230"/>
                    </a:lnTo>
                    <a:lnTo>
                      <a:pt x="176" y="5227"/>
                    </a:lnTo>
                    <a:lnTo>
                      <a:pt x="175" y="5223"/>
                    </a:lnTo>
                    <a:lnTo>
                      <a:pt x="175" y="5220"/>
                    </a:lnTo>
                    <a:lnTo>
                      <a:pt x="175" y="5217"/>
                    </a:lnTo>
                    <a:lnTo>
                      <a:pt x="177" y="5211"/>
                    </a:lnTo>
                    <a:lnTo>
                      <a:pt x="183" y="5203"/>
                    </a:lnTo>
                    <a:lnTo>
                      <a:pt x="190" y="5195"/>
                    </a:lnTo>
                    <a:lnTo>
                      <a:pt x="201" y="5187"/>
                    </a:lnTo>
                    <a:lnTo>
                      <a:pt x="218" y="5176"/>
                    </a:lnTo>
                    <a:lnTo>
                      <a:pt x="240" y="5160"/>
                    </a:lnTo>
                    <a:lnTo>
                      <a:pt x="250" y="5151"/>
                    </a:lnTo>
                    <a:lnTo>
                      <a:pt x="259" y="5143"/>
                    </a:lnTo>
                    <a:lnTo>
                      <a:pt x="263" y="5139"/>
                    </a:lnTo>
                    <a:lnTo>
                      <a:pt x="265" y="5135"/>
                    </a:lnTo>
                    <a:lnTo>
                      <a:pt x="267" y="5131"/>
                    </a:lnTo>
                    <a:lnTo>
                      <a:pt x="268" y="5129"/>
                    </a:lnTo>
                    <a:lnTo>
                      <a:pt x="251" y="5126"/>
                    </a:lnTo>
                    <a:lnTo>
                      <a:pt x="238" y="5122"/>
                    </a:lnTo>
                    <a:lnTo>
                      <a:pt x="236" y="5122"/>
                    </a:lnTo>
                    <a:lnTo>
                      <a:pt x="232" y="5124"/>
                    </a:lnTo>
                    <a:lnTo>
                      <a:pt x="229" y="5125"/>
                    </a:lnTo>
                    <a:lnTo>
                      <a:pt x="225" y="5128"/>
                    </a:lnTo>
                    <a:lnTo>
                      <a:pt x="218" y="5135"/>
                    </a:lnTo>
                    <a:lnTo>
                      <a:pt x="208" y="5148"/>
                    </a:lnTo>
                    <a:lnTo>
                      <a:pt x="203" y="5156"/>
                    </a:lnTo>
                    <a:lnTo>
                      <a:pt x="196" y="5165"/>
                    </a:lnTo>
                    <a:lnTo>
                      <a:pt x="185" y="5174"/>
                    </a:lnTo>
                    <a:lnTo>
                      <a:pt x="176" y="5181"/>
                    </a:lnTo>
                    <a:lnTo>
                      <a:pt x="171" y="5182"/>
                    </a:lnTo>
                    <a:lnTo>
                      <a:pt x="167" y="5183"/>
                    </a:lnTo>
                    <a:lnTo>
                      <a:pt x="163" y="5183"/>
                    </a:lnTo>
                    <a:lnTo>
                      <a:pt x="161" y="5181"/>
                    </a:lnTo>
                    <a:lnTo>
                      <a:pt x="159" y="5178"/>
                    </a:lnTo>
                    <a:lnTo>
                      <a:pt x="158" y="5173"/>
                    </a:lnTo>
                    <a:lnTo>
                      <a:pt x="159" y="5166"/>
                    </a:lnTo>
                    <a:lnTo>
                      <a:pt x="161" y="5157"/>
                    </a:lnTo>
                    <a:lnTo>
                      <a:pt x="163" y="5147"/>
                    </a:lnTo>
                    <a:lnTo>
                      <a:pt x="162" y="5141"/>
                    </a:lnTo>
                    <a:lnTo>
                      <a:pt x="161" y="5138"/>
                    </a:lnTo>
                    <a:lnTo>
                      <a:pt x="159" y="5137"/>
                    </a:lnTo>
                    <a:lnTo>
                      <a:pt x="158" y="5135"/>
                    </a:lnTo>
                    <a:lnTo>
                      <a:pt x="155" y="5135"/>
                    </a:lnTo>
                    <a:lnTo>
                      <a:pt x="150" y="5135"/>
                    </a:lnTo>
                    <a:lnTo>
                      <a:pt x="145" y="5139"/>
                    </a:lnTo>
                    <a:lnTo>
                      <a:pt x="140" y="5144"/>
                    </a:lnTo>
                    <a:lnTo>
                      <a:pt x="135" y="5152"/>
                    </a:lnTo>
                    <a:lnTo>
                      <a:pt x="127" y="5173"/>
                    </a:lnTo>
                    <a:lnTo>
                      <a:pt x="119" y="5194"/>
                    </a:lnTo>
                    <a:lnTo>
                      <a:pt x="117" y="5198"/>
                    </a:lnTo>
                    <a:lnTo>
                      <a:pt x="114" y="5200"/>
                    </a:lnTo>
                    <a:lnTo>
                      <a:pt x="113" y="5203"/>
                    </a:lnTo>
                    <a:lnTo>
                      <a:pt x="109" y="5203"/>
                    </a:lnTo>
                    <a:lnTo>
                      <a:pt x="106" y="5201"/>
                    </a:lnTo>
                    <a:lnTo>
                      <a:pt x="102" y="5200"/>
                    </a:lnTo>
                    <a:lnTo>
                      <a:pt x="98" y="5195"/>
                    </a:lnTo>
                    <a:lnTo>
                      <a:pt x="93" y="5190"/>
                    </a:lnTo>
                    <a:lnTo>
                      <a:pt x="85" y="5179"/>
                    </a:lnTo>
                    <a:lnTo>
                      <a:pt x="79" y="5173"/>
                    </a:lnTo>
                    <a:lnTo>
                      <a:pt x="74" y="5169"/>
                    </a:lnTo>
                    <a:lnTo>
                      <a:pt x="70" y="5169"/>
                    </a:lnTo>
                    <a:lnTo>
                      <a:pt x="66" y="5170"/>
                    </a:lnTo>
                    <a:lnTo>
                      <a:pt x="62" y="5173"/>
                    </a:lnTo>
                    <a:lnTo>
                      <a:pt x="60" y="5177"/>
                    </a:lnTo>
                    <a:lnTo>
                      <a:pt x="57" y="5182"/>
                    </a:lnTo>
                    <a:lnTo>
                      <a:pt x="52" y="5194"/>
                    </a:lnTo>
                    <a:lnTo>
                      <a:pt x="45" y="5204"/>
                    </a:lnTo>
                    <a:lnTo>
                      <a:pt x="40" y="5207"/>
                    </a:lnTo>
                    <a:lnTo>
                      <a:pt x="36" y="5208"/>
                    </a:lnTo>
                    <a:lnTo>
                      <a:pt x="30" y="5208"/>
                    </a:lnTo>
                    <a:lnTo>
                      <a:pt x="23" y="5205"/>
                    </a:lnTo>
                    <a:lnTo>
                      <a:pt x="18" y="5201"/>
                    </a:lnTo>
                    <a:lnTo>
                      <a:pt x="15" y="5195"/>
                    </a:lnTo>
                    <a:lnTo>
                      <a:pt x="12" y="5187"/>
                    </a:lnTo>
                    <a:lnTo>
                      <a:pt x="9" y="5178"/>
                    </a:lnTo>
                    <a:lnTo>
                      <a:pt x="6" y="5156"/>
                    </a:lnTo>
                    <a:lnTo>
                      <a:pt x="5" y="5131"/>
                    </a:lnTo>
                    <a:lnTo>
                      <a:pt x="5" y="5107"/>
                    </a:lnTo>
                    <a:lnTo>
                      <a:pt x="8" y="5084"/>
                    </a:lnTo>
                    <a:lnTo>
                      <a:pt x="9" y="5073"/>
                    </a:lnTo>
                    <a:lnTo>
                      <a:pt x="12" y="5064"/>
                    </a:lnTo>
                    <a:lnTo>
                      <a:pt x="14" y="5056"/>
                    </a:lnTo>
                    <a:lnTo>
                      <a:pt x="17" y="5051"/>
                    </a:lnTo>
                    <a:lnTo>
                      <a:pt x="21" y="5046"/>
                    </a:lnTo>
                    <a:lnTo>
                      <a:pt x="27" y="5042"/>
                    </a:lnTo>
                    <a:lnTo>
                      <a:pt x="34" y="5038"/>
                    </a:lnTo>
                    <a:lnTo>
                      <a:pt x="41" y="5034"/>
                    </a:lnTo>
                    <a:lnTo>
                      <a:pt x="58" y="5028"/>
                    </a:lnTo>
                    <a:lnTo>
                      <a:pt x="72" y="5020"/>
                    </a:lnTo>
                    <a:lnTo>
                      <a:pt x="75" y="5024"/>
                    </a:lnTo>
                    <a:lnTo>
                      <a:pt x="76" y="5029"/>
                    </a:lnTo>
                    <a:lnTo>
                      <a:pt x="76" y="5034"/>
                    </a:lnTo>
                    <a:lnTo>
                      <a:pt x="76" y="5040"/>
                    </a:lnTo>
                    <a:lnTo>
                      <a:pt x="72" y="5050"/>
                    </a:lnTo>
                    <a:lnTo>
                      <a:pt x="69" y="5060"/>
                    </a:lnTo>
                    <a:lnTo>
                      <a:pt x="63" y="5072"/>
                    </a:lnTo>
                    <a:lnTo>
                      <a:pt x="60" y="5081"/>
                    </a:lnTo>
                    <a:lnTo>
                      <a:pt x="58" y="5086"/>
                    </a:lnTo>
                    <a:lnTo>
                      <a:pt x="58" y="5090"/>
                    </a:lnTo>
                    <a:lnTo>
                      <a:pt x="58" y="5094"/>
                    </a:lnTo>
                    <a:lnTo>
                      <a:pt x="60" y="5098"/>
                    </a:lnTo>
                    <a:lnTo>
                      <a:pt x="63" y="5100"/>
                    </a:lnTo>
                    <a:lnTo>
                      <a:pt x="66" y="5103"/>
                    </a:lnTo>
                    <a:lnTo>
                      <a:pt x="70" y="5103"/>
                    </a:lnTo>
                    <a:lnTo>
                      <a:pt x="74" y="5103"/>
                    </a:lnTo>
                    <a:lnTo>
                      <a:pt x="80" y="5099"/>
                    </a:lnTo>
                    <a:lnTo>
                      <a:pt x="88" y="5091"/>
                    </a:lnTo>
                    <a:lnTo>
                      <a:pt x="101" y="5074"/>
                    </a:lnTo>
                    <a:lnTo>
                      <a:pt x="110" y="5062"/>
                    </a:lnTo>
                    <a:lnTo>
                      <a:pt x="115" y="5058"/>
                    </a:lnTo>
                    <a:lnTo>
                      <a:pt x="120" y="5056"/>
                    </a:lnTo>
                    <a:lnTo>
                      <a:pt x="126" y="5056"/>
                    </a:lnTo>
                    <a:lnTo>
                      <a:pt x="131" y="5056"/>
                    </a:lnTo>
                    <a:lnTo>
                      <a:pt x="136" y="5056"/>
                    </a:lnTo>
                    <a:lnTo>
                      <a:pt x="141" y="5056"/>
                    </a:lnTo>
                    <a:lnTo>
                      <a:pt x="145" y="5054"/>
                    </a:lnTo>
                    <a:lnTo>
                      <a:pt x="149" y="5049"/>
                    </a:lnTo>
                    <a:lnTo>
                      <a:pt x="153" y="5043"/>
                    </a:lnTo>
                    <a:lnTo>
                      <a:pt x="155" y="5038"/>
                    </a:lnTo>
                    <a:lnTo>
                      <a:pt x="159" y="5034"/>
                    </a:lnTo>
                    <a:lnTo>
                      <a:pt x="163" y="5032"/>
                    </a:lnTo>
                    <a:lnTo>
                      <a:pt x="171" y="5028"/>
                    </a:lnTo>
                    <a:lnTo>
                      <a:pt x="180" y="5027"/>
                    </a:lnTo>
                    <a:lnTo>
                      <a:pt x="188" y="5027"/>
                    </a:lnTo>
                    <a:lnTo>
                      <a:pt x="197" y="5025"/>
                    </a:lnTo>
                    <a:lnTo>
                      <a:pt x="206" y="5023"/>
                    </a:lnTo>
                    <a:lnTo>
                      <a:pt x="214" y="5019"/>
                    </a:lnTo>
                    <a:lnTo>
                      <a:pt x="219" y="5014"/>
                    </a:lnTo>
                    <a:lnTo>
                      <a:pt x="221" y="5006"/>
                    </a:lnTo>
                    <a:lnTo>
                      <a:pt x="221" y="5002"/>
                    </a:lnTo>
                    <a:lnTo>
                      <a:pt x="220" y="4998"/>
                    </a:lnTo>
                    <a:lnTo>
                      <a:pt x="219" y="4995"/>
                    </a:lnTo>
                    <a:lnTo>
                      <a:pt x="216" y="4994"/>
                    </a:lnTo>
                    <a:lnTo>
                      <a:pt x="216" y="4992"/>
                    </a:lnTo>
                    <a:lnTo>
                      <a:pt x="192" y="4992"/>
                    </a:lnTo>
                    <a:lnTo>
                      <a:pt x="176" y="4989"/>
                    </a:lnTo>
                    <a:lnTo>
                      <a:pt x="171" y="4988"/>
                    </a:lnTo>
                    <a:lnTo>
                      <a:pt x="167" y="4985"/>
                    </a:lnTo>
                    <a:lnTo>
                      <a:pt x="166" y="4983"/>
                    </a:lnTo>
                    <a:lnTo>
                      <a:pt x="164" y="4980"/>
                    </a:lnTo>
                    <a:lnTo>
                      <a:pt x="166" y="4976"/>
                    </a:lnTo>
                    <a:lnTo>
                      <a:pt x="168" y="4972"/>
                    </a:lnTo>
                    <a:lnTo>
                      <a:pt x="171" y="4968"/>
                    </a:lnTo>
                    <a:lnTo>
                      <a:pt x="175" y="4963"/>
                    </a:lnTo>
                    <a:lnTo>
                      <a:pt x="186" y="4951"/>
                    </a:lnTo>
                    <a:lnTo>
                      <a:pt x="199" y="4938"/>
                    </a:lnTo>
                    <a:lnTo>
                      <a:pt x="221" y="4928"/>
                    </a:lnTo>
                    <a:lnTo>
                      <a:pt x="243" y="4915"/>
                    </a:lnTo>
                    <a:lnTo>
                      <a:pt x="264" y="4901"/>
                    </a:lnTo>
                    <a:lnTo>
                      <a:pt x="285" y="4885"/>
                    </a:lnTo>
                    <a:lnTo>
                      <a:pt x="289" y="4883"/>
                    </a:lnTo>
                    <a:lnTo>
                      <a:pt x="290" y="4880"/>
                    </a:lnTo>
                    <a:lnTo>
                      <a:pt x="291" y="4878"/>
                    </a:lnTo>
                    <a:lnTo>
                      <a:pt x="291" y="4875"/>
                    </a:lnTo>
                    <a:lnTo>
                      <a:pt x="288" y="4870"/>
                    </a:lnTo>
                    <a:lnTo>
                      <a:pt x="282" y="4865"/>
                    </a:lnTo>
                    <a:lnTo>
                      <a:pt x="276" y="4861"/>
                    </a:lnTo>
                    <a:lnTo>
                      <a:pt x="269" y="4856"/>
                    </a:lnTo>
                    <a:lnTo>
                      <a:pt x="268" y="4853"/>
                    </a:lnTo>
                    <a:lnTo>
                      <a:pt x="267" y="4849"/>
                    </a:lnTo>
                    <a:lnTo>
                      <a:pt x="265" y="4847"/>
                    </a:lnTo>
                    <a:lnTo>
                      <a:pt x="267" y="4843"/>
                    </a:lnTo>
                    <a:lnTo>
                      <a:pt x="272" y="4834"/>
                    </a:lnTo>
                    <a:lnTo>
                      <a:pt x="281" y="4822"/>
                    </a:lnTo>
                    <a:lnTo>
                      <a:pt x="295" y="4810"/>
                    </a:lnTo>
                    <a:lnTo>
                      <a:pt x="311" y="4797"/>
                    </a:lnTo>
                    <a:lnTo>
                      <a:pt x="328" y="4786"/>
                    </a:lnTo>
                    <a:lnTo>
                      <a:pt x="343" y="4777"/>
                    </a:lnTo>
                    <a:lnTo>
                      <a:pt x="350" y="4773"/>
                    </a:lnTo>
                    <a:lnTo>
                      <a:pt x="356" y="4770"/>
                    </a:lnTo>
                    <a:lnTo>
                      <a:pt x="361" y="4767"/>
                    </a:lnTo>
                    <a:lnTo>
                      <a:pt x="367" y="4767"/>
                    </a:lnTo>
                    <a:lnTo>
                      <a:pt x="369" y="4782"/>
                    </a:lnTo>
                    <a:lnTo>
                      <a:pt x="369" y="4795"/>
                    </a:lnTo>
                    <a:lnTo>
                      <a:pt x="369" y="4809"/>
                    </a:lnTo>
                    <a:lnTo>
                      <a:pt x="368" y="4822"/>
                    </a:lnTo>
                    <a:lnTo>
                      <a:pt x="364" y="4848"/>
                    </a:lnTo>
                    <a:lnTo>
                      <a:pt x="361" y="4875"/>
                    </a:lnTo>
                    <a:lnTo>
                      <a:pt x="363" y="4891"/>
                    </a:lnTo>
                    <a:lnTo>
                      <a:pt x="364" y="4901"/>
                    </a:lnTo>
                    <a:lnTo>
                      <a:pt x="365" y="4903"/>
                    </a:lnTo>
                    <a:lnTo>
                      <a:pt x="367" y="4905"/>
                    </a:lnTo>
                    <a:lnTo>
                      <a:pt x="368" y="4906"/>
                    </a:lnTo>
                    <a:lnTo>
                      <a:pt x="369" y="4905"/>
                    </a:lnTo>
                    <a:lnTo>
                      <a:pt x="372" y="4902"/>
                    </a:lnTo>
                    <a:lnTo>
                      <a:pt x="373" y="4896"/>
                    </a:lnTo>
                    <a:lnTo>
                      <a:pt x="374" y="4888"/>
                    </a:lnTo>
                    <a:lnTo>
                      <a:pt x="374" y="4878"/>
                    </a:lnTo>
                    <a:lnTo>
                      <a:pt x="374" y="4862"/>
                    </a:lnTo>
                    <a:lnTo>
                      <a:pt x="376" y="4848"/>
                    </a:lnTo>
                    <a:lnTo>
                      <a:pt x="378" y="4834"/>
                    </a:lnTo>
                    <a:lnTo>
                      <a:pt x="382" y="4821"/>
                    </a:lnTo>
                    <a:lnTo>
                      <a:pt x="387" y="4809"/>
                    </a:lnTo>
                    <a:lnTo>
                      <a:pt x="394" y="4797"/>
                    </a:lnTo>
                    <a:lnTo>
                      <a:pt x="402" y="4787"/>
                    </a:lnTo>
                    <a:lnTo>
                      <a:pt x="409" y="4778"/>
                    </a:lnTo>
                    <a:lnTo>
                      <a:pt x="418" y="4769"/>
                    </a:lnTo>
                    <a:lnTo>
                      <a:pt x="429" y="4760"/>
                    </a:lnTo>
                    <a:lnTo>
                      <a:pt x="440" y="4752"/>
                    </a:lnTo>
                    <a:lnTo>
                      <a:pt x="452" y="4745"/>
                    </a:lnTo>
                    <a:lnTo>
                      <a:pt x="464" y="4740"/>
                    </a:lnTo>
                    <a:lnTo>
                      <a:pt x="477" y="4735"/>
                    </a:lnTo>
                    <a:lnTo>
                      <a:pt x="490" y="4730"/>
                    </a:lnTo>
                    <a:lnTo>
                      <a:pt x="503" y="4726"/>
                    </a:lnTo>
                    <a:lnTo>
                      <a:pt x="501" y="4723"/>
                    </a:lnTo>
                    <a:lnTo>
                      <a:pt x="501" y="4721"/>
                    </a:lnTo>
                    <a:lnTo>
                      <a:pt x="499" y="4720"/>
                    </a:lnTo>
                    <a:lnTo>
                      <a:pt x="497" y="4717"/>
                    </a:lnTo>
                    <a:lnTo>
                      <a:pt x="492" y="4714"/>
                    </a:lnTo>
                    <a:lnTo>
                      <a:pt x="484" y="4713"/>
                    </a:lnTo>
                    <a:lnTo>
                      <a:pt x="466" y="4712"/>
                    </a:lnTo>
                    <a:lnTo>
                      <a:pt x="444" y="4713"/>
                    </a:lnTo>
                    <a:lnTo>
                      <a:pt x="399" y="4720"/>
                    </a:lnTo>
                    <a:lnTo>
                      <a:pt x="369" y="4723"/>
                    </a:lnTo>
                    <a:lnTo>
                      <a:pt x="356" y="4723"/>
                    </a:lnTo>
                    <a:lnTo>
                      <a:pt x="343" y="4725"/>
                    </a:lnTo>
                    <a:lnTo>
                      <a:pt x="330" y="4729"/>
                    </a:lnTo>
                    <a:lnTo>
                      <a:pt x="319" y="4733"/>
                    </a:lnTo>
                    <a:lnTo>
                      <a:pt x="307" y="4738"/>
                    </a:lnTo>
                    <a:lnTo>
                      <a:pt x="297" y="4745"/>
                    </a:lnTo>
                    <a:lnTo>
                      <a:pt x="286" y="4753"/>
                    </a:lnTo>
                    <a:lnTo>
                      <a:pt x="276" y="4761"/>
                    </a:lnTo>
                    <a:lnTo>
                      <a:pt x="267" y="4770"/>
                    </a:lnTo>
                    <a:lnTo>
                      <a:pt x="258" y="4780"/>
                    </a:lnTo>
                    <a:lnTo>
                      <a:pt x="250" y="4791"/>
                    </a:lnTo>
                    <a:lnTo>
                      <a:pt x="242" y="4802"/>
                    </a:lnTo>
                    <a:lnTo>
                      <a:pt x="229" y="4824"/>
                    </a:lnTo>
                    <a:lnTo>
                      <a:pt x="218" y="4848"/>
                    </a:lnTo>
                    <a:lnTo>
                      <a:pt x="211" y="4862"/>
                    </a:lnTo>
                    <a:lnTo>
                      <a:pt x="206" y="4874"/>
                    </a:lnTo>
                    <a:lnTo>
                      <a:pt x="199" y="4884"/>
                    </a:lnTo>
                    <a:lnTo>
                      <a:pt x="194" y="4891"/>
                    </a:lnTo>
                    <a:lnTo>
                      <a:pt x="192" y="4892"/>
                    </a:lnTo>
                    <a:lnTo>
                      <a:pt x="189" y="4892"/>
                    </a:lnTo>
                    <a:lnTo>
                      <a:pt x="186" y="4892"/>
                    </a:lnTo>
                    <a:lnTo>
                      <a:pt x="183" y="4889"/>
                    </a:lnTo>
                    <a:lnTo>
                      <a:pt x="180" y="4884"/>
                    </a:lnTo>
                    <a:lnTo>
                      <a:pt x="177" y="4879"/>
                    </a:lnTo>
                    <a:lnTo>
                      <a:pt x="175" y="4870"/>
                    </a:lnTo>
                    <a:lnTo>
                      <a:pt x="172" y="4861"/>
                    </a:lnTo>
                    <a:lnTo>
                      <a:pt x="171" y="4854"/>
                    </a:lnTo>
                    <a:lnTo>
                      <a:pt x="171" y="4847"/>
                    </a:lnTo>
                    <a:lnTo>
                      <a:pt x="171" y="4840"/>
                    </a:lnTo>
                    <a:lnTo>
                      <a:pt x="172" y="4834"/>
                    </a:lnTo>
                    <a:lnTo>
                      <a:pt x="175" y="4821"/>
                    </a:lnTo>
                    <a:lnTo>
                      <a:pt x="177" y="4809"/>
                    </a:lnTo>
                    <a:lnTo>
                      <a:pt x="177" y="4804"/>
                    </a:lnTo>
                    <a:lnTo>
                      <a:pt x="176" y="4799"/>
                    </a:lnTo>
                    <a:lnTo>
                      <a:pt x="175" y="4795"/>
                    </a:lnTo>
                    <a:lnTo>
                      <a:pt x="172" y="4791"/>
                    </a:lnTo>
                    <a:lnTo>
                      <a:pt x="167" y="4787"/>
                    </a:lnTo>
                    <a:lnTo>
                      <a:pt x="161" y="4784"/>
                    </a:lnTo>
                    <a:lnTo>
                      <a:pt x="151" y="4783"/>
                    </a:lnTo>
                    <a:lnTo>
                      <a:pt x="141" y="4783"/>
                    </a:lnTo>
                    <a:lnTo>
                      <a:pt x="132" y="4783"/>
                    </a:lnTo>
                    <a:lnTo>
                      <a:pt x="126" y="4782"/>
                    </a:lnTo>
                    <a:lnTo>
                      <a:pt x="120" y="4780"/>
                    </a:lnTo>
                    <a:lnTo>
                      <a:pt x="117" y="4778"/>
                    </a:lnTo>
                    <a:lnTo>
                      <a:pt x="115" y="4775"/>
                    </a:lnTo>
                    <a:lnTo>
                      <a:pt x="115" y="4771"/>
                    </a:lnTo>
                    <a:lnTo>
                      <a:pt x="115" y="4767"/>
                    </a:lnTo>
                    <a:lnTo>
                      <a:pt x="117" y="4764"/>
                    </a:lnTo>
                    <a:lnTo>
                      <a:pt x="119" y="4755"/>
                    </a:lnTo>
                    <a:lnTo>
                      <a:pt x="122" y="4745"/>
                    </a:lnTo>
                    <a:lnTo>
                      <a:pt x="123" y="4740"/>
                    </a:lnTo>
                    <a:lnTo>
                      <a:pt x="122" y="4736"/>
                    </a:lnTo>
                    <a:lnTo>
                      <a:pt x="120" y="4731"/>
                    </a:lnTo>
                    <a:lnTo>
                      <a:pt x="117" y="4726"/>
                    </a:lnTo>
                    <a:lnTo>
                      <a:pt x="109" y="4720"/>
                    </a:lnTo>
                    <a:lnTo>
                      <a:pt x="104" y="4713"/>
                    </a:lnTo>
                    <a:lnTo>
                      <a:pt x="101" y="4708"/>
                    </a:lnTo>
                    <a:lnTo>
                      <a:pt x="100" y="4703"/>
                    </a:lnTo>
                    <a:lnTo>
                      <a:pt x="100" y="4700"/>
                    </a:lnTo>
                    <a:lnTo>
                      <a:pt x="101" y="4698"/>
                    </a:lnTo>
                    <a:lnTo>
                      <a:pt x="104" y="4695"/>
                    </a:lnTo>
                    <a:lnTo>
                      <a:pt x="106" y="4692"/>
                    </a:lnTo>
                    <a:lnTo>
                      <a:pt x="115" y="4688"/>
                    </a:lnTo>
                    <a:lnTo>
                      <a:pt x="123" y="4685"/>
                    </a:lnTo>
                    <a:lnTo>
                      <a:pt x="128" y="4682"/>
                    </a:lnTo>
                    <a:lnTo>
                      <a:pt x="131" y="4678"/>
                    </a:lnTo>
                    <a:lnTo>
                      <a:pt x="135" y="4673"/>
                    </a:lnTo>
                    <a:lnTo>
                      <a:pt x="136" y="4668"/>
                    </a:lnTo>
                    <a:lnTo>
                      <a:pt x="141" y="4669"/>
                    </a:lnTo>
                    <a:lnTo>
                      <a:pt x="146" y="4670"/>
                    </a:lnTo>
                    <a:lnTo>
                      <a:pt x="151" y="4673"/>
                    </a:lnTo>
                    <a:lnTo>
                      <a:pt x="157" y="4676"/>
                    </a:lnTo>
                    <a:lnTo>
                      <a:pt x="167" y="4683"/>
                    </a:lnTo>
                    <a:lnTo>
                      <a:pt x="179" y="4691"/>
                    </a:lnTo>
                    <a:lnTo>
                      <a:pt x="190" y="4696"/>
                    </a:lnTo>
                    <a:lnTo>
                      <a:pt x="201" y="4700"/>
                    </a:lnTo>
                    <a:lnTo>
                      <a:pt x="206" y="4700"/>
                    </a:lnTo>
                    <a:lnTo>
                      <a:pt x="211" y="4699"/>
                    </a:lnTo>
                    <a:lnTo>
                      <a:pt x="215" y="4696"/>
                    </a:lnTo>
                    <a:lnTo>
                      <a:pt x="220" y="4691"/>
                    </a:lnTo>
                    <a:lnTo>
                      <a:pt x="267" y="4630"/>
                    </a:lnTo>
                    <a:lnTo>
                      <a:pt x="268" y="4626"/>
                    </a:lnTo>
                    <a:lnTo>
                      <a:pt x="268" y="4621"/>
                    </a:lnTo>
                    <a:lnTo>
                      <a:pt x="267" y="4615"/>
                    </a:lnTo>
                    <a:lnTo>
                      <a:pt x="265" y="4607"/>
                    </a:lnTo>
                    <a:lnTo>
                      <a:pt x="263" y="4593"/>
                    </a:lnTo>
                    <a:lnTo>
                      <a:pt x="262" y="4582"/>
                    </a:lnTo>
                    <a:lnTo>
                      <a:pt x="260" y="4576"/>
                    </a:lnTo>
                    <a:lnTo>
                      <a:pt x="258" y="4572"/>
                    </a:lnTo>
                    <a:lnTo>
                      <a:pt x="254" y="4569"/>
                    </a:lnTo>
                    <a:lnTo>
                      <a:pt x="250" y="4568"/>
                    </a:lnTo>
                    <a:lnTo>
                      <a:pt x="240" y="4568"/>
                    </a:lnTo>
                    <a:lnTo>
                      <a:pt x="227" y="4571"/>
                    </a:lnTo>
                    <a:lnTo>
                      <a:pt x="214" y="4573"/>
                    </a:lnTo>
                    <a:lnTo>
                      <a:pt x="202" y="4574"/>
                    </a:lnTo>
                    <a:lnTo>
                      <a:pt x="197" y="4574"/>
                    </a:lnTo>
                    <a:lnTo>
                      <a:pt x="192" y="4573"/>
                    </a:lnTo>
                    <a:lnTo>
                      <a:pt x="188" y="4569"/>
                    </a:lnTo>
                    <a:lnTo>
                      <a:pt x="185" y="4565"/>
                    </a:lnTo>
                    <a:lnTo>
                      <a:pt x="172" y="4530"/>
                    </a:lnTo>
                    <a:lnTo>
                      <a:pt x="171" y="4529"/>
                    </a:lnTo>
                    <a:lnTo>
                      <a:pt x="172" y="4527"/>
                    </a:lnTo>
                    <a:lnTo>
                      <a:pt x="174" y="4525"/>
                    </a:lnTo>
                    <a:lnTo>
                      <a:pt x="175" y="4524"/>
                    </a:lnTo>
                    <a:lnTo>
                      <a:pt x="181" y="4521"/>
                    </a:lnTo>
                    <a:lnTo>
                      <a:pt x="188" y="4519"/>
                    </a:lnTo>
                    <a:lnTo>
                      <a:pt x="194" y="4517"/>
                    </a:lnTo>
                    <a:lnTo>
                      <a:pt x="201" y="4514"/>
                    </a:lnTo>
                    <a:lnTo>
                      <a:pt x="203" y="4511"/>
                    </a:lnTo>
                    <a:lnTo>
                      <a:pt x="205" y="4508"/>
                    </a:lnTo>
                    <a:lnTo>
                      <a:pt x="205" y="4506"/>
                    </a:lnTo>
                    <a:lnTo>
                      <a:pt x="205" y="4502"/>
                    </a:lnTo>
                    <a:lnTo>
                      <a:pt x="202" y="4501"/>
                    </a:lnTo>
                    <a:lnTo>
                      <a:pt x="196" y="4499"/>
                    </a:lnTo>
                    <a:lnTo>
                      <a:pt x="185" y="4499"/>
                    </a:lnTo>
                    <a:lnTo>
                      <a:pt x="174" y="4499"/>
                    </a:lnTo>
                    <a:lnTo>
                      <a:pt x="149" y="4498"/>
                    </a:lnTo>
                    <a:lnTo>
                      <a:pt x="131" y="4497"/>
                    </a:lnTo>
                    <a:lnTo>
                      <a:pt x="120" y="4493"/>
                    </a:lnTo>
                    <a:lnTo>
                      <a:pt x="114" y="4489"/>
                    </a:lnTo>
                    <a:lnTo>
                      <a:pt x="109" y="4485"/>
                    </a:lnTo>
                    <a:lnTo>
                      <a:pt x="105" y="4480"/>
                    </a:lnTo>
                    <a:lnTo>
                      <a:pt x="104" y="4476"/>
                    </a:lnTo>
                    <a:lnTo>
                      <a:pt x="105" y="4471"/>
                    </a:lnTo>
                    <a:lnTo>
                      <a:pt x="106" y="4467"/>
                    </a:lnTo>
                    <a:lnTo>
                      <a:pt x="109" y="4462"/>
                    </a:lnTo>
                    <a:lnTo>
                      <a:pt x="117" y="4453"/>
                    </a:lnTo>
                    <a:lnTo>
                      <a:pt x="127" y="4444"/>
                    </a:lnTo>
                    <a:lnTo>
                      <a:pt x="137" y="4436"/>
                    </a:lnTo>
                    <a:lnTo>
                      <a:pt x="148" y="4429"/>
                    </a:lnTo>
                    <a:lnTo>
                      <a:pt x="151" y="4415"/>
                    </a:lnTo>
                    <a:lnTo>
                      <a:pt x="154" y="4406"/>
                    </a:lnTo>
                    <a:lnTo>
                      <a:pt x="174" y="4409"/>
                    </a:lnTo>
                    <a:lnTo>
                      <a:pt x="192" y="4409"/>
                    </a:lnTo>
                    <a:lnTo>
                      <a:pt x="210" y="4409"/>
                    </a:lnTo>
                    <a:lnTo>
                      <a:pt x="228" y="4410"/>
                    </a:lnTo>
                    <a:lnTo>
                      <a:pt x="260" y="4414"/>
                    </a:lnTo>
                    <a:lnTo>
                      <a:pt x="291" y="4419"/>
                    </a:lnTo>
                    <a:lnTo>
                      <a:pt x="306" y="4423"/>
                    </a:lnTo>
                    <a:lnTo>
                      <a:pt x="321" y="4428"/>
                    </a:lnTo>
                    <a:lnTo>
                      <a:pt x="335" y="4433"/>
                    </a:lnTo>
                    <a:lnTo>
                      <a:pt x="351" y="4440"/>
                    </a:lnTo>
                    <a:lnTo>
                      <a:pt x="361" y="4445"/>
                    </a:lnTo>
                    <a:lnTo>
                      <a:pt x="370" y="4450"/>
                    </a:lnTo>
                    <a:lnTo>
                      <a:pt x="380" y="4453"/>
                    </a:lnTo>
                    <a:lnTo>
                      <a:pt x="387" y="4455"/>
                    </a:lnTo>
                    <a:lnTo>
                      <a:pt x="396" y="4455"/>
                    </a:lnTo>
                    <a:lnTo>
                      <a:pt x="405" y="4455"/>
                    </a:lnTo>
                    <a:lnTo>
                      <a:pt x="416" y="4454"/>
                    </a:lnTo>
                    <a:lnTo>
                      <a:pt x="427" y="4451"/>
                    </a:lnTo>
                    <a:lnTo>
                      <a:pt x="447" y="4440"/>
                    </a:lnTo>
                    <a:lnTo>
                      <a:pt x="461" y="4431"/>
                    </a:lnTo>
                    <a:lnTo>
                      <a:pt x="464" y="4433"/>
                    </a:lnTo>
                    <a:lnTo>
                      <a:pt x="468" y="4438"/>
                    </a:lnTo>
                    <a:lnTo>
                      <a:pt x="473" y="4445"/>
                    </a:lnTo>
                    <a:lnTo>
                      <a:pt x="478" y="4454"/>
                    </a:lnTo>
                    <a:lnTo>
                      <a:pt x="488" y="4472"/>
                    </a:lnTo>
                    <a:lnTo>
                      <a:pt x="495" y="4484"/>
                    </a:lnTo>
                    <a:lnTo>
                      <a:pt x="496" y="4489"/>
                    </a:lnTo>
                    <a:lnTo>
                      <a:pt x="497" y="4494"/>
                    </a:lnTo>
                    <a:lnTo>
                      <a:pt x="497" y="4501"/>
                    </a:lnTo>
                    <a:lnTo>
                      <a:pt x="496" y="4506"/>
                    </a:lnTo>
                    <a:lnTo>
                      <a:pt x="495" y="4517"/>
                    </a:lnTo>
                    <a:lnTo>
                      <a:pt x="492" y="4529"/>
                    </a:lnTo>
                    <a:lnTo>
                      <a:pt x="492" y="4534"/>
                    </a:lnTo>
                    <a:lnTo>
                      <a:pt x="492" y="4539"/>
                    </a:lnTo>
                    <a:lnTo>
                      <a:pt x="492" y="4542"/>
                    </a:lnTo>
                    <a:lnTo>
                      <a:pt x="494" y="4546"/>
                    </a:lnTo>
                    <a:lnTo>
                      <a:pt x="497" y="4547"/>
                    </a:lnTo>
                    <a:lnTo>
                      <a:pt x="501" y="4549"/>
                    </a:lnTo>
                    <a:lnTo>
                      <a:pt x="506" y="4549"/>
                    </a:lnTo>
                    <a:lnTo>
                      <a:pt x="514" y="4547"/>
                    </a:lnTo>
                    <a:lnTo>
                      <a:pt x="561" y="4533"/>
                    </a:lnTo>
                    <a:lnTo>
                      <a:pt x="561" y="4532"/>
                    </a:lnTo>
                    <a:lnTo>
                      <a:pt x="560" y="4528"/>
                    </a:lnTo>
                    <a:lnTo>
                      <a:pt x="556" y="4521"/>
                    </a:lnTo>
                    <a:lnTo>
                      <a:pt x="551" y="4515"/>
                    </a:lnTo>
                    <a:lnTo>
                      <a:pt x="540" y="4503"/>
                    </a:lnTo>
                    <a:lnTo>
                      <a:pt x="535" y="4494"/>
                    </a:lnTo>
                    <a:lnTo>
                      <a:pt x="534" y="4492"/>
                    </a:lnTo>
                    <a:lnTo>
                      <a:pt x="534" y="4489"/>
                    </a:lnTo>
                    <a:lnTo>
                      <a:pt x="534" y="4486"/>
                    </a:lnTo>
                    <a:lnTo>
                      <a:pt x="535" y="4484"/>
                    </a:lnTo>
                    <a:lnTo>
                      <a:pt x="540" y="4480"/>
                    </a:lnTo>
                    <a:lnTo>
                      <a:pt x="547" y="4476"/>
                    </a:lnTo>
                    <a:lnTo>
                      <a:pt x="554" y="4472"/>
                    </a:lnTo>
                    <a:lnTo>
                      <a:pt x="565" y="4470"/>
                    </a:lnTo>
                    <a:lnTo>
                      <a:pt x="575" y="4467"/>
                    </a:lnTo>
                    <a:lnTo>
                      <a:pt x="587" y="4464"/>
                    </a:lnTo>
                    <a:lnTo>
                      <a:pt x="610" y="4462"/>
                    </a:lnTo>
                    <a:lnTo>
                      <a:pt x="633" y="4460"/>
                    </a:lnTo>
                    <a:lnTo>
                      <a:pt x="653" y="4459"/>
                    </a:lnTo>
                    <a:lnTo>
                      <a:pt x="666" y="4460"/>
                    </a:lnTo>
                    <a:lnTo>
                      <a:pt x="676" y="4460"/>
                    </a:lnTo>
                    <a:lnTo>
                      <a:pt x="687" y="4458"/>
                    </a:lnTo>
                    <a:lnTo>
                      <a:pt x="698" y="4454"/>
                    </a:lnTo>
                    <a:lnTo>
                      <a:pt x="711" y="4448"/>
                    </a:lnTo>
                    <a:lnTo>
                      <a:pt x="722" y="4441"/>
                    </a:lnTo>
                    <a:lnTo>
                      <a:pt x="733" y="4433"/>
                    </a:lnTo>
                    <a:lnTo>
                      <a:pt x="742" y="4425"/>
                    </a:lnTo>
                    <a:lnTo>
                      <a:pt x="750" y="4419"/>
                    </a:lnTo>
                    <a:lnTo>
                      <a:pt x="750" y="4418"/>
                    </a:lnTo>
                    <a:lnTo>
                      <a:pt x="749" y="4416"/>
                    </a:lnTo>
                    <a:lnTo>
                      <a:pt x="747" y="4414"/>
                    </a:lnTo>
                    <a:lnTo>
                      <a:pt x="744" y="4413"/>
                    </a:lnTo>
                    <a:lnTo>
                      <a:pt x="733" y="4407"/>
                    </a:lnTo>
                    <a:lnTo>
                      <a:pt x="722" y="4403"/>
                    </a:lnTo>
                    <a:lnTo>
                      <a:pt x="709" y="4398"/>
                    </a:lnTo>
                    <a:lnTo>
                      <a:pt x="697" y="4393"/>
                    </a:lnTo>
                    <a:lnTo>
                      <a:pt x="692" y="4389"/>
                    </a:lnTo>
                    <a:lnTo>
                      <a:pt x="688" y="4387"/>
                    </a:lnTo>
                    <a:lnTo>
                      <a:pt x="684" y="4383"/>
                    </a:lnTo>
                    <a:lnTo>
                      <a:pt x="683" y="4379"/>
                    </a:lnTo>
                    <a:lnTo>
                      <a:pt x="680" y="4366"/>
                    </a:lnTo>
                    <a:lnTo>
                      <a:pt x="680" y="4354"/>
                    </a:lnTo>
                    <a:lnTo>
                      <a:pt x="681" y="4344"/>
                    </a:lnTo>
                    <a:lnTo>
                      <a:pt x="685" y="4334"/>
                    </a:lnTo>
                    <a:lnTo>
                      <a:pt x="688" y="4324"/>
                    </a:lnTo>
                    <a:lnTo>
                      <a:pt x="692" y="4315"/>
                    </a:lnTo>
                    <a:lnTo>
                      <a:pt x="694" y="4304"/>
                    </a:lnTo>
                    <a:lnTo>
                      <a:pt x="696" y="4292"/>
                    </a:lnTo>
                    <a:lnTo>
                      <a:pt x="666" y="4295"/>
                    </a:lnTo>
                    <a:lnTo>
                      <a:pt x="645" y="4296"/>
                    </a:lnTo>
                    <a:lnTo>
                      <a:pt x="641" y="4297"/>
                    </a:lnTo>
                    <a:lnTo>
                      <a:pt x="639" y="4299"/>
                    </a:lnTo>
                    <a:lnTo>
                      <a:pt x="636" y="4301"/>
                    </a:lnTo>
                    <a:lnTo>
                      <a:pt x="633" y="4305"/>
                    </a:lnTo>
                    <a:lnTo>
                      <a:pt x="632" y="4310"/>
                    </a:lnTo>
                    <a:lnTo>
                      <a:pt x="631" y="4317"/>
                    </a:lnTo>
                    <a:lnTo>
                      <a:pt x="630" y="4324"/>
                    </a:lnTo>
                    <a:lnTo>
                      <a:pt x="630" y="4334"/>
                    </a:lnTo>
                    <a:lnTo>
                      <a:pt x="630" y="4332"/>
                    </a:lnTo>
                    <a:lnTo>
                      <a:pt x="630" y="4330"/>
                    </a:lnTo>
                    <a:lnTo>
                      <a:pt x="633" y="4358"/>
                    </a:lnTo>
                    <a:lnTo>
                      <a:pt x="639" y="4383"/>
                    </a:lnTo>
                    <a:lnTo>
                      <a:pt x="640" y="4393"/>
                    </a:lnTo>
                    <a:lnTo>
                      <a:pt x="641" y="4403"/>
                    </a:lnTo>
                    <a:lnTo>
                      <a:pt x="641" y="4411"/>
                    </a:lnTo>
                    <a:lnTo>
                      <a:pt x="640" y="4419"/>
                    </a:lnTo>
                    <a:lnTo>
                      <a:pt x="637" y="4425"/>
                    </a:lnTo>
                    <a:lnTo>
                      <a:pt x="633" y="4431"/>
                    </a:lnTo>
                    <a:lnTo>
                      <a:pt x="627" y="4435"/>
                    </a:lnTo>
                    <a:lnTo>
                      <a:pt x="618" y="4437"/>
                    </a:lnTo>
                    <a:lnTo>
                      <a:pt x="608" y="4440"/>
                    </a:lnTo>
                    <a:lnTo>
                      <a:pt x="593" y="4440"/>
                    </a:lnTo>
                    <a:lnTo>
                      <a:pt x="576" y="4440"/>
                    </a:lnTo>
                    <a:lnTo>
                      <a:pt x="557" y="4438"/>
                    </a:lnTo>
                    <a:lnTo>
                      <a:pt x="553" y="4437"/>
                    </a:lnTo>
                    <a:lnTo>
                      <a:pt x="552" y="4436"/>
                    </a:lnTo>
                    <a:lnTo>
                      <a:pt x="549" y="4433"/>
                    </a:lnTo>
                    <a:lnTo>
                      <a:pt x="549" y="4431"/>
                    </a:lnTo>
                    <a:lnTo>
                      <a:pt x="549" y="4424"/>
                    </a:lnTo>
                    <a:lnTo>
                      <a:pt x="551" y="4416"/>
                    </a:lnTo>
                    <a:lnTo>
                      <a:pt x="554" y="4401"/>
                    </a:lnTo>
                    <a:lnTo>
                      <a:pt x="557" y="4391"/>
                    </a:lnTo>
                    <a:lnTo>
                      <a:pt x="556" y="4387"/>
                    </a:lnTo>
                    <a:lnTo>
                      <a:pt x="553" y="4384"/>
                    </a:lnTo>
                    <a:lnTo>
                      <a:pt x="549" y="4384"/>
                    </a:lnTo>
                    <a:lnTo>
                      <a:pt x="545" y="4385"/>
                    </a:lnTo>
                    <a:lnTo>
                      <a:pt x="535" y="4389"/>
                    </a:lnTo>
                    <a:lnTo>
                      <a:pt x="525" y="4397"/>
                    </a:lnTo>
                    <a:lnTo>
                      <a:pt x="513" y="4403"/>
                    </a:lnTo>
                    <a:lnTo>
                      <a:pt x="503" y="4410"/>
                    </a:lnTo>
                    <a:lnTo>
                      <a:pt x="497" y="4413"/>
                    </a:lnTo>
                    <a:lnTo>
                      <a:pt x="492" y="4413"/>
                    </a:lnTo>
                    <a:lnTo>
                      <a:pt x="488" y="4413"/>
                    </a:lnTo>
                    <a:lnTo>
                      <a:pt x="486" y="4411"/>
                    </a:lnTo>
                    <a:lnTo>
                      <a:pt x="481" y="4405"/>
                    </a:lnTo>
                    <a:lnTo>
                      <a:pt x="477" y="4398"/>
                    </a:lnTo>
                    <a:lnTo>
                      <a:pt x="474" y="4393"/>
                    </a:lnTo>
                    <a:lnTo>
                      <a:pt x="474" y="4387"/>
                    </a:lnTo>
                    <a:lnTo>
                      <a:pt x="474" y="4374"/>
                    </a:lnTo>
                    <a:lnTo>
                      <a:pt x="478" y="4361"/>
                    </a:lnTo>
                    <a:lnTo>
                      <a:pt x="483" y="4349"/>
                    </a:lnTo>
                    <a:lnTo>
                      <a:pt x="486" y="4337"/>
                    </a:lnTo>
                    <a:lnTo>
                      <a:pt x="487" y="4334"/>
                    </a:lnTo>
                    <a:lnTo>
                      <a:pt x="487" y="4328"/>
                    </a:lnTo>
                    <a:lnTo>
                      <a:pt x="486" y="4324"/>
                    </a:lnTo>
                    <a:lnTo>
                      <a:pt x="484" y="4322"/>
                    </a:lnTo>
                    <a:lnTo>
                      <a:pt x="481" y="4321"/>
                    </a:lnTo>
                    <a:lnTo>
                      <a:pt x="475" y="4323"/>
                    </a:lnTo>
                    <a:lnTo>
                      <a:pt x="468" y="4328"/>
                    </a:lnTo>
                    <a:lnTo>
                      <a:pt x="460" y="4334"/>
                    </a:lnTo>
                    <a:lnTo>
                      <a:pt x="444" y="4345"/>
                    </a:lnTo>
                    <a:lnTo>
                      <a:pt x="437" y="4354"/>
                    </a:lnTo>
                    <a:lnTo>
                      <a:pt x="430" y="4362"/>
                    </a:lnTo>
                    <a:lnTo>
                      <a:pt x="426" y="4371"/>
                    </a:lnTo>
                    <a:lnTo>
                      <a:pt x="422" y="4381"/>
                    </a:lnTo>
                    <a:lnTo>
                      <a:pt x="420" y="4391"/>
                    </a:lnTo>
                    <a:lnTo>
                      <a:pt x="416" y="4398"/>
                    </a:lnTo>
                    <a:lnTo>
                      <a:pt x="409" y="4405"/>
                    </a:lnTo>
                    <a:lnTo>
                      <a:pt x="407" y="4406"/>
                    </a:lnTo>
                    <a:lnTo>
                      <a:pt x="403" y="4409"/>
                    </a:lnTo>
                    <a:lnTo>
                      <a:pt x="398" y="4410"/>
                    </a:lnTo>
                    <a:lnTo>
                      <a:pt x="392" y="4410"/>
                    </a:lnTo>
                    <a:lnTo>
                      <a:pt x="381" y="4409"/>
                    </a:lnTo>
                    <a:lnTo>
                      <a:pt x="370" y="4406"/>
                    </a:lnTo>
                    <a:lnTo>
                      <a:pt x="360" y="4401"/>
                    </a:lnTo>
                    <a:lnTo>
                      <a:pt x="350" y="4396"/>
                    </a:lnTo>
                    <a:lnTo>
                      <a:pt x="339" y="4389"/>
                    </a:lnTo>
                    <a:lnTo>
                      <a:pt x="328" y="4384"/>
                    </a:lnTo>
                    <a:lnTo>
                      <a:pt x="317" y="4379"/>
                    </a:lnTo>
                    <a:lnTo>
                      <a:pt x="306" y="4375"/>
                    </a:lnTo>
                    <a:lnTo>
                      <a:pt x="277" y="4371"/>
                    </a:lnTo>
                    <a:lnTo>
                      <a:pt x="236" y="4366"/>
                    </a:lnTo>
                    <a:lnTo>
                      <a:pt x="215" y="4363"/>
                    </a:lnTo>
                    <a:lnTo>
                      <a:pt x="197" y="4358"/>
                    </a:lnTo>
                    <a:lnTo>
                      <a:pt x="189" y="4354"/>
                    </a:lnTo>
                    <a:lnTo>
                      <a:pt x="184" y="4352"/>
                    </a:lnTo>
                    <a:lnTo>
                      <a:pt x="179" y="4348"/>
                    </a:lnTo>
                    <a:lnTo>
                      <a:pt x="177" y="4343"/>
                    </a:lnTo>
                    <a:lnTo>
                      <a:pt x="175" y="4334"/>
                    </a:lnTo>
                    <a:lnTo>
                      <a:pt x="174" y="4322"/>
                    </a:lnTo>
                    <a:lnTo>
                      <a:pt x="172" y="4309"/>
                    </a:lnTo>
                    <a:lnTo>
                      <a:pt x="172" y="4295"/>
                    </a:lnTo>
                    <a:lnTo>
                      <a:pt x="174" y="4280"/>
                    </a:lnTo>
                    <a:lnTo>
                      <a:pt x="176" y="4269"/>
                    </a:lnTo>
                    <a:lnTo>
                      <a:pt x="177" y="4264"/>
                    </a:lnTo>
                    <a:lnTo>
                      <a:pt x="180" y="4258"/>
                    </a:lnTo>
                    <a:lnTo>
                      <a:pt x="183" y="4256"/>
                    </a:lnTo>
                    <a:lnTo>
                      <a:pt x="186" y="4253"/>
                    </a:lnTo>
                    <a:lnTo>
                      <a:pt x="186" y="4251"/>
                    </a:lnTo>
                    <a:lnTo>
                      <a:pt x="179" y="4248"/>
                    </a:lnTo>
                    <a:lnTo>
                      <a:pt x="175" y="4244"/>
                    </a:lnTo>
                    <a:lnTo>
                      <a:pt x="171" y="4242"/>
                    </a:lnTo>
                    <a:lnTo>
                      <a:pt x="170" y="4239"/>
                    </a:lnTo>
                    <a:lnTo>
                      <a:pt x="170" y="4236"/>
                    </a:lnTo>
                    <a:lnTo>
                      <a:pt x="170" y="4234"/>
                    </a:lnTo>
                    <a:lnTo>
                      <a:pt x="172" y="4231"/>
                    </a:lnTo>
                    <a:lnTo>
                      <a:pt x="175" y="4229"/>
                    </a:lnTo>
                    <a:lnTo>
                      <a:pt x="184" y="4225"/>
                    </a:lnTo>
                    <a:lnTo>
                      <a:pt x="194" y="4222"/>
                    </a:lnTo>
                    <a:lnTo>
                      <a:pt x="199" y="4222"/>
                    </a:lnTo>
                    <a:lnTo>
                      <a:pt x="206" y="4223"/>
                    </a:lnTo>
                    <a:lnTo>
                      <a:pt x="212" y="4225"/>
                    </a:lnTo>
                    <a:lnTo>
                      <a:pt x="219" y="4226"/>
                    </a:lnTo>
                    <a:lnTo>
                      <a:pt x="229" y="4230"/>
                    </a:lnTo>
                    <a:lnTo>
                      <a:pt x="241" y="4232"/>
                    </a:lnTo>
                    <a:lnTo>
                      <a:pt x="254" y="4235"/>
                    </a:lnTo>
                    <a:lnTo>
                      <a:pt x="263" y="4235"/>
                    </a:lnTo>
                    <a:lnTo>
                      <a:pt x="267" y="4234"/>
                    </a:lnTo>
                    <a:lnTo>
                      <a:pt x="271" y="4232"/>
                    </a:lnTo>
                    <a:lnTo>
                      <a:pt x="272" y="4230"/>
                    </a:lnTo>
                    <a:lnTo>
                      <a:pt x="273" y="4226"/>
                    </a:lnTo>
                    <a:lnTo>
                      <a:pt x="272" y="4222"/>
                    </a:lnTo>
                    <a:lnTo>
                      <a:pt x="269" y="4218"/>
                    </a:lnTo>
                    <a:lnTo>
                      <a:pt x="264" y="4212"/>
                    </a:lnTo>
                    <a:lnTo>
                      <a:pt x="258" y="4204"/>
                    </a:lnTo>
                    <a:lnTo>
                      <a:pt x="253" y="4199"/>
                    </a:lnTo>
                    <a:lnTo>
                      <a:pt x="250" y="4194"/>
                    </a:lnTo>
                    <a:lnTo>
                      <a:pt x="247" y="4188"/>
                    </a:lnTo>
                    <a:lnTo>
                      <a:pt x="245" y="4183"/>
                    </a:lnTo>
                    <a:lnTo>
                      <a:pt x="241" y="4173"/>
                    </a:lnTo>
                    <a:lnTo>
                      <a:pt x="234" y="4163"/>
                    </a:lnTo>
                    <a:lnTo>
                      <a:pt x="216" y="4150"/>
                    </a:lnTo>
                    <a:lnTo>
                      <a:pt x="190" y="4133"/>
                    </a:lnTo>
                    <a:lnTo>
                      <a:pt x="179" y="4122"/>
                    </a:lnTo>
                    <a:lnTo>
                      <a:pt x="171" y="4115"/>
                    </a:lnTo>
                    <a:lnTo>
                      <a:pt x="170" y="4111"/>
                    </a:lnTo>
                    <a:lnTo>
                      <a:pt x="170" y="4107"/>
                    </a:lnTo>
                    <a:lnTo>
                      <a:pt x="172" y="4103"/>
                    </a:lnTo>
                    <a:lnTo>
                      <a:pt x="177" y="4100"/>
                    </a:lnTo>
                    <a:lnTo>
                      <a:pt x="190" y="4098"/>
                    </a:lnTo>
                    <a:lnTo>
                      <a:pt x="206" y="4095"/>
                    </a:lnTo>
                    <a:lnTo>
                      <a:pt x="214" y="4093"/>
                    </a:lnTo>
                    <a:lnTo>
                      <a:pt x="220" y="4090"/>
                    </a:lnTo>
                    <a:lnTo>
                      <a:pt x="227" y="4087"/>
                    </a:lnTo>
                    <a:lnTo>
                      <a:pt x="231" y="4082"/>
                    </a:lnTo>
                    <a:lnTo>
                      <a:pt x="238" y="4072"/>
                    </a:lnTo>
                    <a:lnTo>
                      <a:pt x="245" y="4063"/>
                    </a:lnTo>
                    <a:lnTo>
                      <a:pt x="251" y="4055"/>
                    </a:lnTo>
                    <a:lnTo>
                      <a:pt x="256" y="4050"/>
                    </a:lnTo>
                    <a:lnTo>
                      <a:pt x="263" y="4047"/>
                    </a:lnTo>
                    <a:lnTo>
                      <a:pt x="268" y="4046"/>
                    </a:lnTo>
                    <a:lnTo>
                      <a:pt x="273" y="4046"/>
                    </a:lnTo>
                    <a:lnTo>
                      <a:pt x="278" y="4047"/>
                    </a:lnTo>
                    <a:lnTo>
                      <a:pt x="302" y="4064"/>
                    </a:lnTo>
                    <a:lnTo>
                      <a:pt x="337" y="4090"/>
                    </a:lnTo>
                    <a:lnTo>
                      <a:pt x="346" y="4095"/>
                    </a:lnTo>
                    <a:lnTo>
                      <a:pt x="356" y="4100"/>
                    </a:lnTo>
                    <a:lnTo>
                      <a:pt x="369" y="4104"/>
                    </a:lnTo>
                    <a:lnTo>
                      <a:pt x="383" y="4108"/>
                    </a:lnTo>
                    <a:lnTo>
                      <a:pt x="413" y="4115"/>
                    </a:lnTo>
                    <a:lnTo>
                      <a:pt x="446" y="4117"/>
                    </a:lnTo>
                    <a:lnTo>
                      <a:pt x="462" y="4118"/>
                    </a:lnTo>
                    <a:lnTo>
                      <a:pt x="478" y="4118"/>
                    </a:lnTo>
                    <a:lnTo>
                      <a:pt x="495" y="4118"/>
                    </a:lnTo>
                    <a:lnTo>
                      <a:pt x="509" y="4117"/>
                    </a:lnTo>
                    <a:lnTo>
                      <a:pt x="523" y="4116"/>
                    </a:lnTo>
                    <a:lnTo>
                      <a:pt x="535" y="4112"/>
                    </a:lnTo>
                    <a:lnTo>
                      <a:pt x="547" y="4109"/>
                    </a:lnTo>
                    <a:lnTo>
                      <a:pt x="556" y="4104"/>
                    </a:lnTo>
                    <a:lnTo>
                      <a:pt x="558" y="4103"/>
                    </a:lnTo>
                    <a:lnTo>
                      <a:pt x="558" y="4100"/>
                    </a:lnTo>
                    <a:lnTo>
                      <a:pt x="556" y="4099"/>
                    </a:lnTo>
                    <a:lnTo>
                      <a:pt x="553" y="4098"/>
                    </a:lnTo>
                    <a:lnTo>
                      <a:pt x="543" y="4096"/>
                    </a:lnTo>
                    <a:lnTo>
                      <a:pt x="530" y="4094"/>
                    </a:lnTo>
                    <a:lnTo>
                      <a:pt x="501" y="4093"/>
                    </a:lnTo>
                    <a:lnTo>
                      <a:pt x="483" y="4091"/>
                    </a:lnTo>
                    <a:lnTo>
                      <a:pt x="453" y="4087"/>
                    </a:lnTo>
                    <a:lnTo>
                      <a:pt x="420" y="4080"/>
                    </a:lnTo>
                    <a:lnTo>
                      <a:pt x="404" y="4074"/>
                    </a:lnTo>
                    <a:lnTo>
                      <a:pt x="390" y="4068"/>
                    </a:lnTo>
                    <a:lnTo>
                      <a:pt x="383" y="4064"/>
                    </a:lnTo>
                    <a:lnTo>
                      <a:pt x="377" y="4060"/>
                    </a:lnTo>
                    <a:lnTo>
                      <a:pt x="372" y="4055"/>
                    </a:lnTo>
                    <a:lnTo>
                      <a:pt x="368" y="4050"/>
                    </a:lnTo>
                    <a:lnTo>
                      <a:pt x="363" y="4043"/>
                    </a:lnTo>
                    <a:lnTo>
                      <a:pt x="356" y="4038"/>
                    </a:lnTo>
                    <a:lnTo>
                      <a:pt x="348" y="4034"/>
                    </a:lnTo>
                    <a:lnTo>
                      <a:pt x="338" y="4032"/>
                    </a:lnTo>
                    <a:lnTo>
                      <a:pt x="317" y="4027"/>
                    </a:lnTo>
                    <a:lnTo>
                      <a:pt x="295" y="4025"/>
                    </a:lnTo>
                    <a:lnTo>
                      <a:pt x="275" y="4023"/>
                    </a:lnTo>
                    <a:lnTo>
                      <a:pt x="255" y="4019"/>
                    </a:lnTo>
                    <a:lnTo>
                      <a:pt x="247" y="4016"/>
                    </a:lnTo>
                    <a:lnTo>
                      <a:pt x="240" y="4014"/>
                    </a:lnTo>
                    <a:lnTo>
                      <a:pt x="234" y="4010"/>
                    </a:lnTo>
                    <a:lnTo>
                      <a:pt x="232" y="4004"/>
                    </a:lnTo>
                    <a:lnTo>
                      <a:pt x="231" y="3997"/>
                    </a:lnTo>
                    <a:lnTo>
                      <a:pt x="232" y="3990"/>
                    </a:lnTo>
                    <a:lnTo>
                      <a:pt x="234" y="3982"/>
                    </a:lnTo>
                    <a:lnTo>
                      <a:pt x="237" y="3973"/>
                    </a:lnTo>
                    <a:lnTo>
                      <a:pt x="241" y="3964"/>
                    </a:lnTo>
                    <a:lnTo>
                      <a:pt x="245" y="3957"/>
                    </a:lnTo>
                    <a:lnTo>
                      <a:pt x="246" y="3947"/>
                    </a:lnTo>
                    <a:lnTo>
                      <a:pt x="246" y="3940"/>
                    </a:lnTo>
                    <a:lnTo>
                      <a:pt x="245" y="3923"/>
                    </a:lnTo>
                    <a:lnTo>
                      <a:pt x="245" y="3911"/>
                    </a:lnTo>
                    <a:lnTo>
                      <a:pt x="246" y="3910"/>
                    </a:lnTo>
                    <a:lnTo>
                      <a:pt x="247" y="3910"/>
                    </a:lnTo>
                    <a:lnTo>
                      <a:pt x="247" y="3910"/>
                    </a:lnTo>
                    <a:lnTo>
                      <a:pt x="249" y="3911"/>
                    </a:lnTo>
                    <a:lnTo>
                      <a:pt x="253" y="3918"/>
                    </a:lnTo>
                    <a:lnTo>
                      <a:pt x="258" y="3928"/>
                    </a:lnTo>
                    <a:lnTo>
                      <a:pt x="260" y="3945"/>
                    </a:lnTo>
                    <a:lnTo>
                      <a:pt x="262" y="3963"/>
                    </a:lnTo>
                    <a:lnTo>
                      <a:pt x="263" y="3967"/>
                    </a:lnTo>
                    <a:lnTo>
                      <a:pt x="265" y="3970"/>
                    </a:lnTo>
                    <a:lnTo>
                      <a:pt x="268" y="3972"/>
                    </a:lnTo>
                    <a:lnTo>
                      <a:pt x="271" y="3973"/>
                    </a:lnTo>
                    <a:lnTo>
                      <a:pt x="275" y="3975"/>
                    </a:lnTo>
                    <a:lnTo>
                      <a:pt x="278" y="3975"/>
                    </a:lnTo>
                    <a:lnTo>
                      <a:pt x="282" y="3975"/>
                    </a:lnTo>
                    <a:lnTo>
                      <a:pt x="286" y="3973"/>
                    </a:lnTo>
                    <a:lnTo>
                      <a:pt x="290" y="3972"/>
                    </a:lnTo>
                    <a:lnTo>
                      <a:pt x="293" y="3970"/>
                    </a:lnTo>
                    <a:lnTo>
                      <a:pt x="295" y="3967"/>
                    </a:lnTo>
                    <a:lnTo>
                      <a:pt x="297" y="3963"/>
                    </a:lnTo>
                    <a:lnTo>
                      <a:pt x="298" y="3959"/>
                    </a:lnTo>
                    <a:lnTo>
                      <a:pt x="298" y="3954"/>
                    </a:lnTo>
                    <a:lnTo>
                      <a:pt x="297" y="3947"/>
                    </a:lnTo>
                    <a:lnTo>
                      <a:pt x="294" y="3941"/>
                    </a:lnTo>
                    <a:lnTo>
                      <a:pt x="290" y="3935"/>
                    </a:lnTo>
                    <a:lnTo>
                      <a:pt x="289" y="3929"/>
                    </a:lnTo>
                    <a:lnTo>
                      <a:pt x="289" y="3927"/>
                    </a:lnTo>
                    <a:lnTo>
                      <a:pt x="289" y="3924"/>
                    </a:lnTo>
                    <a:lnTo>
                      <a:pt x="290" y="3923"/>
                    </a:lnTo>
                    <a:lnTo>
                      <a:pt x="293" y="3922"/>
                    </a:lnTo>
                    <a:lnTo>
                      <a:pt x="295" y="3923"/>
                    </a:lnTo>
                    <a:lnTo>
                      <a:pt x="299" y="3923"/>
                    </a:lnTo>
                    <a:lnTo>
                      <a:pt x="308" y="3925"/>
                    </a:lnTo>
                    <a:lnTo>
                      <a:pt x="317" y="3929"/>
                    </a:lnTo>
                    <a:lnTo>
                      <a:pt x="328" y="3932"/>
                    </a:lnTo>
                    <a:lnTo>
                      <a:pt x="337" y="3933"/>
                    </a:lnTo>
                    <a:lnTo>
                      <a:pt x="355" y="3929"/>
                    </a:lnTo>
                    <a:lnTo>
                      <a:pt x="377" y="3927"/>
                    </a:lnTo>
                    <a:lnTo>
                      <a:pt x="386" y="3925"/>
                    </a:lnTo>
                    <a:lnTo>
                      <a:pt x="394" y="3928"/>
                    </a:lnTo>
                    <a:lnTo>
                      <a:pt x="398" y="3929"/>
                    </a:lnTo>
                    <a:lnTo>
                      <a:pt x="400" y="3932"/>
                    </a:lnTo>
                    <a:lnTo>
                      <a:pt x="402" y="3936"/>
                    </a:lnTo>
                    <a:lnTo>
                      <a:pt x="403" y="3941"/>
                    </a:lnTo>
                    <a:lnTo>
                      <a:pt x="404" y="3957"/>
                    </a:lnTo>
                    <a:lnTo>
                      <a:pt x="404" y="3970"/>
                    </a:lnTo>
                    <a:lnTo>
                      <a:pt x="405" y="3980"/>
                    </a:lnTo>
                    <a:lnTo>
                      <a:pt x="408" y="3986"/>
                    </a:lnTo>
                    <a:lnTo>
                      <a:pt x="409" y="3989"/>
                    </a:lnTo>
                    <a:lnTo>
                      <a:pt x="412" y="3992"/>
                    </a:lnTo>
                    <a:lnTo>
                      <a:pt x="414" y="3993"/>
                    </a:lnTo>
                    <a:lnTo>
                      <a:pt x="418" y="3994"/>
                    </a:lnTo>
                    <a:lnTo>
                      <a:pt x="429" y="3995"/>
                    </a:lnTo>
                    <a:lnTo>
                      <a:pt x="444" y="3995"/>
                    </a:lnTo>
                    <a:lnTo>
                      <a:pt x="459" y="3997"/>
                    </a:lnTo>
                    <a:lnTo>
                      <a:pt x="465" y="3995"/>
                    </a:lnTo>
                    <a:lnTo>
                      <a:pt x="465" y="3990"/>
                    </a:lnTo>
                    <a:lnTo>
                      <a:pt x="461" y="3976"/>
                    </a:lnTo>
                    <a:lnTo>
                      <a:pt x="457" y="3967"/>
                    </a:lnTo>
                    <a:lnTo>
                      <a:pt x="449" y="3958"/>
                    </a:lnTo>
                    <a:lnTo>
                      <a:pt x="440" y="3946"/>
                    </a:lnTo>
                    <a:lnTo>
                      <a:pt x="431" y="3936"/>
                    </a:lnTo>
                    <a:lnTo>
                      <a:pt x="424" y="3924"/>
                    </a:lnTo>
                    <a:lnTo>
                      <a:pt x="418" y="3914"/>
                    </a:lnTo>
                    <a:lnTo>
                      <a:pt x="417" y="3910"/>
                    </a:lnTo>
                    <a:lnTo>
                      <a:pt x="417" y="3906"/>
                    </a:lnTo>
                    <a:lnTo>
                      <a:pt x="418" y="3902"/>
                    </a:lnTo>
                    <a:lnTo>
                      <a:pt x="420" y="3900"/>
                    </a:lnTo>
                    <a:lnTo>
                      <a:pt x="426" y="3896"/>
                    </a:lnTo>
                    <a:lnTo>
                      <a:pt x="437" y="3890"/>
                    </a:lnTo>
                    <a:lnTo>
                      <a:pt x="447" y="3884"/>
                    </a:lnTo>
                    <a:lnTo>
                      <a:pt x="460" y="3879"/>
                    </a:lnTo>
                    <a:lnTo>
                      <a:pt x="471" y="3875"/>
                    </a:lnTo>
                    <a:lnTo>
                      <a:pt x="483" y="3872"/>
                    </a:lnTo>
                    <a:lnTo>
                      <a:pt x="488" y="3872"/>
                    </a:lnTo>
                    <a:lnTo>
                      <a:pt x="492" y="3872"/>
                    </a:lnTo>
                    <a:lnTo>
                      <a:pt x="496" y="3874"/>
                    </a:lnTo>
                    <a:lnTo>
                      <a:pt x="497" y="3876"/>
                    </a:lnTo>
                    <a:lnTo>
                      <a:pt x="510" y="3903"/>
                    </a:lnTo>
                    <a:lnTo>
                      <a:pt x="523" y="3938"/>
                    </a:lnTo>
                    <a:lnTo>
                      <a:pt x="527" y="3947"/>
                    </a:lnTo>
                    <a:lnTo>
                      <a:pt x="531" y="3955"/>
                    </a:lnTo>
                    <a:lnTo>
                      <a:pt x="536" y="3963"/>
                    </a:lnTo>
                    <a:lnTo>
                      <a:pt x="540" y="3968"/>
                    </a:lnTo>
                    <a:lnTo>
                      <a:pt x="545" y="3973"/>
                    </a:lnTo>
                    <a:lnTo>
                      <a:pt x="551" y="3977"/>
                    </a:lnTo>
                    <a:lnTo>
                      <a:pt x="557" y="3979"/>
                    </a:lnTo>
                    <a:lnTo>
                      <a:pt x="563" y="3979"/>
                    </a:lnTo>
                    <a:lnTo>
                      <a:pt x="567" y="3977"/>
                    </a:lnTo>
                    <a:lnTo>
                      <a:pt x="570" y="3975"/>
                    </a:lnTo>
                    <a:lnTo>
                      <a:pt x="571" y="3972"/>
                    </a:lnTo>
                    <a:lnTo>
                      <a:pt x="573" y="3970"/>
                    </a:lnTo>
                    <a:lnTo>
                      <a:pt x="573" y="3963"/>
                    </a:lnTo>
                    <a:lnTo>
                      <a:pt x="570" y="3954"/>
                    </a:lnTo>
                    <a:lnTo>
                      <a:pt x="563" y="3937"/>
                    </a:lnTo>
                    <a:lnTo>
                      <a:pt x="557" y="3924"/>
                    </a:lnTo>
                    <a:lnTo>
                      <a:pt x="545" y="3903"/>
                    </a:lnTo>
                    <a:lnTo>
                      <a:pt x="535" y="3887"/>
                    </a:lnTo>
                    <a:lnTo>
                      <a:pt x="532" y="3883"/>
                    </a:lnTo>
                    <a:lnTo>
                      <a:pt x="532" y="3879"/>
                    </a:lnTo>
                    <a:lnTo>
                      <a:pt x="532" y="3876"/>
                    </a:lnTo>
                    <a:lnTo>
                      <a:pt x="535" y="3874"/>
                    </a:lnTo>
                    <a:lnTo>
                      <a:pt x="538" y="3871"/>
                    </a:lnTo>
                    <a:lnTo>
                      <a:pt x="541" y="3868"/>
                    </a:lnTo>
                    <a:lnTo>
                      <a:pt x="548" y="3866"/>
                    </a:lnTo>
                    <a:lnTo>
                      <a:pt x="556" y="3863"/>
                    </a:lnTo>
                    <a:lnTo>
                      <a:pt x="565" y="3862"/>
                    </a:lnTo>
                    <a:lnTo>
                      <a:pt x="574" y="3861"/>
                    </a:lnTo>
                    <a:lnTo>
                      <a:pt x="582" y="3861"/>
                    </a:lnTo>
                    <a:lnTo>
                      <a:pt x="589" y="3862"/>
                    </a:lnTo>
                    <a:lnTo>
                      <a:pt x="596" y="3863"/>
                    </a:lnTo>
                    <a:lnTo>
                      <a:pt x="601" y="3866"/>
                    </a:lnTo>
                    <a:lnTo>
                      <a:pt x="606" y="3870"/>
                    </a:lnTo>
                    <a:lnTo>
                      <a:pt x="611" y="3872"/>
                    </a:lnTo>
                    <a:lnTo>
                      <a:pt x="614" y="3878"/>
                    </a:lnTo>
                    <a:lnTo>
                      <a:pt x="618" y="3883"/>
                    </a:lnTo>
                    <a:lnTo>
                      <a:pt x="620" y="3888"/>
                    </a:lnTo>
                    <a:lnTo>
                      <a:pt x="623" y="3893"/>
                    </a:lnTo>
                    <a:lnTo>
                      <a:pt x="626" y="3905"/>
                    </a:lnTo>
                    <a:lnTo>
                      <a:pt x="628" y="3918"/>
                    </a:lnTo>
                    <a:lnTo>
                      <a:pt x="630" y="3945"/>
                    </a:lnTo>
                    <a:lnTo>
                      <a:pt x="631" y="3968"/>
                    </a:lnTo>
                    <a:lnTo>
                      <a:pt x="632" y="3979"/>
                    </a:lnTo>
                    <a:lnTo>
                      <a:pt x="633" y="3986"/>
                    </a:lnTo>
                    <a:lnTo>
                      <a:pt x="636" y="3989"/>
                    </a:lnTo>
                    <a:lnTo>
                      <a:pt x="637" y="3990"/>
                    </a:lnTo>
                    <a:lnTo>
                      <a:pt x="640" y="3992"/>
                    </a:lnTo>
                    <a:lnTo>
                      <a:pt x="642" y="3993"/>
                    </a:lnTo>
                    <a:lnTo>
                      <a:pt x="654" y="3994"/>
                    </a:lnTo>
                    <a:lnTo>
                      <a:pt x="663" y="3995"/>
                    </a:lnTo>
                    <a:lnTo>
                      <a:pt x="667" y="3995"/>
                    </a:lnTo>
                    <a:lnTo>
                      <a:pt x="668" y="3994"/>
                    </a:lnTo>
                    <a:lnTo>
                      <a:pt x="668" y="3990"/>
                    </a:lnTo>
                    <a:lnTo>
                      <a:pt x="667" y="3985"/>
                    </a:lnTo>
                    <a:lnTo>
                      <a:pt x="663" y="3973"/>
                    </a:lnTo>
                    <a:lnTo>
                      <a:pt x="661" y="3963"/>
                    </a:lnTo>
                    <a:lnTo>
                      <a:pt x="661" y="3954"/>
                    </a:lnTo>
                    <a:lnTo>
                      <a:pt x="662" y="3946"/>
                    </a:lnTo>
                    <a:lnTo>
                      <a:pt x="665" y="3941"/>
                    </a:lnTo>
                    <a:lnTo>
                      <a:pt x="667" y="3936"/>
                    </a:lnTo>
                    <a:lnTo>
                      <a:pt x="672" y="3933"/>
                    </a:lnTo>
                    <a:lnTo>
                      <a:pt x="677" y="3931"/>
                    </a:lnTo>
                    <a:lnTo>
                      <a:pt x="688" y="3927"/>
                    </a:lnTo>
                    <a:lnTo>
                      <a:pt x="698" y="3924"/>
                    </a:lnTo>
                    <a:lnTo>
                      <a:pt x="702" y="3923"/>
                    </a:lnTo>
                    <a:lnTo>
                      <a:pt x="706" y="3922"/>
                    </a:lnTo>
                    <a:lnTo>
                      <a:pt x="709" y="3920"/>
                    </a:lnTo>
                    <a:lnTo>
                      <a:pt x="709" y="3919"/>
                    </a:lnTo>
                    <a:lnTo>
                      <a:pt x="709" y="3916"/>
                    </a:lnTo>
                    <a:lnTo>
                      <a:pt x="707" y="3914"/>
                    </a:lnTo>
                    <a:lnTo>
                      <a:pt x="705" y="3911"/>
                    </a:lnTo>
                    <a:lnTo>
                      <a:pt x="701" y="3910"/>
                    </a:lnTo>
                    <a:lnTo>
                      <a:pt x="693" y="3906"/>
                    </a:lnTo>
                    <a:lnTo>
                      <a:pt x="683" y="3905"/>
                    </a:lnTo>
                    <a:lnTo>
                      <a:pt x="663" y="3900"/>
                    </a:lnTo>
                    <a:lnTo>
                      <a:pt x="649" y="3896"/>
                    </a:lnTo>
                    <a:lnTo>
                      <a:pt x="644" y="3890"/>
                    </a:lnTo>
                    <a:lnTo>
                      <a:pt x="641" y="3884"/>
                    </a:lnTo>
                    <a:lnTo>
                      <a:pt x="640" y="3876"/>
                    </a:lnTo>
                    <a:lnTo>
                      <a:pt x="640" y="3868"/>
                    </a:lnTo>
                    <a:lnTo>
                      <a:pt x="640" y="3862"/>
                    </a:lnTo>
                    <a:lnTo>
                      <a:pt x="639" y="3854"/>
                    </a:lnTo>
                    <a:lnTo>
                      <a:pt x="637" y="3849"/>
                    </a:lnTo>
                    <a:lnTo>
                      <a:pt x="635" y="3845"/>
                    </a:lnTo>
                    <a:lnTo>
                      <a:pt x="624" y="3839"/>
                    </a:lnTo>
                    <a:lnTo>
                      <a:pt x="613" y="3833"/>
                    </a:lnTo>
                    <a:lnTo>
                      <a:pt x="600" y="3831"/>
                    </a:lnTo>
                    <a:lnTo>
                      <a:pt x="587" y="3828"/>
                    </a:lnTo>
                    <a:lnTo>
                      <a:pt x="558" y="3827"/>
                    </a:lnTo>
                    <a:lnTo>
                      <a:pt x="532" y="3830"/>
                    </a:lnTo>
                    <a:lnTo>
                      <a:pt x="510" y="3830"/>
                    </a:lnTo>
                    <a:lnTo>
                      <a:pt x="478" y="3826"/>
                    </a:lnTo>
                    <a:lnTo>
                      <a:pt x="462" y="3823"/>
                    </a:lnTo>
                    <a:lnTo>
                      <a:pt x="449" y="3819"/>
                    </a:lnTo>
                    <a:lnTo>
                      <a:pt x="444" y="3815"/>
                    </a:lnTo>
                    <a:lnTo>
                      <a:pt x="442" y="3813"/>
                    </a:lnTo>
                    <a:lnTo>
                      <a:pt x="440" y="3810"/>
                    </a:lnTo>
                    <a:lnTo>
                      <a:pt x="442" y="3806"/>
                    </a:lnTo>
                    <a:lnTo>
                      <a:pt x="444" y="3801"/>
                    </a:lnTo>
                    <a:lnTo>
                      <a:pt x="448" y="3797"/>
                    </a:lnTo>
                    <a:lnTo>
                      <a:pt x="452" y="3793"/>
                    </a:lnTo>
                    <a:lnTo>
                      <a:pt x="456" y="3791"/>
                    </a:lnTo>
                    <a:lnTo>
                      <a:pt x="465" y="3787"/>
                    </a:lnTo>
                    <a:lnTo>
                      <a:pt x="475" y="3784"/>
                    </a:lnTo>
                    <a:lnTo>
                      <a:pt x="496" y="3782"/>
                    </a:lnTo>
                    <a:lnTo>
                      <a:pt x="516" y="3782"/>
                    </a:lnTo>
                    <a:lnTo>
                      <a:pt x="526" y="3782"/>
                    </a:lnTo>
                    <a:lnTo>
                      <a:pt x="532" y="3780"/>
                    </a:lnTo>
                    <a:lnTo>
                      <a:pt x="536" y="3778"/>
                    </a:lnTo>
                    <a:lnTo>
                      <a:pt x="536" y="3775"/>
                    </a:lnTo>
                    <a:lnTo>
                      <a:pt x="535" y="3771"/>
                    </a:lnTo>
                    <a:lnTo>
                      <a:pt x="531" y="3769"/>
                    </a:lnTo>
                    <a:lnTo>
                      <a:pt x="527" y="3765"/>
                    </a:lnTo>
                    <a:lnTo>
                      <a:pt x="521" y="3760"/>
                    </a:lnTo>
                    <a:lnTo>
                      <a:pt x="494" y="3745"/>
                    </a:lnTo>
                    <a:lnTo>
                      <a:pt x="479" y="3738"/>
                    </a:lnTo>
                    <a:lnTo>
                      <a:pt x="481" y="3732"/>
                    </a:lnTo>
                    <a:lnTo>
                      <a:pt x="483" y="3729"/>
                    </a:lnTo>
                    <a:lnTo>
                      <a:pt x="488" y="3727"/>
                    </a:lnTo>
                    <a:lnTo>
                      <a:pt x="494" y="3726"/>
                    </a:lnTo>
                    <a:lnTo>
                      <a:pt x="510" y="3726"/>
                    </a:lnTo>
                    <a:lnTo>
                      <a:pt x="528" y="3729"/>
                    </a:lnTo>
                    <a:lnTo>
                      <a:pt x="565" y="3736"/>
                    </a:lnTo>
                    <a:lnTo>
                      <a:pt x="588" y="3742"/>
                    </a:lnTo>
                    <a:lnTo>
                      <a:pt x="602" y="3743"/>
                    </a:lnTo>
                    <a:lnTo>
                      <a:pt x="619" y="3742"/>
                    </a:lnTo>
                    <a:lnTo>
                      <a:pt x="627" y="3740"/>
                    </a:lnTo>
                    <a:lnTo>
                      <a:pt x="635" y="3740"/>
                    </a:lnTo>
                    <a:lnTo>
                      <a:pt x="641" y="3742"/>
                    </a:lnTo>
                    <a:lnTo>
                      <a:pt x="646" y="3744"/>
                    </a:lnTo>
                    <a:lnTo>
                      <a:pt x="653" y="3748"/>
                    </a:lnTo>
                    <a:lnTo>
                      <a:pt x="658" y="3753"/>
                    </a:lnTo>
                    <a:lnTo>
                      <a:pt x="662" y="3760"/>
                    </a:lnTo>
                    <a:lnTo>
                      <a:pt x="667" y="3765"/>
                    </a:lnTo>
                    <a:lnTo>
                      <a:pt x="672" y="3770"/>
                    </a:lnTo>
                    <a:lnTo>
                      <a:pt x="677" y="3775"/>
                    </a:lnTo>
                    <a:lnTo>
                      <a:pt x="681" y="3776"/>
                    </a:lnTo>
                    <a:lnTo>
                      <a:pt x="684" y="3776"/>
                    </a:lnTo>
                    <a:lnTo>
                      <a:pt x="689" y="3776"/>
                    </a:lnTo>
                    <a:lnTo>
                      <a:pt x="693" y="3776"/>
                    </a:lnTo>
                    <a:lnTo>
                      <a:pt x="707" y="3773"/>
                    </a:lnTo>
                    <a:lnTo>
                      <a:pt x="722" y="3770"/>
                    </a:lnTo>
                    <a:lnTo>
                      <a:pt x="728" y="3771"/>
                    </a:lnTo>
                    <a:lnTo>
                      <a:pt x="734" y="3774"/>
                    </a:lnTo>
                    <a:lnTo>
                      <a:pt x="740" y="3778"/>
                    </a:lnTo>
                    <a:lnTo>
                      <a:pt x="745" y="3786"/>
                    </a:lnTo>
                    <a:lnTo>
                      <a:pt x="754" y="3800"/>
                    </a:lnTo>
                    <a:lnTo>
                      <a:pt x="764" y="3817"/>
                    </a:lnTo>
                    <a:lnTo>
                      <a:pt x="771" y="3823"/>
                    </a:lnTo>
                    <a:lnTo>
                      <a:pt x="777" y="3828"/>
                    </a:lnTo>
                    <a:lnTo>
                      <a:pt x="785" y="3832"/>
                    </a:lnTo>
                    <a:lnTo>
                      <a:pt x="794" y="3833"/>
                    </a:lnTo>
                    <a:lnTo>
                      <a:pt x="804" y="3832"/>
                    </a:lnTo>
                    <a:lnTo>
                      <a:pt x="819" y="3831"/>
                    </a:lnTo>
                    <a:lnTo>
                      <a:pt x="826" y="3830"/>
                    </a:lnTo>
                    <a:lnTo>
                      <a:pt x="832" y="3827"/>
                    </a:lnTo>
                    <a:lnTo>
                      <a:pt x="833" y="3826"/>
                    </a:lnTo>
                    <a:lnTo>
                      <a:pt x="834" y="3826"/>
                    </a:lnTo>
                    <a:lnTo>
                      <a:pt x="834" y="3824"/>
                    </a:lnTo>
                    <a:lnTo>
                      <a:pt x="834" y="3822"/>
                    </a:lnTo>
                    <a:lnTo>
                      <a:pt x="828" y="3818"/>
                    </a:lnTo>
                    <a:lnTo>
                      <a:pt x="821" y="3814"/>
                    </a:lnTo>
                    <a:lnTo>
                      <a:pt x="813" y="3810"/>
                    </a:lnTo>
                    <a:lnTo>
                      <a:pt x="806" y="3808"/>
                    </a:lnTo>
                    <a:lnTo>
                      <a:pt x="798" y="3804"/>
                    </a:lnTo>
                    <a:lnTo>
                      <a:pt x="790" y="3801"/>
                    </a:lnTo>
                    <a:lnTo>
                      <a:pt x="784" y="3797"/>
                    </a:lnTo>
                    <a:lnTo>
                      <a:pt x="779" y="3792"/>
                    </a:lnTo>
                    <a:lnTo>
                      <a:pt x="777" y="3789"/>
                    </a:lnTo>
                    <a:lnTo>
                      <a:pt x="777" y="3787"/>
                    </a:lnTo>
                    <a:lnTo>
                      <a:pt x="777" y="3784"/>
                    </a:lnTo>
                    <a:lnTo>
                      <a:pt x="779" y="3783"/>
                    </a:lnTo>
                    <a:lnTo>
                      <a:pt x="784" y="3778"/>
                    </a:lnTo>
                    <a:lnTo>
                      <a:pt x="789" y="3774"/>
                    </a:lnTo>
                    <a:lnTo>
                      <a:pt x="803" y="3767"/>
                    </a:lnTo>
                    <a:lnTo>
                      <a:pt x="813" y="3761"/>
                    </a:lnTo>
                    <a:lnTo>
                      <a:pt x="817" y="3758"/>
                    </a:lnTo>
                    <a:lnTo>
                      <a:pt x="821" y="3757"/>
                    </a:lnTo>
                    <a:lnTo>
                      <a:pt x="826" y="3756"/>
                    </a:lnTo>
                    <a:lnTo>
                      <a:pt x="833" y="3754"/>
                    </a:lnTo>
                    <a:lnTo>
                      <a:pt x="848" y="3754"/>
                    </a:lnTo>
                    <a:lnTo>
                      <a:pt x="864" y="3756"/>
                    </a:lnTo>
                    <a:lnTo>
                      <a:pt x="898" y="3760"/>
                    </a:lnTo>
                    <a:lnTo>
                      <a:pt x="922" y="3762"/>
                    </a:lnTo>
                    <a:lnTo>
                      <a:pt x="911" y="3749"/>
                    </a:lnTo>
                    <a:lnTo>
                      <a:pt x="903" y="3740"/>
                    </a:lnTo>
                    <a:lnTo>
                      <a:pt x="899" y="3736"/>
                    </a:lnTo>
                    <a:lnTo>
                      <a:pt x="893" y="3732"/>
                    </a:lnTo>
                    <a:lnTo>
                      <a:pt x="882" y="3730"/>
                    </a:lnTo>
                    <a:lnTo>
                      <a:pt x="869" y="3729"/>
                    </a:lnTo>
                    <a:lnTo>
                      <a:pt x="847" y="3732"/>
                    </a:lnTo>
                    <a:lnTo>
                      <a:pt x="812" y="3739"/>
                    </a:lnTo>
                    <a:lnTo>
                      <a:pt x="804" y="3740"/>
                    </a:lnTo>
                    <a:lnTo>
                      <a:pt x="797" y="3740"/>
                    </a:lnTo>
                    <a:lnTo>
                      <a:pt x="791" y="3740"/>
                    </a:lnTo>
                    <a:lnTo>
                      <a:pt x="786" y="3738"/>
                    </a:lnTo>
                    <a:lnTo>
                      <a:pt x="785" y="3736"/>
                    </a:lnTo>
                    <a:lnTo>
                      <a:pt x="785" y="3735"/>
                    </a:lnTo>
                    <a:lnTo>
                      <a:pt x="784" y="3734"/>
                    </a:lnTo>
                    <a:lnTo>
                      <a:pt x="785" y="3731"/>
                    </a:lnTo>
                    <a:lnTo>
                      <a:pt x="788" y="3726"/>
                    </a:lnTo>
                    <a:lnTo>
                      <a:pt x="794" y="3719"/>
                    </a:lnTo>
                    <a:lnTo>
                      <a:pt x="806" y="3712"/>
                    </a:lnTo>
                    <a:lnTo>
                      <a:pt x="815" y="3703"/>
                    </a:lnTo>
                    <a:lnTo>
                      <a:pt x="813" y="3700"/>
                    </a:lnTo>
                    <a:lnTo>
                      <a:pt x="810" y="3697"/>
                    </a:lnTo>
                    <a:lnTo>
                      <a:pt x="803" y="3696"/>
                    </a:lnTo>
                    <a:lnTo>
                      <a:pt x="794" y="3695"/>
                    </a:lnTo>
                    <a:lnTo>
                      <a:pt x="773" y="3692"/>
                    </a:lnTo>
                    <a:lnTo>
                      <a:pt x="750" y="3690"/>
                    </a:lnTo>
                    <a:lnTo>
                      <a:pt x="727" y="3686"/>
                    </a:lnTo>
                    <a:lnTo>
                      <a:pt x="709" y="3681"/>
                    </a:lnTo>
                    <a:lnTo>
                      <a:pt x="701" y="3678"/>
                    </a:lnTo>
                    <a:lnTo>
                      <a:pt x="696" y="3674"/>
                    </a:lnTo>
                    <a:lnTo>
                      <a:pt x="694" y="3672"/>
                    </a:lnTo>
                    <a:lnTo>
                      <a:pt x="693" y="3669"/>
                    </a:lnTo>
                    <a:lnTo>
                      <a:pt x="693" y="3666"/>
                    </a:lnTo>
                    <a:lnTo>
                      <a:pt x="693" y="3664"/>
                    </a:lnTo>
                    <a:lnTo>
                      <a:pt x="696" y="3659"/>
                    </a:lnTo>
                    <a:lnTo>
                      <a:pt x="698" y="3655"/>
                    </a:lnTo>
                    <a:lnTo>
                      <a:pt x="701" y="3652"/>
                    </a:lnTo>
                    <a:lnTo>
                      <a:pt x="705" y="3650"/>
                    </a:lnTo>
                    <a:lnTo>
                      <a:pt x="714" y="3644"/>
                    </a:lnTo>
                    <a:lnTo>
                      <a:pt x="723" y="3640"/>
                    </a:lnTo>
                    <a:lnTo>
                      <a:pt x="729" y="3637"/>
                    </a:lnTo>
                    <a:lnTo>
                      <a:pt x="734" y="3633"/>
                    </a:lnTo>
                    <a:lnTo>
                      <a:pt x="736" y="3630"/>
                    </a:lnTo>
                    <a:lnTo>
                      <a:pt x="736" y="3628"/>
                    </a:lnTo>
                    <a:lnTo>
                      <a:pt x="736" y="3625"/>
                    </a:lnTo>
                    <a:lnTo>
                      <a:pt x="733" y="3621"/>
                    </a:lnTo>
                    <a:lnTo>
                      <a:pt x="718" y="3602"/>
                    </a:lnTo>
                    <a:lnTo>
                      <a:pt x="710" y="3590"/>
                    </a:lnTo>
                    <a:lnTo>
                      <a:pt x="709" y="3586"/>
                    </a:lnTo>
                    <a:lnTo>
                      <a:pt x="709" y="3583"/>
                    </a:lnTo>
                    <a:lnTo>
                      <a:pt x="710" y="3582"/>
                    </a:lnTo>
                    <a:lnTo>
                      <a:pt x="712" y="3581"/>
                    </a:lnTo>
                    <a:lnTo>
                      <a:pt x="733" y="3581"/>
                    </a:lnTo>
                    <a:lnTo>
                      <a:pt x="766" y="3580"/>
                    </a:lnTo>
                    <a:lnTo>
                      <a:pt x="775" y="3578"/>
                    </a:lnTo>
                    <a:lnTo>
                      <a:pt x="781" y="3580"/>
                    </a:lnTo>
                    <a:lnTo>
                      <a:pt x="785" y="3581"/>
                    </a:lnTo>
                    <a:lnTo>
                      <a:pt x="789" y="3585"/>
                    </a:lnTo>
                    <a:lnTo>
                      <a:pt x="794" y="3595"/>
                    </a:lnTo>
                    <a:lnTo>
                      <a:pt x="802" y="3609"/>
                    </a:lnTo>
                    <a:lnTo>
                      <a:pt x="804" y="3613"/>
                    </a:lnTo>
                    <a:lnTo>
                      <a:pt x="807" y="3616"/>
                    </a:lnTo>
                    <a:lnTo>
                      <a:pt x="811" y="3618"/>
                    </a:lnTo>
                    <a:lnTo>
                      <a:pt x="815" y="3621"/>
                    </a:lnTo>
                    <a:lnTo>
                      <a:pt x="825" y="3624"/>
                    </a:lnTo>
                    <a:lnTo>
                      <a:pt x="836" y="3626"/>
                    </a:lnTo>
                    <a:lnTo>
                      <a:pt x="856" y="3629"/>
                    </a:lnTo>
                    <a:lnTo>
                      <a:pt x="874" y="3631"/>
                    </a:lnTo>
                    <a:lnTo>
                      <a:pt x="891" y="3633"/>
                    </a:lnTo>
                    <a:lnTo>
                      <a:pt x="913" y="3635"/>
                    </a:lnTo>
                    <a:lnTo>
                      <a:pt x="924" y="3637"/>
                    </a:lnTo>
                    <a:lnTo>
                      <a:pt x="934" y="3639"/>
                    </a:lnTo>
                    <a:lnTo>
                      <a:pt x="942" y="3642"/>
                    </a:lnTo>
                    <a:lnTo>
                      <a:pt x="946" y="3646"/>
                    </a:lnTo>
                    <a:lnTo>
                      <a:pt x="960" y="3668"/>
                    </a:lnTo>
                    <a:lnTo>
                      <a:pt x="972" y="3692"/>
                    </a:lnTo>
                    <a:lnTo>
                      <a:pt x="984" y="3717"/>
                    </a:lnTo>
                    <a:lnTo>
                      <a:pt x="1000" y="3739"/>
                    </a:lnTo>
                    <a:lnTo>
                      <a:pt x="1007" y="3749"/>
                    </a:lnTo>
                    <a:lnTo>
                      <a:pt x="1013" y="3756"/>
                    </a:lnTo>
                    <a:lnTo>
                      <a:pt x="1017" y="3760"/>
                    </a:lnTo>
                    <a:lnTo>
                      <a:pt x="1021" y="3761"/>
                    </a:lnTo>
                    <a:lnTo>
                      <a:pt x="1023" y="3761"/>
                    </a:lnTo>
                    <a:lnTo>
                      <a:pt x="1026" y="3758"/>
                    </a:lnTo>
                    <a:lnTo>
                      <a:pt x="1027" y="3754"/>
                    </a:lnTo>
                    <a:lnTo>
                      <a:pt x="1027" y="3751"/>
                    </a:lnTo>
                    <a:lnTo>
                      <a:pt x="1026" y="3738"/>
                    </a:lnTo>
                    <a:lnTo>
                      <a:pt x="1023" y="3725"/>
                    </a:lnTo>
                    <a:lnTo>
                      <a:pt x="1018" y="3713"/>
                    </a:lnTo>
                    <a:lnTo>
                      <a:pt x="1013" y="3704"/>
                    </a:lnTo>
                    <a:lnTo>
                      <a:pt x="995" y="3682"/>
                    </a:lnTo>
                    <a:lnTo>
                      <a:pt x="969" y="3651"/>
                    </a:lnTo>
                    <a:lnTo>
                      <a:pt x="957" y="3634"/>
                    </a:lnTo>
                    <a:lnTo>
                      <a:pt x="947" y="3620"/>
                    </a:lnTo>
                    <a:lnTo>
                      <a:pt x="942" y="3612"/>
                    </a:lnTo>
                    <a:lnTo>
                      <a:pt x="939" y="3607"/>
                    </a:lnTo>
                    <a:lnTo>
                      <a:pt x="938" y="3602"/>
                    </a:lnTo>
                    <a:lnTo>
                      <a:pt x="937" y="3596"/>
                    </a:lnTo>
                    <a:lnTo>
                      <a:pt x="938" y="3594"/>
                    </a:lnTo>
                    <a:lnTo>
                      <a:pt x="939" y="3591"/>
                    </a:lnTo>
                    <a:lnTo>
                      <a:pt x="943" y="3590"/>
                    </a:lnTo>
                    <a:lnTo>
                      <a:pt x="948" y="3590"/>
                    </a:lnTo>
                    <a:lnTo>
                      <a:pt x="960" y="3593"/>
                    </a:lnTo>
                    <a:lnTo>
                      <a:pt x="973" y="3598"/>
                    </a:lnTo>
                    <a:lnTo>
                      <a:pt x="987" y="3605"/>
                    </a:lnTo>
                    <a:lnTo>
                      <a:pt x="1000" y="3612"/>
                    </a:lnTo>
                    <a:lnTo>
                      <a:pt x="1010" y="3618"/>
                    </a:lnTo>
                    <a:lnTo>
                      <a:pt x="1016" y="3624"/>
                    </a:lnTo>
                    <a:lnTo>
                      <a:pt x="1025" y="3639"/>
                    </a:lnTo>
                    <a:lnTo>
                      <a:pt x="1036" y="3655"/>
                    </a:lnTo>
                    <a:lnTo>
                      <a:pt x="1043" y="3660"/>
                    </a:lnTo>
                    <a:lnTo>
                      <a:pt x="1049" y="3665"/>
                    </a:lnTo>
                    <a:lnTo>
                      <a:pt x="1053" y="3666"/>
                    </a:lnTo>
                    <a:lnTo>
                      <a:pt x="1057" y="3668"/>
                    </a:lnTo>
                    <a:lnTo>
                      <a:pt x="1062" y="3668"/>
                    </a:lnTo>
                    <a:lnTo>
                      <a:pt x="1066" y="3668"/>
                    </a:lnTo>
                    <a:lnTo>
                      <a:pt x="1069" y="3666"/>
                    </a:lnTo>
                    <a:lnTo>
                      <a:pt x="1071" y="3665"/>
                    </a:lnTo>
                    <a:lnTo>
                      <a:pt x="1073" y="3662"/>
                    </a:lnTo>
                    <a:lnTo>
                      <a:pt x="1074" y="3659"/>
                    </a:lnTo>
                    <a:lnTo>
                      <a:pt x="1075" y="3652"/>
                    </a:lnTo>
                    <a:lnTo>
                      <a:pt x="1074" y="3644"/>
                    </a:lnTo>
                    <a:lnTo>
                      <a:pt x="1071" y="3635"/>
                    </a:lnTo>
                    <a:lnTo>
                      <a:pt x="1067" y="3628"/>
                    </a:lnTo>
                    <a:lnTo>
                      <a:pt x="1064" y="3621"/>
                    </a:lnTo>
                    <a:lnTo>
                      <a:pt x="1060" y="3616"/>
                    </a:lnTo>
                    <a:lnTo>
                      <a:pt x="1052" y="3608"/>
                    </a:lnTo>
                    <a:lnTo>
                      <a:pt x="1045" y="3600"/>
                    </a:lnTo>
                    <a:lnTo>
                      <a:pt x="1040" y="3593"/>
                    </a:lnTo>
                    <a:lnTo>
                      <a:pt x="1035" y="3583"/>
                    </a:lnTo>
                    <a:lnTo>
                      <a:pt x="1032" y="3573"/>
                    </a:lnTo>
                    <a:lnTo>
                      <a:pt x="1030" y="3564"/>
                    </a:lnTo>
                    <a:lnTo>
                      <a:pt x="1029" y="3554"/>
                    </a:lnTo>
                    <a:lnTo>
                      <a:pt x="1029" y="3542"/>
                    </a:lnTo>
                    <a:lnTo>
                      <a:pt x="1029" y="3530"/>
                    </a:lnTo>
                    <a:lnTo>
                      <a:pt x="1031" y="3524"/>
                    </a:lnTo>
                    <a:lnTo>
                      <a:pt x="1032" y="3523"/>
                    </a:lnTo>
                    <a:lnTo>
                      <a:pt x="1034" y="3523"/>
                    </a:lnTo>
                    <a:lnTo>
                      <a:pt x="1035" y="3523"/>
                    </a:lnTo>
                    <a:lnTo>
                      <a:pt x="1036" y="3525"/>
                    </a:lnTo>
                    <a:lnTo>
                      <a:pt x="1039" y="3530"/>
                    </a:lnTo>
                    <a:lnTo>
                      <a:pt x="1042" y="3537"/>
                    </a:lnTo>
                    <a:lnTo>
                      <a:pt x="1043" y="3546"/>
                    </a:lnTo>
                    <a:lnTo>
                      <a:pt x="1043" y="3555"/>
                    </a:lnTo>
                    <a:lnTo>
                      <a:pt x="1048" y="3559"/>
                    </a:lnTo>
                    <a:lnTo>
                      <a:pt x="1053" y="3564"/>
                    </a:lnTo>
                    <a:lnTo>
                      <a:pt x="1056" y="3567"/>
                    </a:lnTo>
                    <a:lnTo>
                      <a:pt x="1058" y="3569"/>
                    </a:lnTo>
                    <a:lnTo>
                      <a:pt x="1062" y="3571"/>
                    </a:lnTo>
                    <a:lnTo>
                      <a:pt x="1065" y="3571"/>
                    </a:lnTo>
                    <a:lnTo>
                      <a:pt x="1076" y="3571"/>
                    </a:lnTo>
                    <a:lnTo>
                      <a:pt x="1089" y="3573"/>
                    </a:lnTo>
                    <a:lnTo>
                      <a:pt x="1096" y="3573"/>
                    </a:lnTo>
                    <a:lnTo>
                      <a:pt x="1101" y="3572"/>
                    </a:lnTo>
                    <a:lnTo>
                      <a:pt x="1105" y="3569"/>
                    </a:lnTo>
                    <a:lnTo>
                      <a:pt x="1108" y="3565"/>
                    </a:lnTo>
                    <a:lnTo>
                      <a:pt x="1106" y="3560"/>
                    </a:lnTo>
                    <a:lnTo>
                      <a:pt x="1105" y="3555"/>
                    </a:lnTo>
                    <a:lnTo>
                      <a:pt x="1100" y="3550"/>
                    </a:lnTo>
                    <a:lnTo>
                      <a:pt x="1092" y="3545"/>
                    </a:lnTo>
                    <a:lnTo>
                      <a:pt x="1086" y="3541"/>
                    </a:lnTo>
                    <a:lnTo>
                      <a:pt x="1080" y="3537"/>
                    </a:lnTo>
                    <a:lnTo>
                      <a:pt x="1078" y="3532"/>
                    </a:lnTo>
                    <a:lnTo>
                      <a:pt x="1075" y="3526"/>
                    </a:lnTo>
                    <a:lnTo>
                      <a:pt x="1073" y="3514"/>
                    </a:lnTo>
                    <a:lnTo>
                      <a:pt x="1071" y="3499"/>
                    </a:lnTo>
                    <a:lnTo>
                      <a:pt x="1074" y="3491"/>
                    </a:lnTo>
                    <a:lnTo>
                      <a:pt x="1076" y="3484"/>
                    </a:lnTo>
                    <a:lnTo>
                      <a:pt x="1082" y="3477"/>
                    </a:lnTo>
                    <a:lnTo>
                      <a:pt x="1087" y="3472"/>
                    </a:lnTo>
                    <a:lnTo>
                      <a:pt x="1092" y="3468"/>
                    </a:lnTo>
                    <a:lnTo>
                      <a:pt x="1100" y="3466"/>
                    </a:lnTo>
                    <a:lnTo>
                      <a:pt x="1108" y="3466"/>
                    </a:lnTo>
                    <a:lnTo>
                      <a:pt x="1117" y="3467"/>
                    </a:lnTo>
                    <a:lnTo>
                      <a:pt x="1124" y="3468"/>
                    </a:lnTo>
                    <a:lnTo>
                      <a:pt x="1133" y="3469"/>
                    </a:lnTo>
                    <a:lnTo>
                      <a:pt x="1141" y="3468"/>
                    </a:lnTo>
                    <a:lnTo>
                      <a:pt x="1149" y="3467"/>
                    </a:lnTo>
                    <a:lnTo>
                      <a:pt x="1163" y="3464"/>
                    </a:lnTo>
                    <a:lnTo>
                      <a:pt x="1176" y="3464"/>
                    </a:lnTo>
                    <a:lnTo>
                      <a:pt x="1172" y="3482"/>
                    </a:lnTo>
                    <a:lnTo>
                      <a:pt x="1170" y="3504"/>
                    </a:lnTo>
                    <a:lnTo>
                      <a:pt x="1170" y="3511"/>
                    </a:lnTo>
                    <a:lnTo>
                      <a:pt x="1170" y="3515"/>
                    </a:lnTo>
                    <a:lnTo>
                      <a:pt x="1171" y="3519"/>
                    </a:lnTo>
                    <a:lnTo>
                      <a:pt x="1174" y="3523"/>
                    </a:lnTo>
                    <a:lnTo>
                      <a:pt x="1176" y="3525"/>
                    </a:lnTo>
                    <a:lnTo>
                      <a:pt x="1181" y="3526"/>
                    </a:lnTo>
                    <a:lnTo>
                      <a:pt x="1187" y="3526"/>
                    </a:lnTo>
                    <a:lnTo>
                      <a:pt x="1193" y="3525"/>
                    </a:lnTo>
                    <a:lnTo>
                      <a:pt x="1213" y="3519"/>
                    </a:lnTo>
                    <a:lnTo>
                      <a:pt x="1232" y="3511"/>
                    </a:lnTo>
                    <a:lnTo>
                      <a:pt x="1236" y="3508"/>
                    </a:lnTo>
                    <a:lnTo>
                      <a:pt x="1238" y="3506"/>
                    </a:lnTo>
                    <a:lnTo>
                      <a:pt x="1241" y="3503"/>
                    </a:lnTo>
                    <a:lnTo>
                      <a:pt x="1241" y="3499"/>
                    </a:lnTo>
                    <a:lnTo>
                      <a:pt x="1241" y="3495"/>
                    </a:lnTo>
                    <a:lnTo>
                      <a:pt x="1238" y="3491"/>
                    </a:lnTo>
                    <a:lnTo>
                      <a:pt x="1235" y="3488"/>
                    </a:lnTo>
                    <a:lnTo>
                      <a:pt x="1229" y="3482"/>
                    </a:lnTo>
                    <a:lnTo>
                      <a:pt x="1223" y="3476"/>
                    </a:lnTo>
                    <a:lnTo>
                      <a:pt x="1219" y="3471"/>
                    </a:lnTo>
                    <a:lnTo>
                      <a:pt x="1220" y="3467"/>
                    </a:lnTo>
                    <a:lnTo>
                      <a:pt x="1222" y="3464"/>
                    </a:lnTo>
                    <a:lnTo>
                      <a:pt x="1225" y="3460"/>
                    </a:lnTo>
                    <a:lnTo>
                      <a:pt x="1228" y="3458"/>
                    </a:lnTo>
                    <a:lnTo>
                      <a:pt x="1231" y="3455"/>
                    </a:lnTo>
                    <a:lnTo>
                      <a:pt x="1231" y="3451"/>
                    </a:lnTo>
                    <a:lnTo>
                      <a:pt x="1229" y="3444"/>
                    </a:lnTo>
                    <a:lnTo>
                      <a:pt x="1229" y="3437"/>
                    </a:lnTo>
                    <a:lnTo>
                      <a:pt x="1232" y="3431"/>
                    </a:lnTo>
                    <a:lnTo>
                      <a:pt x="1237" y="3427"/>
                    </a:lnTo>
                    <a:lnTo>
                      <a:pt x="1244" y="3423"/>
                    </a:lnTo>
                    <a:lnTo>
                      <a:pt x="1250" y="3422"/>
                    </a:lnTo>
                    <a:lnTo>
                      <a:pt x="1258" y="3420"/>
                    </a:lnTo>
                    <a:lnTo>
                      <a:pt x="1266" y="3422"/>
                    </a:lnTo>
                    <a:lnTo>
                      <a:pt x="1277" y="3424"/>
                    </a:lnTo>
                    <a:lnTo>
                      <a:pt x="1289" y="3424"/>
                    </a:lnTo>
                    <a:lnTo>
                      <a:pt x="1299" y="3424"/>
                    </a:lnTo>
                    <a:lnTo>
                      <a:pt x="1311" y="3423"/>
                    </a:lnTo>
                    <a:lnTo>
                      <a:pt x="1321" y="3424"/>
                    </a:lnTo>
                    <a:lnTo>
                      <a:pt x="1332" y="3427"/>
                    </a:lnTo>
                    <a:lnTo>
                      <a:pt x="1337" y="3429"/>
                    </a:lnTo>
                    <a:lnTo>
                      <a:pt x="1341" y="3433"/>
                    </a:lnTo>
                    <a:lnTo>
                      <a:pt x="1346" y="3437"/>
                    </a:lnTo>
                    <a:lnTo>
                      <a:pt x="1350" y="3442"/>
                    </a:lnTo>
                    <a:lnTo>
                      <a:pt x="1373" y="3468"/>
                    </a:lnTo>
                    <a:lnTo>
                      <a:pt x="1382" y="3481"/>
                    </a:lnTo>
                    <a:lnTo>
                      <a:pt x="1384" y="3488"/>
                    </a:lnTo>
                    <a:lnTo>
                      <a:pt x="1382" y="3498"/>
                    </a:lnTo>
                    <a:lnTo>
                      <a:pt x="1378" y="3514"/>
                    </a:lnTo>
                    <a:lnTo>
                      <a:pt x="1373" y="3537"/>
                    </a:lnTo>
                    <a:lnTo>
                      <a:pt x="1373" y="3542"/>
                    </a:lnTo>
                    <a:lnTo>
                      <a:pt x="1373" y="3547"/>
                    </a:lnTo>
                    <a:lnTo>
                      <a:pt x="1373" y="3551"/>
                    </a:lnTo>
                    <a:lnTo>
                      <a:pt x="1374" y="3555"/>
                    </a:lnTo>
                    <a:lnTo>
                      <a:pt x="1377" y="3556"/>
                    </a:lnTo>
                    <a:lnTo>
                      <a:pt x="1381" y="3558"/>
                    </a:lnTo>
                    <a:lnTo>
                      <a:pt x="1384" y="3559"/>
                    </a:lnTo>
                    <a:lnTo>
                      <a:pt x="1387" y="3559"/>
                    </a:lnTo>
                    <a:lnTo>
                      <a:pt x="1407" y="3556"/>
                    </a:lnTo>
                    <a:lnTo>
                      <a:pt x="1426" y="3555"/>
                    </a:lnTo>
                    <a:lnTo>
                      <a:pt x="1431" y="3555"/>
                    </a:lnTo>
                    <a:lnTo>
                      <a:pt x="1442" y="3555"/>
                    </a:lnTo>
                    <a:lnTo>
                      <a:pt x="1450" y="3555"/>
                    </a:lnTo>
                    <a:lnTo>
                      <a:pt x="1453" y="3552"/>
                    </a:lnTo>
                    <a:lnTo>
                      <a:pt x="1447" y="3550"/>
                    </a:lnTo>
                    <a:lnTo>
                      <a:pt x="1442" y="3546"/>
                    </a:lnTo>
                    <a:lnTo>
                      <a:pt x="1438" y="3542"/>
                    </a:lnTo>
                    <a:lnTo>
                      <a:pt x="1435" y="3538"/>
                    </a:lnTo>
                    <a:lnTo>
                      <a:pt x="1435" y="3534"/>
                    </a:lnTo>
                    <a:lnTo>
                      <a:pt x="1435" y="3530"/>
                    </a:lnTo>
                    <a:lnTo>
                      <a:pt x="1438" y="3526"/>
                    </a:lnTo>
                    <a:lnTo>
                      <a:pt x="1441" y="3523"/>
                    </a:lnTo>
                    <a:lnTo>
                      <a:pt x="1447" y="3515"/>
                    </a:lnTo>
                    <a:lnTo>
                      <a:pt x="1457" y="3508"/>
                    </a:lnTo>
                    <a:lnTo>
                      <a:pt x="1466" y="3504"/>
                    </a:lnTo>
                    <a:lnTo>
                      <a:pt x="1477" y="3501"/>
                    </a:lnTo>
                    <a:lnTo>
                      <a:pt x="1486" y="3501"/>
                    </a:lnTo>
                    <a:lnTo>
                      <a:pt x="1499" y="3502"/>
                    </a:lnTo>
                    <a:lnTo>
                      <a:pt x="1514" y="3503"/>
                    </a:lnTo>
                    <a:lnTo>
                      <a:pt x="1530" y="3506"/>
                    </a:lnTo>
                    <a:lnTo>
                      <a:pt x="1544" y="3508"/>
                    </a:lnTo>
                    <a:lnTo>
                      <a:pt x="1556" y="3508"/>
                    </a:lnTo>
                    <a:lnTo>
                      <a:pt x="1561" y="3507"/>
                    </a:lnTo>
                    <a:lnTo>
                      <a:pt x="1564" y="3506"/>
                    </a:lnTo>
                    <a:lnTo>
                      <a:pt x="1566" y="3503"/>
                    </a:lnTo>
                    <a:lnTo>
                      <a:pt x="1566" y="3501"/>
                    </a:lnTo>
                    <a:lnTo>
                      <a:pt x="1569" y="3488"/>
                    </a:lnTo>
                    <a:lnTo>
                      <a:pt x="1573" y="3469"/>
                    </a:lnTo>
                    <a:lnTo>
                      <a:pt x="1578" y="3453"/>
                    </a:lnTo>
                    <a:lnTo>
                      <a:pt x="1579" y="3445"/>
                    </a:lnTo>
                    <a:lnTo>
                      <a:pt x="1577" y="3442"/>
                    </a:lnTo>
                    <a:lnTo>
                      <a:pt x="1573" y="3442"/>
                    </a:lnTo>
                    <a:lnTo>
                      <a:pt x="1566" y="3442"/>
                    </a:lnTo>
                    <a:lnTo>
                      <a:pt x="1558" y="3442"/>
                    </a:lnTo>
                    <a:lnTo>
                      <a:pt x="1544" y="3445"/>
                    </a:lnTo>
                    <a:lnTo>
                      <a:pt x="1535" y="3446"/>
                    </a:lnTo>
                    <a:lnTo>
                      <a:pt x="1523" y="3446"/>
                    </a:lnTo>
                    <a:lnTo>
                      <a:pt x="1514" y="3445"/>
                    </a:lnTo>
                    <a:lnTo>
                      <a:pt x="1509" y="3444"/>
                    </a:lnTo>
                    <a:lnTo>
                      <a:pt x="1508" y="3441"/>
                    </a:lnTo>
                    <a:lnTo>
                      <a:pt x="1508" y="3438"/>
                    </a:lnTo>
                    <a:lnTo>
                      <a:pt x="1510" y="3436"/>
                    </a:lnTo>
                    <a:lnTo>
                      <a:pt x="1516" y="3432"/>
                    </a:lnTo>
                    <a:lnTo>
                      <a:pt x="1521" y="3428"/>
                    </a:lnTo>
                    <a:lnTo>
                      <a:pt x="1551" y="3414"/>
                    </a:lnTo>
                    <a:lnTo>
                      <a:pt x="1570" y="3405"/>
                    </a:lnTo>
                    <a:lnTo>
                      <a:pt x="1587" y="3396"/>
                    </a:lnTo>
                    <a:lnTo>
                      <a:pt x="1606" y="3389"/>
                    </a:lnTo>
                    <a:lnTo>
                      <a:pt x="1624" y="3384"/>
                    </a:lnTo>
                    <a:lnTo>
                      <a:pt x="1641" y="3378"/>
                    </a:lnTo>
                    <a:lnTo>
                      <a:pt x="1648" y="3374"/>
                    </a:lnTo>
                    <a:lnTo>
                      <a:pt x="1656" y="3368"/>
                    </a:lnTo>
                    <a:lnTo>
                      <a:pt x="1662" y="3362"/>
                    </a:lnTo>
                    <a:lnTo>
                      <a:pt x="1667" y="3355"/>
                    </a:lnTo>
                    <a:lnTo>
                      <a:pt x="1671" y="3348"/>
                    </a:lnTo>
                    <a:lnTo>
                      <a:pt x="1675" y="3337"/>
                    </a:lnTo>
                    <a:lnTo>
                      <a:pt x="1676" y="3326"/>
                    </a:lnTo>
                    <a:lnTo>
                      <a:pt x="1678" y="3311"/>
                    </a:lnTo>
                    <a:lnTo>
                      <a:pt x="1667" y="3313"/>
                    </a:lnTo>
                    <a:lnTo>
                      <a:pt x="1654" y="3315"/>
                    </a:lnTo>
                    <a:lnTo>
                      <a:pt x="1643" y="3315"/>
                    </a:lnTo>
                    <a:lnTo>
                      <a:pt x="1631" y="3315"/>
                    </a:lnTo>
                    <a:lnTo>
                      <a:pt x="1626" y="3314"/>
                    </a:lnTo>
                    <a:lnTo>
                      <a:pt x="1622" y="3313"/>
                    </a:lnTo>
                    <a:lnTo>
                      <a:pt x="1619" y="3310"/>
                    </a:lnTo>
                    <a:lnTo>
                      <a:pt x="1617" y="3308"/>
                    </a:lnTo>
                    <a:lnTo>
                      <a:pt x="1617" y="3304"/>
                    </a:lnTo>
                    <a:lnTo>
                      <a:pt x="1618" y="3298"/>
                    </a:lnTo>
                    <a:lnTo>
                      <a:pt x="1621" y="3292"/>
                    </a:lnTo>
                    <a:lnTo>
                      <a:pt x="1626" y="3284"/>
                    </a:lnTo>
                    <a:lnTo>
                      <a:pt x="1631" y="3279"/>
                    </a:lnTo>
                    <a:lnTo>
                      <a:pt x="1639" y="3273"/>
                    </a:lnTo>
                    <a:lnTo>
                      <a:pt x="1650" y="3265"/>
                    </a:lnTo>
                    <a:lnTo>
                      <a:pt x="1662" y="3257"/>
                    </a:lnTo>
                    <a:lnTo>
                      <a:pt x="1672" y="3251"/>
                    </a:lnTo>
                    <a:lnTo>
                      <a:pt x="1681" y="3244"/>
                    </a:lnTo>
                    <a:lnTo>
                      <a:pt x="1687" y="3240"/>
                    </a:lnTo>
                    <a:lnTo>
                      <a:pt x="1688" y="3238"/>
                    </a:lnTo>
                    <a:lnTo>
                      <a:pt x="1675" y="3219"/>
                    </a:lnTo>
                    <a:lnTo>
                      <a:pt x="1663" y="3204"/>
                    </a:lnTo>
                    <a:lnTo>
                      <a:pt x="1659" y="3204"/>
                    </a:lnTo>
                    <a:lnTo>
                      <a:pt x="1656" y="3205"/>
                    </a:lnTo>
                    <a:lnTo>
                      <a:pt x="1652" y="3207"/>
                    </a:lnTo>
                    <a:lnTo>
                      <a:pt x="1649" y="3209"/>
                    </a:lnTo>
                    <a:lnTo>
                      <a:pt x="1641" y="3216"/>
                    </a:lnTo>
                    <a:lnTo>
                      <a:pt x="1634" y="3223"/>
                    </a:lnTo>
                    <a:lnTo>
                      <a:pt x="1621" y="3240"/>
                    </a:lnTo>
                    <a:lnTo>
                      <a:pt x="1609" y="3253"/>
                    </a:lnTo>
                    <a:lnTo>
                      <a:pt x="1587" y="3269"/>
                    </a:lnTo>
                    <a:lnTo>
                      <a:pt x="1552" y="3292"/>
                    </a:lnTo>
                    <a:lnTo>
                      <a:pt x="1545" y="3298"/>
                    </a:lnTo>
                    <a:lnTo>
                      <a:pt x="1539" y="3304"/>
                    </a:lnTo>
                    <a:lnTo>
                      <a:pt x="1534" y="3310"/>
                    </a:lnTo>
                    <a:lnTo>
                      <a:pt x="1531" y="3315"/>
                    </a:lnTo>
                    <a:lnTo>
                      <a:pt x="1530" y="3317"/>
                    </a:lnTo>
                    <a:lnTo>
                      <a:pt x="1530" y="3319"/>
                    </a:lnTo>
                    <a:lnTo>
                      <a:pt x="1530" y="3322"/>
                    </a:lnTo>
                    <a:lnTo>
                      <a:pt x="1531" y="3323"/>
                    </a:lnTo>
                    <a:lnTo>
                      <a:pt x="1536" y="3326"/>
                    </a:lnTo>
                    <a:lnTo>
                      <a:pt x="1544" y="3328"/>
                    </a:lnTo>
                    <a:lnTo>
                      <a:pt x="1557" y="3328"/>
                    </a:lnTo>
                    <a:lnTo>
                      <a:pt x="1575" y="3330"/>
                    </a:lnTo>
                    <a:lnTo>
                      <a:pt x="1582" y="3331"/>
                    </a:lnTo>
                    <a:lnTo>
                      <a:pt x="1586" y="3333"/>
                    </a:lnTo>
                    <a:lnTo>
                      <a:pt x="1587" y="3335"/>
                    </a:lnTo>
                    <a:lnTo>
                      <a:pt x="1586" y="3337"/>
                    </a:lnTo>
                    <a:lnTo>
                      <a:pt x="1584" y="3340"/>
                    </a:lnTo>
                    <a:lnTo>
                      <a:pt x="1580" y="3344"/>
                    </a:lnTo>
                    <a:lnTo>
                      <a:pt x="1567" y="3353"/>
                    </a:lnTo>
                    <a:lnTo>
                      <a:pt x="1549" y="3367"/>
                    </a:lnTo>
                    <a:lnTo>
                      <a:pt x="1526" y="3381"/>
                    </a:lnTo>
                    <a:lnTo>
                      <a:pt x="1501" y="3397"/>
                    </a:lnTo>
                    <a:lnTo>
                      <a:pt x="1475" y="3411"/>
                    </a:lnTo>
                    <a:lnTo>
                      <a:pt x="1452" y="3423"/>
                    </a:lnTo>
                    <a:lnTo>
                      <a:pt x="1442" y="3427"/>
                    </a:lnTo>
                    <a:lnTo>
                      <a:pt x="1433" y="3429"/>
                    </a:lnTo>
                    <a:lnTo>
                      <a:pt x="1425" y="3431"/>
                    </a:lnTo>
                    <a:lnTo>
                      <a:pt x="1418" y="3431"/>
                    </a:lnTo>
                    <a:lnTo>
                      <a:pt x="1413" y="3428"/>
                    </a:lnTo>
                    <a:lnTo>
                      <a:pt x="1404" y="3424"/>
                    </a:lnTo>
                    <a:lnTo>
                      <a:pt x="1395" y="3418"/>
                    </a:lnTo>
                    <a:lnTo>
                      <a:pt x="1386" y="3411"/>
                    </a:lnTo>
                    <a:lnTo>
                      <a:pt x="1377" y="3403"/>
                    </a:lnTo>
                    <a:lnTo>
                      <a:pt x="1371" y="3396"/>
                    </a:lnTo>
                    <a:lnTo>
                      <a:pt x="1368" y="3392"/>
                    </a:lnTo>
                    <a:lnTo>
                      <a:pt x="1367" y="3388"/>
                    </a:lnTo>
                    <a:lnTo>
                      <a:pt x="1365" y="3384"/>
                    </a:lnTo>
                    <a:lnTo>
                      <a:pt x="1367" y="3381"/>
                    </a:lnTo>
                    <a:lnTo>
                      <a:pt x="1378" y="3370"/>
                    </a:lnTo>
                    <a:lnTo>
                      <a:pt x="1402" y="3353"/>
                    </a:lnTo>
                    <a:lnTo>
                      <a:pt x="1412" y="3345"/>
                    </a:lnTo>
                    <a:lnTo>
                      <a:pt x="1418" y="3339"/>
                    </a:lnTo>
                    <a:lnTo>
                      <a:pt x="1418" y="3336"/>
                    </a:lnTo>
                    <a:lnTo>
                      <a:pt x="1418" y="3335"/>
                    </a:lnTo>
                    <a:lnTo>
                      <a:pt x="1415" y="3333"/>
                    </a:lnTo>
                    <a:lnTo>
                      <a:pt x="1409" y="3335"/>
                    </a:lnTo>
                    <a:lnTo>
                      <a:pt x="1398" y="3336"/>
                    </a:lnTo>
                    <a:lnTo>
                      <a:pt x="1380" y="3341"/>
                    </a:lnTo>
                    <a:lnTo>
                      <a:pt x="1356" y="3345"/>
                    </a:lnTo>
                    <a:lnTo>
                      <a:pt x="1333" y="3349"/>
                    </a:lnTo>
                    <a:lnTo>
                      <a:pt x="1321" y="3350"/>
                    </a:lnTo>
                    <a:lnTo>
                      <a:pt x="1312" y="3352"/>
                    </a:lnTo>
                    <a:lnTo>
                      <a:pt x="1303" y="3350"/>
                    </a:lnTo>
                    <a:lnTo>
                      <a:pt x="1298" y="3349"/>
                    </a:lnTo>
                    <a:lnTo>
                      <a:pt x="1295" y="3348"/>
                    </a:lnTo>
                    <a:lnTo>
                      <a:pt x="1294" y="3345"/>
                    </a:lnTo>
                    <a:lnTo>
                      <a:pt x="1294" y="3344"/>
                    </a:lnTo>
                    <a:lnTo>
                      <a:pt x="1294" y="3341"/>
                    </a:lnTo>
                    <a:lnTo>
                      <a:pt x="1298" y="3335"/>
                    </a:lnTo>
                    <a:lnTo>
                      <a:pt x="1304" y="3326"/>
                    </a:lnTo>
                    <a:lnTo>
                      <a:pt x="1310" y="3322"/>
                    </a:lnTo>
                    <a:lnTo>
                      <a:pt x="1316" y="3319"/>
                    </a:lnTo>
                    <a:lnTo>
                      <a:pt x="1324" y="3318"/>
                    </a:lnTo>
                    <a:lnTo>
                      <a:pt x="1332" y="3315"/>
                    </a:lnTo>
                    <a:lnTo>
                      <a:pt x="1339" y="3314"/>
                    </a:lnTo>
                    <a:lnTo>
                      <a:pt x="1347" y="3311"/>
                    </a:lnTo>
                    <a:lnTo>
                      <a:pt x="1354" y="3309"/>
                    </a:lnTo>
                    <a:lnTo>
                      <a:pt x="1359" y="3305"/>
                    </a:lnTo>
                    <a:lnTo>
                      <a:pt x="1360" y="3304"/>
                    </a:lnTo>
                    <a:lnTo>
                      <a:pt x="1361" y="3301"/>
                    </a:lnTo>
                    <a:lnTo>
                      <a:pt x="1361" y="3298"/>
                    </a:lnTo>
                    <a:lnTo>
                      <a:pt x="1360" y="3296"/>
                    </a:lnTo>
                    <a:lnTo>
                      <a:pt x="1359" y="3291"/>
                    </a:lnTo>
                    <a:lnTo>
                      <a:pt x="1356" y="3286"/>
                    </a:lnTo>
                    <a:lnTo>
                      <a:pt x="1355" y="3280"/>
                    </a:lnTo>
                    <a:lnTo>
                      <a:pt x="1354" y="3275"/>
                    </a:lnTo>
                    <a:lnTo>
                      <a:pt x="1355" y="3273"/>
                    </a:lnTo>
                    <a:lnTo>
                      <a:pt x="1356" y="3270"/>
                    </a:lnTo>
                    <a:lnTo>
                      <a:pt x="1359" y="3269"/>
                    </a:lnTo>
                    <a:lnTo>
                      <a:pt x="1361" y="3266"/>
                    </a:lnTo>
                    <a:lnTo>
                      <a:pt x="1365" y="3266"/>
                    </a:lnTo>
                    <a:lnTo>
                      <a:pt x="1368" y="3266"/>
                    </a:lnTo>
                    <a:lnTo>
                      <a:pt x="1371" y="3266"/>
                    </a:lnTo>
                    <a:lnTo>
                      <a:pt x="1374" y="3267"/>
                    </a:lnTo>
                    <a:lnTo>
                      <a:pt x="1381" y="3273"/>
                    </a:lnTo>
                    <a:lnTo>
                      <a:pt x="1389" y="3278"/>
                    </a:lnTo>
                    <a:lnTo>
                      <a:pt x="1395" y="3283"/>
                    </a:lnTo>
                    <a:lnTo>
                      <a:pt x="1403" y="3287"/>
                    </a:lnTo>
                    <a:lnTo>
                      <a:pt x="1407" y="3288"/>
                    </a:lnTo>
                    <a:lnTo>
                      <a:pt x="1409" y="3289"/>
                    </a:lnTo>
                    <a:lnTo>
                      <a:pt x="1413" y="3289"/>
                    </a:lnTo>
                    <a:lnTo>
                      <a:pt x="1417" y="3288"/>
                    </a:lnTo>
                    <a:lnTo>
                      <a:pt x="1422" y="3286"/>
                    </a:lnTo>
                    <a:lnTo>
                      <a:pt x="1428" y="3283"/>
                    </a:lnTo>
                    <a:lnTo>
                      <a:pt x="1431" y="3280"/>
                    </a:lnTo>
                    <a:lnTo>
                      <a:pt x="1434" y="3278"/>
                    </a:lnTo>
                    <a:lnTo>
                      <a:pt x="1438" y="3270"/>
                    </a:lnTo>
                    <a:lnTo>
                      <a:pt x="1439" y="3262"/>
                    </a:lnTo>
                    <a:lnTo>
                      <a:pt x="1438" y="3245"/>
                    </a:lnTo>
                    <a:lnTo>
                      <a:pt x="1435" y="3226"/>
                    </a:lnTo>
                    <a:lnTo>
                      <a:pt x="1435" y="3222"/>
                    </a:lnTo>
                    <a:lnTo>
                      <a:pt x="1438" y="3216"/>
                    </a:lnTo>
                    <a:lnTo>
                      <a:pt x="1442" y="3208"/>
                    </a:lnTo>
                    <a:lnTo>
                      <a:pt x="1446" y="3199"/>
                    </a:lnTo>
                    <a:lnTo>
                      <a:pt x="1460" y="3177"/>
                    </a:lnTo>
                    <a:lnTo>
                      <a:pt x="1475" y="3151"/>
                    </a:lnTo>
                    <a:lnTo>
                      <a:pt x="1492" y="3125"/>
                    </a:lnTo>
                    <a:lnTo>
                      <a:pt x="1508" y="3100"/>
                    </a:lnTo>
                    <a:lnTo>
                      <a:pt x="1521" y="3078"/>
                    </a:lnTo>
                    <a:lnTo>
                      <a:pt x="1529" y="3061"/>
                    </a:lnTo>
                    <a:lnTo>
                      <a:pt x="1544" y="3052"/>
                    </a:lnTo>
                    <a:lnTo>
                      <a:pt x="1561" y="3043"/>
                    </a:lnTo>
                    <a:lnTo>
                      <a:pt x="1578" y="3033"/>
                    </a:lnTo>
                    <a:lnTo>
                      <a:pt x="1593" y="3021"/>
                    </a:lnTo>
                    <a:lnTo>
                      <a:pt x="1601" y="3015"/>
                    </a:lnTo>
                    <a:lnTo>
                      <a:pt x="1608" y="3008"/>
                    </a:lnTo>
                    <a:lnTo>
                      <a:pt x="1613" y="3002"/>
                    </a:lnTo>
                    <a:lnTo>
                      <a:pt x="1618" y="2994"/>
                    </a:lnTo>
                    <a:lnTo>
                      <a:pt x="1623" y="2986"/>
                    </a:lnTo>
                    <a:lnTo>
                      <a:pt x="1626" y="2979"/>
                    </a:lnTo>
                    <a:lnTo>
                      <a:pt x="1628" y="2971"/>
                    </a:lnTo>
                    <a:lnTo>
                      <a:pt x="1628" y="2962"/>
                    </a:lnTo>
                    <a:lnTo>
                      <a:pt x="1635" y="2971"/>
                    </a:lnTo>
                    <a:lnTo>
                      <a:pt x="1648" y="2994"/>
                    </a:lnTo>
                    <a:lnTo>
                      <a:pt x="1654" y="3007"/>
                    </a:lnTo>
                    <a:lnTo>
                      <a:pt x="1659" y="3019"/>
                    </a:lnTo>
                    <a:lnTo>
                      <a:pt x="1663" y="3029"/>
                    </a:lnTo>
                    <a:lnTo>
                      <a:pt x="1665" y="3036"/>
                    </a:lnTo>
                    <a:lnTo>
                      <a:pt x="1666" y="3054"/>
                    </a:lnTo>
                    <a:lnTo>
                      <a:pt x="1669" y="3067"/>
                    </a:lnTo>
                    <a:lnTo>
                      <a:pt x="1670" y="3072"/>
                    </a:lnTo>
                    <a:lnTo>
                      <a:pt x="1672" y="3074"/>
                    </a:lnTo>
                    <a:lnTo>
                      <a:pt x="1675" y="3076"/>
                    </a:lnTo>
                    <a:lnTo>
                      <a:pt x="1678" y="3077"/>
                    </a:lnTo>
                    <a:lnTo>
                      <a:pt x="1685" y="3076"/>
                    </a:lnTo>
                    <a:lnTo>
                      <a:pt x="1693" y="3072"/>
                    </a:lnTo>
                    <a:lnTo>
                      <a:pt x="1704" y="3065"/>
                    </a:lnTo>
                    <a:lnTo>
                      <a:pt x="1715" y="3059"/>
                    </a:lnTo>
                    <a:lnTo>
                      <a:pt x="1724" y="3054"/>
                    </a:lnTo>
                    <a:lnTo>
                      <a:pt x="1731" y="3052"/>
                    </a:lnTo>
                    <a:lnTo>
                      <a:pt x="1737" y="3052"/>
                    </a:lnTo>
                    <a:lnTo>
                      <a:pt x="1742" y="3052"/>
                    </a:lnTo>
                    <a:lnTo>
                      <a:pt x="1745" y="3052"/>
                    </a:lnTo>
                    <a:lnTo>
                      <a:pt x="1748" y="3051"/>
                    </a:lnTo>
                    <a:lnTo>
                      <a:pt x="1750" y="3050"/>
                    </a:lnTo>
                    <a:lnTo>
                      <a:pt x="1751" y="3047"/>
                    </a:lnTo>
                    <a:lnTo>
                      <a:pt x="1754" y="3038"/>
                    </a:lnTo>
                    <a:lnTo>
                      <a:pt x="1755" y="3024"/>
                    </a:lnTo>
                    <a:lnTo>
                      <a:pt x="1758" y="3016"/>
                    </a:lnTo>
                    <a:lnTo>
                      <a:pt x="1759" y="3010"/>
                    </a:lnTo>
                    <a:lnTo>
                      <a:pt x="1763" y="3006"/>
                    </a:lnTo>
                    <a:lnTo>
                      <a:pt x="1767" y="3002"/>
                    </a:lnTo>
                    <a:lnTo>
                      <a:pt x="1776" y="2997"/>
                    </a:lnTo>
                    <a:lnTo>
                      <a:pt x="1785" y="2995"/>
                    </a:lnTo>
                    <a:lnTo>
                      <a:pt x="1789" y="2994"/>
                    </a:lnTo>
                    <a:lnTo>
                      <a:pt x="1793" y="2993"/>
                    </a:lnTo>
                    <a:lnTo>
                      <a:pt x="1794" y="2990"/>
                    </a:lnTo>
                    <a:lnTo>
                      <a:pt x="1795" y="2988"/>
                    </a:lnTo>
                    <a:lnTo>
                      <a:pt x="1794" y="2984"/>
                    </a:lnTo>
                    <a:lnTo>
                      <a:pt x="1792" y="2979"/>
                    </a:lnTo>
                    <a:lnTo>
                      <a:pt x="1786" y="2972"/>
                    </a:lnTo>
                    <a:lnTo>
                      <a:pt x="1780" y="2963"/>
                    </a:lnTo>
                    <a:lnTo>
                      <a:pt x="1777" y="2958"/>
                    </a:lnTo>
                    <a:lnTo>
                      <a:pt x="1775" y="2954"/>
                    </a:lnTo>
                    <a:lnTo>
                      <a:pt x="1775" y="2949"/>
                    </a:lnTo>
                    <a:lnTo>
                      <a:pt x="1775" y="2944"/>
                    </a:lnTo>
                    <a:lnTo>
                      <a:pt x="1775" y="2940"/>
                    </a:lnTo>
                    <a:lnTo>
                      <a:pt x="1775" y="2934"/>
                    </a:lnTo>
                    <a:lnTo>
                      <a:pt x="1773" y="2929"/>
                    </a:lnTo>
                    <a:lnTo>
                      <a:pt x="1771" y="2924"/>
                    </a:lnTo>
                    <a:lnTo>
                      <a:pt x="1766" y="2915"/>
                    </a:lnTo>
                    <a:lnTo>
                      <a:pt x="1763" y="2907"/>
                    </a:lnTo>
                    <a:lnTo>
                      <a:pt x="1762" y="2899"/>
                    </a:lnTo>
                    <a:lnTo>
                      <a:pt x="1762" y="2893"/>
                    </a:lnTo>
                    <a:lnTo>
                      <a:pt x="1764" y="2887"/>
                    </a:lnTo>
                    <a:lnTo>
                      <a:pt x="1768" y="2881"/>
                    </a:lnTo>
                    <a:lnTo>
                      <a:pt x="1773" y="2876"/>
                    </a:lnTo>
                    <a:lnTo>
                      <a:pt x="1780" y="2872"/>
                    </a:lnTo>
                    <a:lnTo>
                      <a:pt x="1786" y="2868"/>
                    </a:lnTo>
                    <a:lnTo>
                      <a:pt x="1794" y="2865"/>
                    </a:lnTo>
                    <a:lnTo>
                      <a:pt x="1802" y="2862"/>
                    </a:lnTo>
                    <a:lnTo>
                      <a:pt x="1810" y="2861"/>
                    </a:lnTo>
                    <a:lnTo>
                      <a:pt x="1827" y="2858"/>
                    </a:lnTo>
                    <a:lnTo>
                      <a:pt x="1841" y="2857"/>
                    </a:lnTo>
                    <a:lnTo>
                      <a:pt x="1846" y="2857"/>
                    </a:lnTo>
                    <a:lnTo>
                      <a:pt x="1849" y="2855"/>
                    </a:lnTo>
                    <a:lnTo>
                      <a:pt x="1850" y="2853"/>
                    </a:lnTo>
                    <a:lnTo>
                      <a:pt x="1851" y="2850"/>
                    </a:lnTo>
                    <a:lnTo>
                      <a:pt x="1850" y="2845"/>
                    </a:lnTo>
                    <a:lnTo>
                      <a:pt x="1849" y="2837"/>
                    </a:lnTo>
                    <a:lnTo>
                      <a:pt x="1847" y="2830"/>
                    </a:lnTo>
                    <a:lnTo>
                      <a:pt x="1849" y="2823"/>
                    </a:lnTo>
                    <a:lnTo>
                      <a:pt x="1851" y="2820"/>
                    </a:lnTo>
                    <a:lnTo>
                      <a:pt x="1855" y="2818"/>
                    </a:lnTo>
                    <a:lnTo>
                      <a:pt x="1860" y="2817"/>
                    </a:lnTo>
                    <a:lnTo>
                      <a:pt x="1867" y="2815"/>
                    </a:lnTo>
                    <a:lnTo>
                      <a:pt x="1878" y="2815"/>
                    </a:lnTo>
                    <a:lnTo>
                      <a:pt x="1890" y="2817"/>
                    </a:lnTo>
                    <a:lnTo>
                      <a:pt x="1900" y="2818"/>
                    </a:lnTo>
                    <a:lnTo>
                      <a:pt x="1912" y="2820"/>
                    </a:lnTo>
                    <a:lnTo>
                      <a:pt x="1935" y="2824"/>
                    </a:lnTo>
                    <a:lnTo>
                      <a:pt x="1957" y="2827"/>
                    </a:lnTo>
                    <a:lnTo>
                      <a:pt x="1954" y="2819"/>
                    </a:lnTo>
                    <a:lnTo>
                      <a:pt x="1950" y="2813"/>
                    </a:lnTo>
                    <a:lnTo>
                      <a:pt x="1944" y="2808"/>
                    </a:lnTo>
                    <a:lnTo>
                      <a:pt x="1939" y="2802"/>
                    </a:lnTo>
                    <a:lnTo>
                      <a:pt x="1933" y="2800"/>
                    </a:lnTo>
                    <a:lnTo>
                      <a:pt x="1926" y="2797"/>
                    </a:lnTo>
                    <a:lnTo>
                      <a:pt x="1920" y="2796"/>
                    </a:lnTo>
                    <a:lnTo>
                      <a:pt x="1912" y="2795"/>
                    </a:lnTo>
                    <a:lnTo>
                      <a:pt x="1895" y="2795"/>
                    </a:lnTo>
                    <a:lnTo>
                      <a:pt x="1876" y="2797"/>
                    </a:lnTo>
                    <a:lnTo>
                      <a:pt x="1858" y="2802"/>
                    </a:lnTo>
                    <a:lnTo>
                      <a:pt x="1837" y="2809"/>
                    </a:lnTo>
                    <a:lnTo>
                      <a:pt x="1797" y="2824"/>
                    </a:lnTo>
                    <a:lnTo>
                      <a:pt x="1759" y="2840"/>
                    </a:lnTo>
                    <a:lnTo>
                      <a:pt x="1742" y="2846"/>
                    </a:lnTo>
                    <a:lnTo>
                      <a:pt x="1727" y="2852"/>
                    </a:lnTo>
                    <a:lnTo>
                      <a:pt x="1714" y="2855"/>
                    </a:lnTo>
                    <a:lnTo>
                      <a:pt x="1704" y="2857"/>
                    </a:lnTo>
                    <a:lnTo>
                      <a:pt x="1709" y="2844"/>
                    </a:lnTo>
                    <a:lnTo>
                      <a:pt x="1714" y="2832"/>
                    </a:lnTo>
                    <a:lnTo>
                      <a:pt x="1720" y="2824"/>
                    </a:lnTo>
                    <a:lnTo>
                      <a:pt x="1728" y="2818"/>
                    </a:lnTo>
                    <a:lnTo>
                      <a:pt x="1736" y="2814"/>
                    </a:lnTo>
                    <a:lnTo>
                      <a:pt x="1745" y="2810"/>
                    </a:lnTo>
                    <a:lnTo>
                      <a:pt x="1755" y="2808"/>
                    </a:lnTo>
                    <a:lnTo>
                      <a:pt x="1767" y="2804"/>
                    </a:lnTo>
                    <a:lnTo>
                      <a:pt x="1776" y="2801"/>
                    </a:lnTo>
                    <a:lnTo>
                      <a:pt x="1783" y="2797"/>
                    </a:lnTo>
                    <a:lnTo>
                      <a:pt x="1789" y="2793"/>
                    </a:lnTo>
                    <a:lnTo>
                      <a:pt x="1795" y="2788"/>
                    </a:lnTo>
                    <a:lnTo>
                      <a:pt x="1806" y="2776"/>
                    </a:lnTo>
                    <a:lnTo>
                      <a:pt x="1816" y="2765"/>
                    </a:lnTo>
                    <a:lnTo>
                      <a:pt x="1827" y="2753"/>
                    </a:lnTo>
                    <a:lnTo>
                      <a:pt x="1838" y="2741"/>
                    </a:lnTo>
                    <a:lnTo>
                      <a:pt x="1845" y="2736"/>
                    </a:lnTo>
                    <a:lnTo>
                      <a:pt x="1851" y="2732"/>
                    </a:lnTo>
                    <a:lnTo>
                      <a:pt x="1860" y="2728"/>
                    </a:lnTo>
                    <a:lnTo>
                      <a:pt x="1868" y="2726"/>
                    </a:lnTo>
                    <a:lnTo>
                      <a:pt x="1876" y="2723"/>
                    </a:lnTo>
                    <a:lnTo>
                      <a:pt x="1885" y="2718"/>
                    </a:lnTo>
                    <a:lnTo>
                      <a:pt x="1895" y="2712"/>
                    </a:lnTo>
                    <a:lnTo>
                      <a:pt x="1906" y="2705"/>
                    </a:lnTo>
                    <a:lnTo>
                      <a:pt x="1925" y="2692"/>
                    </a:lnTo>
                    <a:lnTo>
                      <a:pt x="1937" y="2687"/>
                    </a:lnTo>
                    <a:lnTo>
                      <a:pt x="1935" y="2709"/>
                    </a:lnTo>
                    <a:lnTo>
                      <a:pt x="1934" y="2734"/>
                    </a:lnTo>
                    <a:lnTo>
                      <a:pt x="1934" y="2738"/>
                    </a:lnTo>
                    <a:lnTo>
                      <a:pt x="1935" y="2743"/>
                    </a:lnTo>
                    <a:lnTo>
                      <a:pt x="1938" y="2745"/>
                    </a:lnTo>
                    <a:lnTo>
                      <a:pt x="1941" y="2748"/>
                    </a:lnTo>
                    <a:lnTo>
                      <a:pt x="1943" y="2749"/>
                    </a:lnTo>
                    <a:lnTo>
                      <a:pt x="1948" y="2748"/>
                    </a:lnTo>
                    <a:lnTo>
                      <a:pt x="1954" y="2747"/>
                    </a:lnTo>
                    <a:lnTo>
                      <a:pt x="1960" y="2743"/>
                    </a:lnTo>
                    <a:lnTo>
                      <a:pt x="1981" y="2734"/>
                    </a:lnTo>
                    <a:lnTo>
                      <a:pt x="2007" y="2722"/>
                    </a:lnTo>
                    <a:lnTo>
                      <a:pt x="2018" y="2716"/>
                    </a:lnTo>
                    <a:lnTo>
                      <a:pt x="2029" y="2708"/>
                    </a:lnTo>
                    <a:lnTo>
                      <a:pt x="2033" y="2703"/>
                    </a:lnTo>
                    <a:lnTo>
                      <a:pt x="2035" y="2699"/>
                    </a:lnTo>
                    <a:lnTo>
                      <a:pt x="2038" y="2694"/>
                    </a:lnTo>
                    <a:lnTo>
                      <a:pt x="2038" y="2688"/>
                    </a:lnTo>
                    <a:lnTo>
                      <a:pt x="2014" y="2692"/>
                    </a:lnTo>
                    <a:lnTo>
                      <a:pt x="1995" y="2696"/>
                    </a:lnTo>
                    <a:lnTo>
                      <a:pt x="1991" y="2696"/>
                    </a:lnTo>
                    <a:lnTo>
                      <a:pt x="1987" y="2695"/>
                    </a:lnTo>
                    <a:lnTo>
                      <a:pt x="1985" y="2692"/>
                    </a:lnTo>
                    <a:lnTo>
                      <a:pt x="1982" y="2688"/>
                    </a:lnTo>
                    <a:lnTo>
                      <a:pt x="1981" y="2683"/>
                    </a:lnTo>
                    <a:lnTo>
                      <a:pt x="1979" y="2677"/>
                    </a:lnTo>
                    <a:lnTo>
                      <a:pt x="1979" y="2668"/>
                    </a:lnTo>
                    <a:lnTo>
                      <a:pt x="1981" y="2656"/>
                    </a:lnTo>
                    <a:lnTo>
                      <a:pt x="1981" y="2647"/>
                    </a:lnTo>
                    <a:lnTo>
                      <a:pt x="1979" y="2640"/>
                    </a:lnTo>
                    <a:lnTo>
                      <a:pt x="1977" y="2635"/>
                    </a:lnTo>
                    <a:lnTo>
                      <a:pt x="1973" y="2631"/>
                    </a:lnTo>
                    <a:lnTo>
                      <a:pt x="1970" y="2630"/>
                    </a:lnTo>
                    <a:lnTo>
                      <a:pt x="1965" y="2629"/>
                    </a:lnTo>
                    <a:lnTo>
                      <a:pt x="1961" y="2629"/>
                    </a:lnTo>
                    <a:lnTo>
                      <a:pt x="1957" y="2630"/>
                    </a:lnTo>
                    <a:lnTo>
                      <a:pt x="1950" y="2630"/>
                    </a:lnTo>
                    <a:lnTo>
                      <a:pt x="1944" y="2630"/>
                    </a:lnTo>
                    <a:lnTo>
                      <a:pt x="1944" y="2627"/>
                    </a:lnTo>
                    <a:lnTo>
                      <a:pt x="1944" y="2624"/>
                    </a:lnTo>
                    <a:lnTo>
                      <a:pt x="1947" y="2618"/>
                    </a:lnTo>
                    <a:lnTo>
                      <a:pt x="1951" y="2611"/>
                    </a:lnTo>
                    <a:lnTo>
                      <a:pt x="1960" y="2599"/>
                    </a:lnTo>
                    <a:lnTo>
                      <a:pt x="1970" y="2589"/>
                    </a:lnTo>
                    <a:lnTo>
                      <a:pt x="1978" y="2577"/>
                    </a:lnTo>
                    <a:lnTo>
                      <a:pt x="1981" y="2573"/>
                    </a:lnTo>
                    <a:lnTo>
                      <a:pt x="1983" y="2573"/>
                    </a:lnTo>
                    <a:lnTo>
                      <a:pt x="1985" y="2577"/>
                    </a:lnTo>
                    <a:lnTo>
                      <a:pt x="1986" y="2582"/>
                    </a:lnTo>
                    <a:lnTo>
                      <a:pt x="1991" y="2589"/>
                    </a:lnTo>
                    <a:lnTo>
                      <a:pt x="1994" y="2591"/>
                    </a:lnTo>
                    <a:lnTo>
                      <a:pt x="1999" y="2592"/>
                    </a:lnTo>
                    <a:lnTo>
                      <a:pt x="2005" y="2594"/>
                    </a:lnTo>
                    <a:lnTo>
                      <a:pt x="2013" y="2594"/>
                    </a:lnTo>
                    <a:lnTo>
                      <a:pt x="2017" y="2592"/>
                    </a:lnTo>
                    <a:lnTo>
                      <a:pt x="2018" y="2590"/>
                    </a:lnTo>
                    <a:lnTo>
                      <a:pt x="2018" y="2587"/>
                    </a:lnTo>
                    <a:lnTo>
                      <a:pt x="2018" y="2582"/>
                    </a:lnTo>
                    <a:lnTo>
                      <a:pt x="2012" y="2570"/>
                    </a:lnTo>
                    <a:lnTo>
                      <a:pt x="2003" y="2556"/>
                    </a:lnTo>
                    <a:lnTo>
                      <a:pt x="1983" y="2530"/>
                    </a:lnTo>
                    <a:lnTo>
                      <a:pt x="1974" y="2515"/>
                    </a:lnTo>
                    <a:lnTo>
                      <a:pt x="1978" y="2504"/>
                    </a:lnTo>
                    <a:lnTo>
                      <a:pt x="1982" y="2495"/>
                    </a:lnTo>
                    <a:lnTo>
                      <a:pt x="1986" y="2490"/>
                    </a:lnTo>
                    <a:lnTo>
                      <a:pt x="1991" y="2486"/>
                    </a:lnTo>
                    <a:lnTo>
                      <a:pt x="1996" y="2484"/>
                    </a:lnTo>
                    <a:lnTo>
                      <a:pt x="2001" y="2484"/>
                    </a:lnTo>
                    <a:lnTo>
                      <a:pt x="2007" y="2484"/>
                    </a:lnTo>
                    <a:lnTo>
                      <a:pt x="2012" y="2486"/>
                    </a:lnTo>
                    <a:lnTo>
                      <a:pt x="2022" y="2490"/>
                    </a:lnTo>
                    <a:lnTo>
                      <a:pt x="2033" y="2494"/>
                    </a:lnTo>
                    <a:lnTo>
                      <a:pt x="2036" y="2495"/>
                    </a:lnTo>
                    <a:lnTo>
                      <a:pt x="2040" y="2495"/>
                    </a:lnTo>
                    <a:lnTo>
                      <a:pt x="2044" y="2494"/>
                    </a:lnTo>
                    <a:lnTo>
                      <a:pt x="2048" y="2490"/>
                    </a:lnTo>
                    <a:lnTo>
                      <a:pt x="2051" y="2485"/>
                    </a:lnTo>
                    <a:lnTo>
                      <a:pt x="2052" y="2480"/>
                    </a:lnTo>
                    <a:lnTo>
                      <a:pt x="2052" y="2475"/>
                    </a:lnTo>
                    <a:lnTo>
                      <a:pt x="2051" y="2469"/>
                    </a:lnTo>
                    <a:lnTo>
                      <a:pt x="2046" y="2458"/>
                    </a:lnTo>
                    <a:lnTo>
                      <a:pt x="2040" y="2447"/>
                    </a:lnTo>
                    <a:lnTo>
                      <a:pt x="2035" y="2437"/>
                    </a:lnTo>
                    <a:lnTo>
                      <a:pt x="2031" y="2428"/>
                    </a:lnTo>
                    <a:lnTo>
                      <a:pt x="2031" y="2424"/>
                    </a:lnTo>
                    <a:lnTo>
                      <a:pt x="2033" y="2420"/>
                    </a:lnTo>
                    <a:lnTo>
                      <a:pt x="2036" y="2416"/>
                    </a:lnTo>
                    <a:lnTo>
                      <a:pt x="2040" y="2414"/>
                    </a:lnTo>
                    <a:lnTo>
                      <a:pt x="2058" y="2399"/>
                    </a:lnTo>
                    <a:lnTo>
                      <a:pt x="2071" y="2387"/>
                    </a:lnTo>
                    <a:lnTo>
                      <a:pt x="2075" y="2388"/>
                    </a:lnTo>
                    <a:lnTo>
                      <a:pt x="2079" y="2389"/>
                    </a:lnTo>
                    <a:lnTo>
                      <a:pt x="2083" y="2392"/>
                    </a:lnTo>
                    <a:lnTo>
                      <a:pt x="2088" y="2396"/>
                    </a:lnTo>
                    <a:lnTo>
                      <a:pt x="2097" y="2405"/>
                    </a:lnTo>
                    <a:lnTo>
                      <a:pt x="2106" y="2414"/>
                    </a:lnTo>
                    <a:lnTo>
                      <a:pt x="2114" y="2423"/>
                    </a:lnTo>
                    <a:lnTo>
                      <a:pt x="2122" y="2431"/>
                    </a:lnTo>
                    <a:lnTo>
                      <a:pt x="2126" y="2433"/>
                    </a:lnTo>
                    <a:lnTo>
                      <a:pt x="2128" y="2434"/>
                    </a:lnTo>
                    <a:lnTo>
                      <a:pt x="2131" y="2434"/>
                    </a:lnTo>
                    <a:lnTo>
                      <a:pt x="2134" y="2434"/>
                    </a:lnTo>
                    <a:lnTo>
                      <a:pt x="2135" y="2432"/>
                    </a:lnTo>
                    <a:lnTo>
                      <a:pt x="2136" y="2428"/>
                    </a:lnTo>
                    <a:lnTo>
                      <a:pt x="2137" y="2424"/>
                    </a:lnTo>
                    <a:lnTo>
                      <a:pt x="2137" y="2419"/>
                    </a:lnTo>
                    <a:lnTo>
                      <a:pt x="2136" y="2410"/>
                    </a:lnTo>
                    <a:lnTo>
                      <a:pt x="2135" y="2398"/>
                    </a:lnTo>
                    <a:lnTo>
                      <a:pt x="2132" y="2388"/>
                    </a:lnTo>
                    <a:lnTo>
                      <a:pt x="2130" y="2377"/>
                    </a:lnTo>
                    <a:lnTo>
                      <a:pt x="2130" y="2368"/>
                    </a:lnTo>
                    <a:lnTo>
                      <a:pt x="2130" y="2361"/>
                    </a:lnTo>
                    <a:lnTo>
                      <a:pt x="2135" y="2350"/>
                    </a:lnTo>
                    <a:lnTo>
                      <a:pt x="2144" y="2336"/>
                    </a:lnTo>
                    <a:lnTo>
                      <a:pt x="2153" y="2323"/>
                    </a:lnTo>
                    <a:lnTo>
                      <a:pt x="2157" y="2315"/>
                    </a:lnTo>
                    <a:lnTo>
                      <a:pt x="2156" y="2313"/>
                    </a:lnTo>
                    <a:lnTo>
                      <a:pt x="2154" y="2310"/>
                    </a:lnTo>
                    <a:lnTo>
                      <a:pt x="2150" y="2307"/>
                    </a:lnTo>
                    <a:lnTo>
                      <a:pt x="2147" y="2305"/>
                    </a:lnTo>
                    <a:lnTo>
                      <a:pt x="2136" y="2302"/>
                    </a:lnTo>
                    <a:lnTo>
                      <a:pt x="2123" y="2300"/>
                    </a:lnTo>
                    <a:lnTo>
                      <a:pt x="2112" y="2298"/>
                    </a:lnTo>
                    <a:lnTo>
                      <a:pt x="2100" y="2297"/>
                    </a:lnTo>
                    <a:lnTo>
                      <a:pt x="2091" y="2295"/>
                    </a:lnTo>
                    <a:lnTo>
                      <a:pt x="2086" y="2292"/>
                    </a:lnTo>
                    <a:lnTo>
                      <a:pt x="2086" y="2291"/>
                    </a:lnTo>
                    <a:lnTo>
                      <a:pt x="2087" y="2288"/>
                    </a:lnTo>
                    <a:lnTo>
                      <a:pt x="2088" y="2284"/>
                    </a:lnTo>
                    <a:lnTo>
                      <a:pt x="2091" y="2282"/>
                    </a:lnTo>
                    <a:lnTo>
                      <a:pt x="2095" y="2275"/>
                    </a:lnTo>
                    <a:lnTo>
                      <a:pt x="2100" y="2273"/>
                    </a:lnTo>
                    <a:lnTo>
                      <a:pt x="2108" y="2271"/>
                    </a:lnTo>
                    <a:lnTo>
                      <a:pt x="2115" y="2273"/>
                    </a:lnTo>
                    <a:lnTo>
                      <a:pt x="2125" y="2275"/>
                    </a:lnTo>
                    <a:lnTo>
                      <a:pt x="2131" y="2278"/>
                    </a:lnTo>
                    <a:lnTo>
                      <a:pt x="2137" y="2280"/>
                    </a:lnTo>
                    <a:lnTo>
                      <a:pt x="2143" y="2282"/>
                    </a:lnTo>
                    <a:lnTo>
                      <a:pt x="2148" y="2283"/>
                    </a:lnTo>
                    <a:lnTo>
                      <a:pt x="2153" y="2283"/>
                    </a:lnTo>
                    <a:lnTo>
                      <a:pt x="2163" y="2280"/>
                    </a:lnTo>
                    <a:lnTo>
                      <a:pt x="2172" y="2278"/>
                    </a:lnTo>
                    <a:lnTo>
                      <a:pt x="2180" y="2275"/>
                    </a:lnTo>
                    <a:lnTo>
                      <a:pt x="2189" y="2271"/>
                    </a:lnTo>
                    <a:lnTo>
                      <a:pt x="2197" y="2270"/>
                    </a:lnTo>
                    <a:lnTo>
                      <a:pt x="2205" y="2271"/>
                    </a:lnTo>
                    <a:lnTo>
                      <a:pt x="2217" y="2275"/>
                    </a:lnTo>
                    <a:lnTo>
                      <a:pt x="2228" y="2282"/>
                    </a:lnTo>
                    <a:lnTo>
                      <a:pt x="2235" y="2284"/>
                    </a:lnTo>
                    <a:lnTo>
                      <a:pt x="2241" y="2284"/>
                    </a:lnTo>
                    <a:lnTo>
                      <a:pt x="2248" y="2284"/>
                    </a:lnTo>
                    <a:lnTo>
                      <a:pt x="2253" y="2282"/>
                    </a:lnTo>
                    <a:lnTo>
                      <a:pt x="2262" y="2274"/>
                    </a:lnTo>
                    <a:lnTo>
                      <a:pt x="2267" y="2267"/>
                    </a:lnTo>
                    <a:lnTo>
                      <a:pt x="2271" y="2263"/>
                    </a:lnTo>
                    <a:lnTo>
                      <a:pt x="2275" y="2261"/>
                    </a:lnTo>
                    <a:lnTo>
                      <a:pt x="2280" y="2260"/>
                    </a:lnTo>
                    <a:lnTo>
                      <a:pt x="2288" y="2258"/>
                    </a:lnTo>
                    <a:lnTo>
                      <a:pt x="2297" y="2256"/>
                    </a:lnTo>
                    <a:lnTo>
                      <a:pt x="2310" y="2248"/>
                    </a:lnTo>
                    <a:lnTo>
                      <a:pt x="2321" y="2240"/>
                    </a:lnTo>
                    <a:lnTo>
                      <a:pt x="2328" y="2235"/>
                    </a:lnTo>
                    <a:lnTo>
                      <a:pt x="2305" y="2234"/>
                    </a:lnTo>
                    <a:lnTo>
                      <a:pt x="2280" y="2234"/>
                    </a:lnTo>
                    <a:lnTo>
                      <a:pt x="2254" y="2231"/>
                    </a:lnTo>
                    <a:lnTo>
                      <a:pt x="2232" y="2228"/>
                    </a:lnTo>
                    <a:lnTo>
                      <a:pt x="2215" y="2226"/>
                    </a:lnTo>
                    <a:lnTo>
                      <a:pt x="2204" y="2223"/>
                    </a:lnTo>
                    <a:lnTo>
                      <a:pt x="2200" y="2222"/>
                    </a:lnTo>
                    <a:lnTo>
                      <a:pt x="2197" y="2221"/>
                    </a:lnTo>
                    <a:lnTo>
                      <a:pt x="2194" y="2218"/>
                    </a:lnTo>
                    <a:lnTo>
                      <a:pt x="2193" y="2217"/>
                    </a:lnTo>
                    <a:lnTo>
                      <a:pt x="2194" y="2212"/>
                    </a:lnTo>
                    <a:lnTo>
                      <a:pt x="2198" y="2205"/>
                    </a:lnTo>
                    <a:lnTo>
                      <a:pt x="2205" y="2196"/>
                    </a:lnTo>
                    <a:lnTo>
                      <a:pt x="2214" y="2184"/>
                    </a:lnTo>
                    <a:lnTo>
                      <a:pt x="2217" y="2182"/>
                    </a:lnTo>
                    <a:lnTo>
                      <a:pt x="2217" y="2178"/>
                    </a:lnTo>
                    <a:lnTo>
                      <a:pt x="2217" y="2175"/>
                    </a:lnTo>
                    <a:lnTo>
                      <a:pt x="2215" y="2171"/>
                    </a:lnTo>
                    <a:lnTo>
                      <a:pt x="2211" y="2165"/>
                    </a:lnTo>
                    <a:lnTo>
                      <a:pt x="2206" y="2159"/>
                    </a:lnTo>
                    <a:lnTo>
                      <a:pt x="2194" y="2146"/>
                    </a:lnTo>
                    <a:lnTo>
                      <a:pt x="2184" y="2138"/>
                    </a:lnTo>
                    <a:lnTo>
                      <a:pt x="2180" y="2133"/>
                    </a:lnTo>
                    <a:lnTo>
                      <a:pt x="2178" y="2129"/>
                    </a:lnTo>
                    <a:lnTo>
                      <a:pt x="2176" y="2125"/>
                    </a:lnTo>
                    <a:lnTo>
                      <a:pt x="2178" y="2124"/>
                    </a:lnTo>
                    <a:lnTo>
                      <a:pt x="2180" y="2122"/>
                    </a:lnTo>
                    <a:lnTo>
                      <a:pt x="2185" y="2121"/>
                    </a:lnTo>
                    <a:lnTo>
                      <a:pt x="2189" y="2121"/>
                    </a:lnTo>
                    <a:lnTo>
                      <a:pt x="2196" y="2121"/>
                    </a:lnTo>
                    <a:lnTo>
                      <a:pt x="2223" y="2124"/>
                    </a:lnTo>
                    <a:lnTo>
                      <a:pt x="2244" y="2125"/>
                    </a:lnTo>
                    <a:lnTo>
                      <a:pt x="2251" y="2124"/>
                    </a:lnTo>
                    <a:lnTo>
                      <a:pt x="2257" y="2122"/>
                    </a:lnTo>
                    <a:lnTo>
                      <a:pt x="2259" y="2121"/>
                    </a:lnTo>
                    <a:lnTo>
                      <a:pt x="2261" y="2120"/>
                    </a:lnTo>
                    <a:lnTo>
                      <a:pt x="2258" y="2114"/>
                    </a:lnTo>
                    <a:lnTo>
                      <a:pt x="2255" y="2103"/>
                    </a:lnTo>
                    <a:lnTo>
                      <a:pt x="2255" y="2096"/>
                    </a:lnTo>
                    <a:lnTo>
                      <a:pt x="2254" y="2092"/>
                    </a:lnTo>
                    <a:lnTo>
                      <a:pt x="2251" y="2090"/>
                    </a:lnTo>
                    <a:lnTo>
                      <a:pt x="2248" y="2087"/>
                    </a:lnTo>
                    <a:lnTo>
                      <a:pt x="2239" y="2086"/>
                    </a:lnTo>
                    <a:lnTo>
                      <a:pt x="2226" y="2079"/>
                    </a:lnTo>
                    <a:lnTo>
                      <a:pt x="2223" y="2077"/>
                    </a:lnTo>
                    <a:lnTo>
                      <a:pt x="2220" y="2073"/>
                    </a:lnTo>
                    <a:lnTo>
                      <a:pt x="2220" y="2070"/>
                    </a:lnTo>
                    <a:lnTo>
                      <a:pt x="2220" y="2069"/>
                    </a:lnTo>
                    <a:lnTo>
                      <a:pt x="2224" y="2064"/>
                    </a:lnTo>
                    <a:lnTo>
                      <a:pt x="2232" y="2061"/>
                    </a:lnTo>
                    <a:lnTo>
                      <a:pt x="2249" y="2056"/>
                    </a:lnTo>
                    <a:lnTo>
                      <a:pt x="2262" y="2054"/>
                    </a:lnTo>
                    <a:lnTo>
                      <a:pt x="2267" y="2052"/>
                    </a:lnTo>
                    <a:lnTo>
                      <a:pt x="2271" y="2050"/>
                    </a:lnTo>
                    <a:lnTo>
                      <a:pt x="2274" y="2048"/>
                    </a:lnTo>
                    <a:lnTo>
                      <a:pt x="2275" y="2045"/>
                    </a:lnTo>
                    <a:lnTo>
                      <a:pt x="2275" y="2042"/>
                    </a:lnTo>
                    <a:lnTo>
                      <a:pt x="2274" y="2039"/>
                    </a:lnTo>
                    <a:lnTo>
                      <a:pt x="2272" y="2035"/>
                    </a:lnTo>
                    <a:lnTo>
                      <a:pt x="2270" y="2032"/>
                    </a:lnTo>
                    <a:lnTo>
                      <a:pt x="2257" y="2017"/>
                    </a:lnTo>
                    <a:lnTo>
                      <a:pt x="2244" y="2002"/>
                    </a:lnTo>
                    <a:lnTo>
                      <a:pt x="2264" y="2002"/>
                    </a:lnTo>
                    <a:lnTo>
                      <a:pt x="2286" y="2000"/>
                    </a:lnTo>
                    <a:lnTo>
                      <a:pt x="2309" y="1999"/>
                    </a:lnTo>
                    <a:lnTo>
                      <a:pt x="2329" y="1998"/>
                    </a:lnTo>
                    <a:lnTo>
                      <a:pt x="2329" y="1998"/>
                    </a:lnTo>
                    <a:lnTo>
                      <a:pt x="2331" y="1998"/>
                    </a:lnTo>
                    <a:lnTo>
                      <a:pt x="2331" y="1994"/>
                    </a:lnTo>
                    <a:lnTo>
                      <a:pt x="2328" y="1991"/>
                    </a:lnTo>
                    <a:lnTo>
                      <a:pt x="2325" y="1988"/>
                    </a:lnTo>
                    <a:lnTo>
                      <a:pt x="2320" y="1984"/>
                    </a:lnTo>
                    <a:lnTo>
                      <a:pt x="2310" y="1976"/>
                    </a:lnTo>
                    <a:lnTo>
                      <a:pt x="2297" y="1967"/>
                    </a:lnTo>
                    <a:lnTo>
                      <a:pt x="2285" y="1956"/>
                    </a:lnTo>
                    <a:lnTo>
                      <a:pt x="2276" y="1945"/>
                    </a:lnTo>
                    <a:lnTo>
                      <a:pt x="2272" y="1940"/>
                    </a:lnTo>
                    <a:lnTo>
                      <a:pt x="2270" y="1933"/>
                    </a:lnTo>
                    <a:lnTo>
                      <a:pt x="2270" y="1928"/>
                    </a:lnTo>
                    <a:lnTo>
                      <a:pt x="2270" y="1921"/>
                    </a:lnTo>
                    <a:lnTo>
                      <a:pt x="2272" y="1919"/>
                    </a:lnTo>
                    <a:lnTo>
                      <a:pt x="2276" y="1919"/>
                    </a:lnTo>
                    <a:lnTo>
                      <a:pt x="2284" y="1919"/>
                    </a:lnTo>
                    <a:lnTo>
                      <a:pt x="2290" y="1919"/>
                    </a:lnTo>
                    <a:lnTo>
                      <a:pt x="2306" y="1921"/>
                    </a:lnTo>
                    <a:lnTo>
                      <a:pt x="2315" y="1921"/>
                    </a:lnTo>
                    <a:lnTo>
                      <a:pt x="2325" y="1920"/>
                    </a:lnTo>
                    <a:lnTo>
                      <a:pt x="2333" y="1918"/>
                    </a:lnTo>
                    <a:lnTo>
                      <a:pt x="2341" y="1912"/>
                    </a:lnTo>
                    <a:lnTo>
                      <a:pt x="2349" y="1907"/>
                    </a:lnTo>
                    <a:lnTo>
                      <a:pt x="2356" y="1903"/>
                    </a:lnTo>
                    <a:lnTo>
                      <a:pt x="2364" y="1898"/>
                    </a:lnTo>
                    <a:lnTo>
                      <a:pt x="2373" y="1896"/>
                    </a:lnTo>
                    <a:lnTo>
                      <a:pt x="2384" y="1894"/>
                    </a:lnTo>
                    <a:lnTo>
                      <a:pt x="2399" y="1897"/>
                    </a:lnTo>
                    <a:lnTo>
                      <a:pt x="2419" y="1899"/>
                    </a:lnTo>
                    <a:lnTo>
                      <a:pt x="2429" y="1901"/>
                    </a:lnTo>
                    <a:lnTo>
                      <a:pt x="2438" y="1902"/>
                    </a:lnTo>
                    <a:lnTo>
                      <a:pt x="2446" y="1901"/>
                    </a:lnTo>
                    <a:lnTo>
                      <a:pt x="2454" y="1898"/>
                    </a:lnTo>
                    <a:lnTo>
                      <a:pt x="2456" y="1896"/>
                    </a:lnTo>
                    <a:lnTo>
                      <a:pt x="2457" y="1894"/>
                    </a:lnTo>
                    <a:lnTo>
                      <a:pt x="2457" y="1892"/>
                    </a:lnTo>
                    <a:lnTo>
                      <a:pt x="2456" y="1888"/>
                    </a:lnTo>
                    <a:lnTo>
                      <a:pt x="2454" y="1883"/>
                    </a:lnTo>
                    <a:lnTo>
                      <a:pt x="2450" y="1875"/>
                    </a:lnTo>
                    <a:lnTo>
                      <a:pt x="2446" y="1868"/>
                    </a:lnTo>
                    <a:lnTo>
                      <a:pt x="2443" y="1862"/>
                    </a:lnTo>
                    <a:lnTo>
                      <a:pt x="2443" y="1859"/>
                    </a:lnTo>
                    <a:lnTo>
                      <a:pt x="2445" y="1857"/>
                    </a:lnTo>
                    <a:lnTo>
                      <a:pt x="2447" y="1854"/>
                    </a:lnTo>
                    <a:lnTo>
                      <a:pt x="2451" y="1852"/>
                    </a:lnTo>
                    <a:lnTo>
                      <a:pt x="2463" y="1848"/>
                    </a:lnTo>
                    <a:lnTo>
                      <a:pt x="2480" y="1842"/>
                    </a:lnTo>
                    <a:lnTo>
                      <a:pt x="2496" y="1839"/>
                    </a:lnTo>
                    <a:lnTo>
                      <a:pt x="2508" y="1836"/>
                    </a:lnTo>
                    <a:lnTo>
                      <a:pt x="2525" y="1845"/>
                    </a:lnTo>
                    <a:lnTo>
                      <a:pt x="2539" y="1855"/>
                    </a:lnTo>
                    <a:lnTo>
                      <a:pt x="2543" y="1854"/>
                    </a:lnTo>
                    <a:lnTo>
                      <a:pt x="2547" y="1853"/>
                    </a:lnTo>
                    <a:lnTo>
                      <a:pt x="2549" y="1850"/>
                    </a:lnTo>
                    <a:lnTo>
                      <a:pt x="2553" y="1848"/>
                    </a:lnTo>
                    <a:lnTo>
                      <a:pt x="2560" y="1841"/>
                    </a:lnTo>
                    <a:lnTo>
                      <a:pt x="2568" y="1836"/>
                    </a:lnTo>
                    <a:lnTo>
                      <a:pt x="2571" y="1835"/>
                    </a:lnTo>
                    <a:lnTo>
                      <a:pt x="2577" y="1833"/>
                    </a:lnTo>
                    <a:lnTo>
                      <a:pt x="2581" y="1833"/>
                    </a:lnTo>
                    <a:lnTo>
                      <a:pt x="2586" y="1835"/>
                    </a:lnTo>
                    <a:lnTo>
                      <a:pt x="2595" y="1837"/>
                    </a:lnTo>
                    <a:lnTo>
                      <a:pt x="2605" y="1840"/>
                    </a:lnTo>
                    <a:lnTo>
                      <a:pt x="2613" y="1842"/>
                    </a:lnTo>
                    <a:lnTo>
                      <a:pt x="2622" y="1844"/>
                    </a:lnTo>
                    <a:lnTo>
                      <a:pt x="2626" y="1844"/>
                    </a:lnTo>
                    <a:lnTo>
                      <a:pt x="2630" y="1842"/>
                    </a:lnTo>
                    <a:lnTo>
                      <a:pt x="2634" y="1840"/>
                    </a:lnTo>
                    <a:lnTo>
                      <a:pt x="2638" y="1837"/>
                    </a:lnTo>
                    <a:lnTo>
                      <a:pt x="2644" y="1828"/>
                    </a:lnTo>
                    <a:lnTo>
                      <a:pt x="2648" y="1822"/>
                    </a:lnTo>
                    <a:lnTo>
                      <a:pt x="2648" y="1818"/>
                    </a:lnTo>
                    <a:lnTo>
                      <a:pt x="2647" y="1815"/>
                    </a:lnTo>
                    <a:lnTo>
                      <a:pt x="2645" y="1813"/>
                    </a:lnTo>
                    <a:lnTo>
                      <a:pt x="2644" y="1811"/>
                    </a:lnTo>
                    <a:lnTo>
                      <a:pt x="2632" y="1804"/>
                    </a:lnTo>
                    <a:lnTo>
                      <a:pt x="2619" y="1795"/>
                    </a:lnTo>
                    <a:lnTo>
                      <a:pt x="2612" y="1787"/>
                    </a:lnTo>
                    <a:lnTo>
                      <a:pt x="2606" y="1778"/>
                    </a:lnTo>
                    <a:lnTo>
                      <a:pt x="2601" y="1767"/>
                    </a:lnTo>
                    <a:lnTo>
                      <a:pt x="2596" y="1758"/>
                    </a:lnTo>
                    <a:lnTo>
                      <a:pt x="2594" y="1754"/>
                    </a:lnTo>
                    <a:lnTo>
                      <a:pt x="2591" y="1752"/>
                    </a:lnTo>
                    <a:lnTo>
                      <a:pt x="2587" y="1749"/>
                    </a:lnTo>
                    <a:lnTo>
                      <a:pt x="2583" y="1748"/>
                    </a:lnTo>
                    <a:lnTo>
                      <a:pt x="2578" y="1748"/>
                    </a:lnTo>
                    <a:lnTo>
                      <a:pt x="2573" y="1748"/>
                    </a:lnTo>
                    <a:lnTo>
                      <a:pt x="2566" y="1750"/>
                    </a:lnTo>
                    <a:lnTo>
                      <a:pt x="2559" y="1756"/>
                    </a:lnTo>
                    <a:lnTo>
                      <a:pt x="2538" y="1770"/>
                    </a:lnTo>
                    <a:lnTo>
                      <a:pt x="2516" y="1783"/>
                    </a:lnTo>
                    <a:lnTo>
                      <a:pt x="2505" y="1787"/>
                    </a:lnTo>
                    <a:lnTo>
                      <a:pt x="2494" y="1791"/>
                    </a:lnTo>
                    <a:lnTo>
                      <a:pt x="2481" y="1792"/>
                    </a:lnTo>
                    <a:lnTo>
                      <a:pt x="2467" y="1791"/>
                    </a:lnTo>
                    <a:lnTo>
                      <a:pt x="2457" y="1791"/>
                    </a:lnTo>
                    <a:lnTo>
                      <a:pt x="2451" y="1791"/>
                    </a:lnTo>
                    <a:lnTo>
                      <a:pt x="2446" y="1789"/>
                    </a:lnTo>
                    <a:lnTo>
                      <a:pt x="2441" y="1788"/>
                    </a:lnTo>
                    <a:lnTo>
                      <a:pt x="2438" y="1785"/>
                    </a:lnTo>
                    <a:lnTo>
                      <a:pt x="2437" y="1783"/>
                    </a:lnTo>
                    <a:lnTo>
                      <a:pt x="2437" y="1780"/>
                    </a:lnTo>
                    <a:lnTo>
                      <a:pt x="2437" y="1776"/>
                    </a:lnTo>
                    <a:lnTo>
                      <a:pt x="2439" y="1769"/>
                    </a:lnTo>
                    <a:lnTo>
                      <a:pt x="2445" y="1761"/>
                    </a:lnTo>
                    <a:lnTo>
                      <a:pt x="2451" y="1753"/>
                    </a:lnTo>
                    <a:lnTo>
                      <a:pt x="2457" y="1745"/>
                    </a:lnTo>
                    <a:lnTo>
                      <a:pt x="2460" y="1741"/>
                    </a:lnTo>
                    <a:lnTo>
                      <a:pt x="2463" y="1739"/>
                    </a:lnTo>
                    <a:lnTo>
                      <a:pt x="2467" y="1738"/>
                    </a:lnTo>
                    <a:lnTo>
                      <a:pt x="2469" y="1736"/>
                    </a:lnTo>
                    <a:lnTo>
                      <a:pt x="2477" y="1735"/>
                    </a:lnTo>
                    <a:lnTo>
                      <a:pt x="2485" y="1736"/>
                    </a:lnTo>
                    <a:lnTo>
                      <a:pt x="2499" y="1740"/>
                    </a:lnTo>
                    <a:lnTo>
                      <a:pt x="2514" y="1741"/>
                    </a:lnTo>
                    <a:lnTo>
                      <a:pt x="2521" y="1740"/>
                    </a:lnTo>
                    <a:lnTo>
                      <a:pt x="2529" y="1739"/>
                    </a:lnTo>
                    <a:lnTo>
                      <a:pt x="2535" y="1738"/>
                    </a:lnTo>
                    <a:lnTo>
                      <a:pt x="2540" y="1735"/>
                    </a:lnTo>
                    <a:lnTo>
                      <a:pt x="2544" y="1731"/>
                    </a:lnTo>
                    <a:lnTo>
                      <a:pt x="2547" y="1726"/>
                    </a:lnTo>
                    <a:lnTo>
                      <a:pt x="2547" y="1723"/>
                    </a:lnTo>
                    <a:lnTo>
                      <a:pt x="2547" y="1719"/>
                    </a:lnTo>
                    <a:lnTo>
                      <a:pt x="2546" y="1715"/>
                    </a:lnTo>
                    <a:lnTo>
                      <a:pt x="2543" y="1712"/>
                    </a:lnTo>
                    <a:lnTo>
                      <a:pt x="2540" y="1710"/>
                    </a:lnTo>
                    <a:lnTo>
                      <a:pt x="2537" y="1708"/>
                    </a:lnTo>
                    <a:lnTo>
                      <a:pt x="2531" y="1706"/>
                    </a:lnTo>
                    <a:lnTo>
                      <a:pt x="2525" y="1706"/>
                    </a:lnTo>
                    <a:lnTo>
                      <a:pt x="2512" y="1704"/>
                    </a:lnTo>
                    <a:lnTo>
                      <a:pt x="2503" y="1700"/>
                    </a:lnTo>
                    <a:lnTo>
                      <a:pt x="2495" y="1695"/>
                    </a:lnTo>
                    <a:lnTo>
                      <a:pt x="2490" y="1691"/>
                    </a:lnTo>
                    <a:lnTo>
                      <a:pt x="2489" y="1688"/>
                    </a:lnTo>
                    <a:lnTo>
                      <a:pt x="2491" y="1686"/>
                    </a:lnTo>
                    <a:lnTo>
                      <a:pt x="2498" y="1682"/>
                    </a:lnTo>
                    <a:lnTo>
                      <a:pt x="2507" y="1675"/>
                    </a:lnTo>
                    <a:lnTo>
                      <a:pt x="2513" y="1669"/>
                    </a:lnTo>
                    <a:lnTo>
                      <a:pt x="2521" y="1660"/>
                    </a:lnTo>
                    <a:lnTo>
                      <a:pt x="2526" y="1656"/>
                    </a:lnTo>
                    <a:lnTo>
                      <a:pt x="2530" y="1652"/>
                    </a:lnTo>
                    <a:lnTo>
                      <a:pt x="2534" y="1651"/>
                    </a:lnTo>
                    <a:lnTo>
                      <a:pt x="2538" y="1651"/>
                    </a:lnTo>
                    <a:lnTo>
                      <a:pt x="2542" y="1652"/>
                    </a:lnTo>
                    <a:lnTo>
                      <a:pt x="2546" y="1655"/>
                    </a:lnTo>
                    <a:lnTo>
                      <a:pt x="2548" y="1657"/>
                    </a:lnTo>
                    <a:lnTo>
                      <a:pt x="2551" y="1661"/>
                    </a:lnTo>
                    <a:lnTo>
                      <a:pt x="2556" y="1669"/>
                    </a:lnTo>
                    <a:lnTo>
                      <a:pt x="2560" y="1674"/>
                    </a:lnTo>
                    <a:lnTo>
                      <a:pt x="2568" y="1679"/>
                    </a:lnTo>
                    <a:lnTo>
                      <a:pt x="2575" y="1682"/>
                    </a:lnTo>
                    <a:lnTo>
                      <a:pt x="2583" y="1683"/>
                    </a:lnTo>
                    <a:lnTo>
                      <a:pt x="2591" y="1684"/>
                    </a:lnTo>
                    <a:lnTo>
                      <a:pt x="2599" y="1687"/>
                    </a:lnTo>
                    <a:lnTo>
                      <a:pt x="2605" y="1690"/>
                    </a:lnTo>
                    <a:lnTo>
                      <a:pt x="2613" y="1695"/>
                    </a:lnTo>
                    <a:lnTo>
                      <a:pt x="2619" y="1704"/>
                    </a:lnTo>
                    <a:lnTo>
                      <a:pt x="2622" y="1712"/>
                    </a:lnTo>
                    <a:lnTo>
                      <a:pt x="2625" y="1723"/>
                    </a:lnTo>
                    <a:lnTo>
                      <a:pt x="2625" y="1730"/>
                    </a:lnTo>
                    <a:lnTo>
                      <a:pt x="2626" y="1734"/>
                    </a:lnTo>
                    <a:lnTo>
                      <a:pt x="2628" y="1738"/>
                    </a:lnTo>
                    <a:lnTo>
                      <a:pt x="2632" y="1740"/>
                    </a:lnTo>
                    <a:lnTo>
                      <a:pt x="2641" y="1743"/>
                    </a:lnTo>
                    <a:lnTo>
                      <a:pt x="2651" y="1744"/>
                    </a:lnTo>
                    <a:lnTo>
                      <a:pt x="2654" y="1743"/>
                    </a:lnTo>
                    <a:lnTo>
                      <a:pt x="2658" y="1740"/>
                    </a:lnTo>
                    <a:lnTo>
                      <a:pt x="2662" y="1736"/>
                    </a:lnTo>
                    <a:lnTo>
                      <a:pt x="2666" y="1732"/>
                    </a:lnTo>
                    <a:lnTo>
                      <a:pt x="2667" y="1726"/>
                    </a:lnTo>
                    <a:lnTo>
                      <a:pt x="2667" y="1719"/>
                    </a:lnTo>
                    <a:lnTo>
                      <a:pt x="2666" y="1714"/>
                    </a:lnTo>
                    <a:lnTo>
                      <a:pt x="2663" y="1710"/>
                    </a:lnTo>
                    <a:lnTo>
                      <a:pt x="2661" y="1705"/>
                    </a:lnTo>
                    <a:lnTo>
                      <a:pt x="2658" y="1701"/>
                    </a:lnTo>
                    <a:lnTo>
                      <a:pt x="2657" y="1696"/>
                    </a:lnTo>
                    <a:lnTo>
                      <a:pt x="2660" y="1691"/>
                    </a:lnTo>
                    <a:lnTo>
                      <a:pt x="2666" y="1682"/>
                    </a:lnTo>
                    <a:lnTo>
                      <a:pt x="2673" y="1674"/>
                    </a:lnTo>
                    <a:lnTo>
                      <a:pt x="2676" y="1670"/>
                    </a:lnTo>
                    <a:lnTo>
                      <a:pt x="2679" y="1665"/>
                    </a:lnTo>
                    <a:lnTo>
                      <a:pt x="2680" y="1660"/>
                    </a:lnTo>
                    <a:lnTo>
                      <a:pt x="2682" y="1653"/>
                    </a:lnTo>
                    <a:lnTo>
                      <a:pt x="2667" y="1655"/>
                    </a:lnTo>
                    <a:lnTo>
                      <a:pt x="2647" y="1658"/>
                    </a:lnTo>
                    <a:lnTo>
                      <a:pt x="2635" y="1658"/>
                    </a:lnTo>
                    <a:lnTo>
                      <a:pt x="2626" y="1658"/>
                    </a:lnTo>
                    <a:lnTo>
                      <a:pt x="2622" y="1657"/>
                    </a:lnTo>
                    <a:lnTo>
                      <a:pt x="2619" y="1655"/>
                    </a:lnTo>
                    <a:lnTo>
                      <a:pt x="2618" y="1652"/>
                    </a:lnTo>
                    <a:lnTo>
                      <a:pt x="2618" y="1648"/>
                    </a:lnTo>
                    <a:lnTo>
                      <a:pt x="2619" y="1644"/>
                    </a:lnTo>
                    <a:lnTo>
                      <a:pt x="2622" y="1640"/>
                    </a:lnTo>
                    <a:lnTo>
                      <a:pt x="2627" y="1636"/>
                    </a:lnTo>
                    <a:lnTo>
                      <a:pt x="2631" y="1633"/>
                    </a:lnTo>
                    <a:lnTo>
                      <a:pt x="2635" y="1629"/>
                    </a:lnTo>
                    <a:lnTo>
                      <a:pt x="2636" y="1625"/>
                    </a:lnTo>
                    <a:lnTo>
                      <a:pt x="2636" y="1624"/>
                    </a:lnTo>
                    <a:lnTo>
                      <a:pt x="2636" y="1622"/>
                    </a:lnTo>
                    <a:lnTo>
                      <a:pt x="2634" y="1621"/>
                    </a:lnTo>
                    <a:lnTo>
                      <a:pt x="2632" y="1620"/>
                    </a:lnTo>
                    <a:lnTo>
                      <a:pt x="2622" y="1616"/>
                    </a:lnTo>
                    <a:lnTo>
                      <a:pt x="2614" y="1611"/>
                    </a:lnTo>
                    <a:lnTo>
                      <a:pt x="2612" y="1608"/>
                    </a:lnTo>
                    <a:lnTo>
                      <a:pt x="2609" y="1605"/>
                    </a:lnTo>
                    <a:lnTo>
                      <a:pt x="2608" y="1601"/>
                    </a:lnTo>
                    <a:lnTo>
                      <a:pt x="2608" y="1599"/>
                    </a:lnTo>
                    <a:lnTo>
                      <a:pt x="2608" y="1596"/>
                    </a:lnTo>
                    <a:lnTo>
                      <a:pt x="2609" y="1594"/>
                    </a:lnTo>
                    <a:lnTo>
                      <a:pt x="2610" y="1591"/>
                    </a:lnTo>
                    <a:lnTo>
                      <a:pt x="2613" y="1590"/>
                    </a:lnTo>
                    <a:lnTo>
                      <a:pt x="2617" y="1587"/>
                    </a:lnTo>
                    <a:lnTo>
                      <a:pt x="2622" y="1587"/>
                    </a:lnTo>
                    <a:lnTo>
                      <a:pt x="2628" y="1587"/>
                    </a:lnTo>
                    <a:lnTo>
                      <a:pt x="2635" y="1587"/>
                    </a:lnTo>
                    <a:lnTo>
                      <a:pt x="2644" y="1589"/>
                    </a:lnTo>
                    <a:lnTo>
                      <a:pt x="2654" y="1591"/>
                    </a:lnTo>
                    <a:lnTo>
                      <a:pt x="2660" y="1591"/>
                    </a:lnTo>
                    <a:lnTo>
                      <a:pt x="2663" y="1591"/>
                    </a:lnTo>
                    <a:lnTo>
                      <a:pt x="2667" y="1589"/>
                    </a:lnTo>
                    <a:lnTo>
                      <a:pt x="2671" y="1586"/>
                    </a:lnTo>
                    <a:lnTo>
                      <a:pt x="2673" y="1582"/>
                    </a:lnTo>
                    <a:lnTo>
                      <a:pt x="2671" y="1577"/>
                    </a:lnTo>
                    <a:lnTo>
                      <a:pt x="2669" y="1573"/>
                    </a:lnTo>
                    <a:lnTo>
                      <a:pt x="2666" y="1569"/>
                    </a:lnTo>
                    <a:lnTo>
                      <a:pt x="2657" y="1563"/>
                    </a:lnTo>
                    <a:lnTo>
                      <a:pt x="2651" y="1556"/>
                    </a:lnTo>
                    <a:lnTo>
                      <a:pt x="2645" y="1551"/>
                    </a:lnTo>
                    <a:lnTo>
                      <a:pt x="2640" y="1546"/>
                    </a:lnTo>
                    <a:lnTo>
                      <a:pt x="2635" y="1543"/>
                    </a:lnTo>
                    <a:lnTo>
                      <a:pt x="2631" y="1541"/>
                    </a:lnTo>
                    <a:lnTo>
                      <a:pt x="2626" y="1539"/>
                    </a:lnTo>
                    <a:lnTo>
                      <a:pt x="2622" y="1539"/>
                    </a:lnTo>
                    <a:lnTo>
                      <a:pt x="2617" y="1539"/>
                    </a:lnTo>
                    <a:lnTo>
                      <a:pt x="2613" y="1541"/>
                    </a:lnTo>
                    <a:lnTo>
                      <a:pt x="2594" y="1550"/>
                    </a:lnTo>
                    <a:lnTo>
                      <a:pt x="2574" y="1561"/>
                    </a:lnTo>
                    <a:lnTo>
                      <a:pt x="2560" y="1568"/>
                    </a:lnTo>
                    <a:lnTo>
                      <a:pt x="2549" y="1570"/>
                    </a:lnTo>
                    <a:lnTo>
                      <a:pt x="2546" y="1572"/>
                    </a:lnTo>
                    <a:lnTo>
                      <a:pt x="2543" y="1572"/>
                    </a:lnTo>
                    <a:lnTo>
                      <a:pt x="2540" y="1570"/>
                    </a:lnTo>
                    <a:lnTo>
                      <a:pt x="2539" y="1569"/>
                    </a:lnTo>
                    <a:lnTo>
                      <a:pt x="2538" y="1565"/>
                    </a:lnTo>
                    <a:lnTo>
                      <a:pt x="2540" y="1560"/>
                    </a:lnTo>
                    <a:lnTo>
                      <a:pt x="2544" y="1554"/>
                    </a:lnTo>
                    <a:lnTo>
                      <a:pt x="2549" y="1546"/>
                    </a:lnTo>
                    <a:lnTo>
                      <a:pt x="2564" y="1529"/>
                    </a:lnTo>
                    <a:lnTo>
                      <a:pt x="2581" y="1512"/>
                    </a:lnTo>
                    <a:lnTo>
                      <a:pt x="2588" y="1504"/>
                    </a:lnTo>
                    <a:lnTo>
                      <a:pt x="2596" y="1499"/>
                    </a:lnTo>
                    <a:lnTo>
                      <a:pt x="2604" y="1494"/>
                    </a:lnTo>
                    <a:lnTo>
                      <a:pt x="2609" y="1491"/>
                    </a:lnTo>
                    <a:lnTo>
                      <a:pt x="2617" y="1490"/>
                    </a:lnTo>
                    <a:lnTo>
                      <a:pt x="2625" y="1490"/>
                    </a:lnTo>
                    <a:lnTo>
                      <a:pt x="2632" y="1491"/>
                    </a:lnTo>
                    <a:lnTo>
                      <a:pt x="2640" y="1493"/>
                    </a:lnTo>
                    <a:lnTo>
                      <a:pt x="2657" y="1498"/>
                    </a:lnTo>
                    <a:lnTo>
                      <a:pt x="2673" y="1502"/>
                    </a:lnTo>
                    <a:lnTo>
                      <a:pt x="2680" y="1502"/>
                    </a:lnTo>
                    <a:lnTo>
                      <a:pt x="2687" y="1502"/>
                    </a:lnTo>
                    <a:lnTo>
                      <a:pt x="2692" y="1499"/>
                    </a:lnTo>
                    <a:lnTo>
                      <a:pt x="2697" y="1497"/>
                    </a:lnTo>
                    <a:lnTo>
                      <a:pt x="2702" y="1490"/>
                    </a:lnTo>
                    <a:lnTo>
                      <a:pt x="2705" y="1482"/>
                    </a:lnTo>
                    <a:lnTo>
                      <a:pt x="2708" y="1472"/>
                    </a:lnTo>
                    <a:lnTo>
                      <a:pt x="2708" y="1459"/>
                    </a:lnTo>
                    <a:lnTo>
                      <a:pt x="2696" y="1456"/>
                    </a:lnTo>
                    <a:lnTo>
                      <a:pt x="2683" y="1451"/>
                    </a:lnTo>
                    <a:lnTo>
                      <a:pt x="2676" y="1449"/>
                    </a:lnTo>
                    <a:lnTo>
                      <a:pt x="2671" y="1446"/>
                    </a:lnTo>
                    <a:lnTo>
                      <a:pt x="2667" y="1442"/>
                    </a:lnTo>
                    <a:lnTo>
                      <a:pt x="2665" y="1437"/>
                    </a:lnTo>
                    <a:lnTo>
                      <a:pt x="2663" y="1434"/>
                    </a:lnTo>
                    <a:lnTo>
                      <a:pt x="2662" y="1432"/>
                    </a:lnTo>
                    <a:lnTo>
                      <a:pt x="2661" y="1430"/>
                    </a:lnTo>
                    <a:lnTo>
                      <a:pt x="2660" y="1430"/>
                    </a:lnTo>
                    <a:lnTo>
                      <a:pt x="2654" y="1430"/>
                    </a:lnTo>
                    <a:lnTo>
                      <a:pt x="2651" y="1432"/>
                    </a:lnTo>
                    <a:lnTo>
                      <a:pt x="2640" y="1438"/>
                    </a:lnTo>
                    <a:lnTo>
                      <a:pt x="2631" y="1441"/>
                    </a:lnTo>
                    <a:lnTo>
                      <a:pt x="2628" y="1440"/>
                    </a:lnTo>
                    <a:lnTo>
                      <a:pt x="2627" y="1438"/>
                    </a:lnTo>
                    <a:lnTo>
                      <a:pt x="2626" y="1437"/>
                    </a:lnTo>
                    <a:lnTo>
                      <a:pt x="2625" y="1434"/>
                    </a:lnTo>
                    <a:lnTo>
                      <a:pt x="2626" y="1429"/>
                    </a:lnTo>
                    <a:lnTo>
                      <a:pt x="2628" y="1423"/>
                    </a:lnTo>
                    <a:lnTo>
                      <a:pt x="2632" y="1416"/>
                    </a:lnTo>
                    <a:lnTo>
                      <a:pt x="2638" y="1411"/>
                    </a:lnTo>
                    <a:lnTo>
                      <a:pt x="2641" y="1408"/>
                    </a:lnTo>
                    <a:lnTo>
                      <a:pt x="2645" y="1407"/>
                    </a:lnTo>
                    <a:lnTo>
                      <a:pt x="2649" y="1406"/>
                    </a:lnTo>
                    <a:lnTo>
                      <a:pt x="2653" y="1406"/>
                    </a:lnTo>
                    <a:lnTo>
                      <a:pt x="2660" y="1405"/>
                    </a:lnTo>
                    <a:lnTo>
                      <a:pt x="2666" y="1403"/>
                    </a:lnTo>
                    <a:lnTo>
                      <a:pt x="2674" y="1402"/>
                    </a:lnTo>
                    <a:lnTo>
                      <a:pt x="2680" y="1398"/>
                    </a:lnTo>
                    <a:lnTo>
                      <a:pt x="2695" y="1392"/>
                    </a:lnTo>
                    <a:lnTo>
                      <a:pt x="2709" y="1385"/>
                    </a:lnTo>
                    <a:lnTo>
                      <a:pt x="2720" y="1380"/>
                    </a:lnTo>
                    <a:lnTo>
                      <a:pt x="2731" y="1377"/>
                    </a:lnTo>
                    <a:lnTo>
                      <a:pt x="2736" y="1377"/>
                    </a:lnTo>
                    <a:lnTo>
                      <a:pt x="2739" y="1379"/>
                    </a:lnTo>
                    <a:lnTo>
                      <a:pt x="2742" y="1381"/>
                    </a:lnTo>
                    <a:lnTo>
                      <a:pt x="2744" y="1385"/>
                    </a:lnTo>
                    <a:lnTo>
                      <a:pt x="2746" y="1397"/>
                    </a:lnTo>
                    <a:lnTo>
                      <a:pt x="2748" y="1410"/>
                    </a:lnTo>
                    <a:lnTo>
                      <a:pt x="2748" y="1423"/>
                    </a:lnTo>
                    <a:lnTo>
                      <a:pt x="2748" y="1436"/>
                    </a:lnTo>
                    <a:lnTo>
                      <a:pt x="2749" y="1447"/>
                    </a:lnTo>
                    <a:lnTo>
                      <a:pt x="2750" y="1459"/>
                    </a:lnTo>
                    <a:lnTo>
                      <a:pt x="2753" y="1464"/>
                    </a:lnTo>
                    <a:lnTo>
                      <a:pt x="2754" y="1469"/>
                    </a:lnTo>
                    <a:lnTo>
                      <a:pt x="2757" y="1473"/>
                    </a:lnTo>
                    <a:lnTo>
                      <a:pt x="2761" y="1477"/>
                    </a:lnTo>
                    <a:lnTo>
                      <a:pt x="2771" y="1489"/>
                    </a:lnTo>
                    <a:lnTo>
                      <a:pt x="2788" y="1508"/>
                    </a:lnTo>
                    <a:lnTo>
                      <a:pt x="2796" y="1516"/>
                    </a:lnTo>
                    <a:lnTo>
                      <a:pt x="2802" y="1519"/>
                    </a:lnTo>
                    <a:lnTo>
                      <a:pt x="2805" y="1519"/>
                    </a:lnTo>
                    <a:lnTo>
                      <a:pt x="2806" y="1517"/>
                    </a:lnTo>
                    <a:lnTo>
                      <a:pt x="2807" y="1513"/>
                    </a:lnTo>
                    <a:lnTo>
                      <a:pt x="2806" y="1507"/>
                    </a:lnTo>
                    <a:lnTo>
                      <a:pt x="2803" y="1498"/>
                    </a:lnTo>
                    <a:lnTo>
                      <a:pt x="2799" y="1487"/>
                    </a:lnTo>
                    <a:lnTo>
                      <a:pt x="2798" y="1484"/>
                    </a:lnTo>
                    <a:lnTo>
                      <a:pt x="2798" y="1478"/>
                    </a:lnTo>
                    <a:lnTo>
                      <a:pt x="2799" y="1475"/>
                    </a:lnTo>
                    <a:lnTo>
                      <a:pt x="2803" y="1469"/>
                    </a:lnTo>
                    <a:lnTo>
                      <a:pt x="2809" y="1464"/>
                    </a:lnTo>
                    <a:lnTo>
                      <a:pt x="2812" y="1459"/>
                    </a:lnTo>
                    <a:lnTo>
                      <a:pt x="2815" y="1454"/>
                    </a:lnTo>
                    <a:lnTo>
                      <a:pt x="2815" y="1450"/>
                    </a:lnTo>
                    <a:lnTo>
                      <a:pt x="2815" y="1447"/>
                    </a:lnTo>
                    <a:lnTo>
                      <a:pt x="2814" y="1445"/>
                    </a:lnTo>
                    <a:lnTo>
                      <a:pt x="2811" y="1442"/>
                    </a:lnTo>
                    <a:lnTo>
                      <a:pt x="2809" y="1440"/>
                    </a:lnTo>
                    <a:lnTo>
                      <a:pt x="2803" y="1436"/>
                    </a:lnTo>
                    <a:lnTo>
                      <a:pt x="2798" y="1430"/>
                    </a:lnTo>
                    <a:lnTo>
                      <a:pt x="2796" y="1429"/>
                    </a:lnTo>
                    <a:lnTo>
                      <a:pt x="2794" y="1427"/>
                    </a:lnTo>
                    <a:lnTo>
                      <a:pt x="2794" y="1423"/>
                    </a:lnTo>
                    <a:lnTo>
                      <a:pt x="2794" y="1420"/>
                    </a:lnTo>
                    <a:lnTo>
                      <a:pt x="2802" y="1396"/>
                    </a:lnTo>
                    <a:lnTo>
                      <a:pt x="2810" y="1368"/>
                    </a:lnTo>
                    <a:lnTo>
                      <a:pt x="2815" y="1355"/>
                    </a:lnTo>
                    <a:lnTo>
                      <a:pt x="2822" y="1344"/>
                    </a:lnTo>
                    <a:lnTo>
                      <a:pt x="2825" y="1340"/>
                    </a:lnTo>
                    <a:lnTo>
                      <a:pt x="2831" y="1335"/>
                    </a:lnTo>
                    <a:lnTo>
                      <a:pt x="2836" y="1331"/>
                    </a:lnTo>
                    <a:lnTo>
                      <a:pt x="2841" y="1328"/>
                    </a:lnTo>
                    <a:lnTo>
                      <a:pt x="2849" y="1326"/>
                    </a:lnTo>
                    <a:lnTo>
                      <a:pt x="2855" y="1326"/>
                    </a:lnTo>
                    <a:lnTo>
                      <a:pt x="2862" y="1327"/>
                    </a:lnTo>
                    <a:lnTo>
                      <a:pt x="2867" y="1329"/>
                    </a:lnTo>
                    <a:lnTo>
                      <a:pt x="2876" y="1335"/>
                    </a:lnTo>
                    <a:lnTo>
                      <a:pt x="2888" y="1340"/>
                    </a:lnTo>
                    <a:lnTo>
                      <a:pt x="2895" y="1341"/>
                    </a:lnTo>
                    <a:lnTo>
                      <a:pt x="2903" y="1340"/>
                    </a:lnTo>
                    <a:lnTo>
                      <a:pt x="2912" y="1337"/>
                    </a:lnTo>
                    <a:lnTo>
                      <a:pt x="2920" y="1335"/>
                    </a:lnTo>
                    <a:lnTo>
                      <a:pt x="2926" y="1332"/>
                    </a:lnTo>
                    <a:lnTo>
                      <a:pt x="2934" y="1332"/>
                    </a:lnTo>
                    <a:lnTo>
                      <a:pt x="2937" y="1332"/>
                    </a:lnTo>
                    <a:lnTo>
                      <a:pt x="2939" y="1333"/>
                    </a:lnTo>
                    <a:lnTo>
                      <a:pt x="2943" y="1336"/>
                    </a:lnTo>
                    <a:lnTo>
                      <a:pt x="2945" y="1340"/>
                    </a:lnTo>
                    <a:lnTo>
                      <a:pt x="2954" y="1350"/>
                    </a:lnTo>
                    <a:lnTo>
                      <a:pt x="2967" y="1364"/>
                    </a:lnTo>
                    <a:lnTo>
                      <a:pt x="2971" y="1367"/>
                    </a:lnTo>
                    <a:lnTo>
                      <a:pt x="2974" y="1368"/>
                    </a:lnTo>
                    <a:lnTo>
                      <a:pt x="2978" y="1370"/>
                    </a:lnTo>
                    <a:lnTo>
                      <a:pt x="2981" y="1371"/>
                    </a:lnTo>
                    <a:lnTo>
                      <a:pt x="2983" y="1370"/>
                    </a:lnTo>
                    <a:lnTo>
                      <a:pt x="2986" y="1368"/>
                    </a:lnTo>
                    <a:lnTo>
                      <a:pt x="2989" y="1364"/>
                    </a:lnTo>
                    <a:lnTo>
                      <a:pt x="2990" y="1359"/>
                    </a:lnTo>
                    <a:lnTo>
                      <a:pt x="2991" y="1351"/>
                    </a:lnTo>
                    <a:lnTo>
                      <a:pt x="2990" y="1345"/>
                    </a:lnTo>
                    <a:lnTo>
                      <a:pt x="2989" y="1339"/>
                    </a:lnTo>
                    <a:lnTo>
                      <a:pt x="2986" y="1333"/>
                    </a:lnTo>
                    <a:lnTo>
                      <a:pt x="2982" y="1324"/>
                    </a:lnTo>
                    <a:lnTo>
                      <a:pt x="2982" y="1319"/>
                    </a:lnTo>
                    <a:lnTo>
                      <a:pt x="2994" y="1311"/>
                    </a:lnTo>
                    <a:lnTo>
                      <a:pt x="3004" y="1306"/>
                    </a:lnTo>
                    <a:lnTo>
                      <a:pt x="3008" y="1304"/>
                    </a:lnTo>
                    <a:lnTo>
                      <a:pt x="3012" y="1298"/>
                    </a:lnTo>
                    <a:lnTo>
                      <a:pt x="3012" y="1292"/>
                    </a:lnTo>
                    <a:lnTo>
                      <a:pt x="3012" y="1284"/>
                    </a:lnTo>
                    <a:lnTo>
                      <a:pt x="3011" y="1274"/>
                    </a:lnTo>
                    <a:lnTo>
                      <a:pt x="3012" y="1267"/>
                    </a:lnTo>
                    <a:lnTo>
                      <a:pt x="3015" y="1261"/>
                    </a:lnTo>
                    <a:lnTo>
                      <a:pt x="3018" y="1257"/>
                    </a:lnTo>
                    <a:lnTo>
                      <a:pt x="3022" y="1252"/>
                    </a:lnTo>
                    <a:lnTo>
                      <a:pt x="3026" y="1247"/>
                    </a:lnTo>
                    <a:lnTo>
                      <a:pt x="3029" y="1241"/>
                    </a:lnTo>
                    <a:lnTo>
                      <a:pt x="3030" y="1234"/>
                    </a:lnTo>
                    <a:lnTo>
                      <a:pt x="3025" y="1235"/>
                    </a:lnTo>
                    <a:lnTo>
                      <a:pt x="3018" y="1237"/>
                    </a:lnTo>
                    <a:lnTo>
                      <a:pt x="3013" y="1243"/>
                    </a:lnTo>
                    <a:lnTo>
                      <a:pt x="3005" y="1248"/>
                    </a:lnTo>
                    <a:lnTo>
                      <a:pt x="2999" y="1254"/>
                    </a:lnTo>
                    <a:lnTo>
                      <a:pt x="2991" y="1259"/>
                    </a:lnTo>
                    <a:lnTo>
                      <a:pt x="2983" y="1263"/>
                    </a:lnTo>
                    <a:lnTo>
                      <a:pt x="2974" y="1266"/>
                    </a:lnTo>
                    <a:lnTo>
                      <a:pt x="2959" y="1266"/>
                    </a:lnTo>
                    <a:lnTo>
                      <a:pt x="2945" y="1266"/>
                    </a:lnTo>
                    <a:lnTo>
                      <a:pt x="2932" y="1262"/>
                    </a:lnTo>
                    <a:lnTo>
                      <a:pt x="2919" y="1258"/>
                    </a:lnTo>
                    <a:lnTo>
                      <a:pt x="2904" y="1261"/>
                    </a:lnTo>
                    <a:lnTo>
                      <a:pt x="2875" y="1267"/>
                    </a:lnTo>
                    <a:lnTo>
                      <a:pt x="2842" y="1274"/>
                    </a:lnTo>
                    <a:lnTo>
                      <a:pt x="2823" y="1278"/>
                    </a:lnTo>
                    <a:lnTo>
                      <a:pt x="2819" y="1276"/>
                    </a:lnTo>
                    <a:lnTo>
                      <a:pt x="2816" y="1275"/>
                    </a:lnTo>
                    <a:lnTo>
                      <a:pt x="2815" y="1274"/>
                    </a:lnTo>
                    <a:lnTo>
                      <a:pt x="2815" y="1272"/>
                    </a:lnTo>
                    <a:lnTo>
                      <a:pt x="2816" y="1269"/>
                    </a:lnTo>
                    <a:lnTo>
                      <a:pt x="2822" y="1263"/>
                    </a:lnTo>
                    <a:lnTo>
                      <a:pt x="2838" y="1250"/>
                    </a:lnTo>
                    <a:lnTo>
                      <a:pt x="2863" y="1235"/>
                    </a:lnTo>
                    <a:lnTo>
                      <a:pt x="2889" y="1221"/>
                    </a:lnTo>
                    <a:lnTo>
                      <a:pt x="2916" y="1206"/>
                    </a:lnTo>
                    <a:lnTo>
                      <a:pt x="2938" y="1196"/>
                    </a:lnTo>
                    <a:lnTo>
                      <a:pt x="2951" y="1192"/>
                    </a:lnTo>
                    <a:lnTo>
                      <a:pt x="2972" y="1186"/>
                    </a:lnTo>
                    <a:lnTo>
                      <a:pt x="2995" y="1175"/>
                    </a:lnTo>
                    <a:lnTo>
                      <a:pt x="3007" y="1169"/>
                    </a:lnTo>
                    <a:lnTo>
                      <a:pt x="3017" y="1162"/>
                    </a:lnTo>
                    <a:lnTo>
                      <a:pt x="3026" y="1155"/>
                    </a:lnTo>
                    <a:lnTo>
                      <a:pt x="3033" y="1147"/>
                    </a:lnTo>
                    <a:lnTo>
                      <a:pt x="3035" y="1140"/>
                    </a:lnTo>
                    <a:lnTo>
                      <a:pt x="3038" y="1134"/>
                    </a:lnTo>
                    <a:lnTo>
                      <a:pt x="3038" y="1127"/>
                    </a:lnTo>
                    <a:lnTo>
                      <a:pt x="3038" y="1122"/>
                    </a:lnTo>
                    <a:lnTo>
                      <a:pt x="3037" y="1109"/>
                    </a:lnTo>
                    <a:lnTo>
                      <a:pt x="3031" y="1098"/>
                    </a:lnTo>
                    <a:lnTo>
                      <a:pt x="3026" y="1086"/>
                    </a:lnTo>
                    <a:lnTo>
                      <a:pt x="3022" y="1074"/>
                    </a:lnTo>
                    <a:lnTo>
                      <a:pt x="3021" y="1068"/>
                    </a:lnTo>
                    <a:lnTo>
                      <a:pt x="3020" y="1063"/>
                    </a:lnTo>
                    <a:lnTo>
                      <a:pt x="3020" y="1056"/>
                    </a:lnTo>
                    <a:lnTo>
                      <a:pt x="3021" y="1050"/>
                    </a:lnTo>
                    <a:lnTo>
                      <a:pt x="3022" y="1026"/>
                    </a:lnTo>
                    <a:lnTo>
                      <a:pt x="3024" y="1000"/>
                    </a:lnTo>
                    <a:lnTo>
                      <a:pt x="3024" y="994"/>
                    </a:lnTo>
                    <a:lnTo>
                      <a:pt x="3025" y="989"/>
                    </a:lnTo>
                    <a:lnTo>
                      <a:pt x="3028" y="984"/>
                    </a:lnTo>
                    <a:lnTo>
                      <a:pt x="3030" y="978"/>
                    </a:lnTo>
                    <a:lnTo>
                      <a:pt x="3033" y="975"/>
                    </a:lnTo>
                    <a:lnTo>
                      <a:pt x="3038" y="972"/>
                    </a:lnTo>
                    <a:lnTo>
                      <a:pt x="3043" y="969"/>
                    </a:lnTo>
                    <a:lnTo>
                      <a:pt x="3050" y="968"/>
                    </a:lnTo>
                    <a:lnTo>
                      <a:pt x="3070" y="968"/>
                    </a:lnTo>
                    <a:lnTo>
                      <a:pt x="3094" y="969"/>
                    </a:lnTo>
                    <a:lnTo>
                      <a:pt x="3105" y="971"/>
                    </a:lnTo>
                    <a:lnTo>
                      <a:pt x="3117" y="971"/>
                    </a:lnTo>
                    <a:lnTo>
                      <a:pt x="3126" y="971"/>
                    </a:lnTo>
                    <a:lnTo>
                      <a:pt x="3135" y="969"/>
                    </a:lnTo>
                    <a:lnTo>
                      <a:pt x="3140" y="967"/>
                    </a:lnTo>
                    <a:lnTo>
                      <a:pt x="3143" y="964"/>
                    </a:lnTo>
                    <a:lnTo>
                      <a:pt x="3144" y="960"/>
                    </a:lnTo>
                    <a:lnTo>
                      <a:pt x="3145" y="956"/>
                    </a:lnTo>
                    <a:lnTo>
                      <a:pt x="3143" y="947"/>
                    </a:lnTo>
                    <a:lnTo>
                      <a:pt x="3138" y="937"/>
                    </a:lnTo>
                    <a:lnTo>
                      <a:pt x="3123" y="916"/>
                    </a:lnTo>
                    <a:lnTo>
                      <a:pt x="3114" y="901"/>
                    </a:lnTo>
                    <a:lnTo>
                      <a:pt x="3116" y="895"/>
                    </a:lnTo>
                    <a:lnTo>
                      <a:pt x="3117" y="889"/>
                    </a:lnTo>
                    <a:lnTo>
                      <a:pt x="3119" y="881"/>
                    </a:lnTo>
                    <a:lnTo>
                      <a:pt x="3123" y="872"/>
                    </a:lnTo>
                    <a:lnTo>
                      <a:pt x="3127" y="863"/>
                    </a:lnTo>
                    <a:lnTo>
                      <a:pt x="3131" y="854"/>
                    </a:lnTo>
                    <a:lnTo>
                      <a:pt x="3134" y="845"/>
                    </a:lnTo>
                    <a:lnTo>
                      <a:pt x="3135" y="836"/>
                    </a:lnTo>
                    <a:lnTo>
                      <a:pt x="3135" y="826"/>
                    </a:lnTo>
                    <a:lnTo>
                      <a:pt x="3136" y="819"/>
                    </a:lnTo>
                    <a:lnTo>
                      <a:pt x="3138" y="816"/>
                    </a:lnTo>
                    <a:lnTo>
                      <a:pt x="3139" y="815"/>
                    </a:lnTo>
                    <a:lnTo>
                      <a:pt x="3142" y="815"/>
                    </a:lnTo>
                    <a:lnTo>
                      <a:pt x="3143" y="815"/>
                    </a:lnTo>
                    <a:lnTo>
                      <a:pt x="3147" y="816"/>
                    </a:lnTo>
                    <a:lnTo>
                      <a:pt x="3152" y="820"/>
                    </a:lnTo>
                    <a:lnTo>
                      <a:pt x="3157" y="827"/>
                    </a:lnTo>
                    <a:lnTo>
                      <a:pt x="3162" y="833"/>
                    </a:lnTo>
                    <a:lnTo>
                      <a:pt x="3174" y="849"/>
                    </a:lnTo>
                    <a:lnTo>
                      <a:pt x="3186" y="866"/>
                    </a:lnTo>
                    <a:lnTo>
                      <a:pt x="3196" y="880"/>
                    </a:lnTo>
                    <a:lnTo>
                      <a:pt x="3204" y="888"/>
                    </a:lnTo>
                    <a:lnTo>
                      <a:pt x="3210" y="888"/>
                    </a:lnTo>
                    <a:lnTo>
                      <a:pt x="3221" y="888"/>
                    </a:lnTo>
                    <a:lnTo>
                      <a:pt x="3235" y="886"/>
                    </a:lnTo>
                    <a:lnTo>
                      <a:pt x="3249" y="884"/>
                    </a:lnTo>
                    <a:lnTo>
                      <a:pt x="3261" y="881"/>
                    </a:lnTo>
                    <a:lnTo>
                      <a:pt x="3270" y="877"/>
                    </a:lnTo>
                    <a:lnTo>
                      <a:pt x="3272" y="875"/>
                    </a:lnTo>
                    <a:lnTo>
                      <a:pt x="3274" y="872"/>
                    </a:lnTo>
                    <a:lnTo>
                      <a:pt x="3272" y="870"/>
                    </a:lnTo>
                    <a:lnTo>
                      <a:pt x="3268" y="866"/>
                    </a:lnTo>
                    <a:lnTo>
                      <a:pt x="3250" y="854"/>
                    </a:lnTo>
                    <a:lnTo>
                      <a:pt x="3231" y="841"/>
                    </a:lnTo>
                    <a:lnTo>
                      <a:pt x="3223" y="833"/>
                    </a:lnTo>
                    <a:lnTo>
                      <a:pt x="3217" y="824"/>
                    </a:lnTo>
                    <a:lnTo>
                      <a:pt x="3214" y="820"/>
                    </a:lnTo>
                    <a:lnTo>
                      <a:pt x="3211" y="815"/>
                    </a:lnTo>
                    <a:lnTo>
                      <a:pt x="3210" y="809"/>
                    </a:lnTo>
                    <a:lnTo>
                      <a:pt x="3210" y="804"/>
                    </a:lnTo>
                    <a:lnTo>
                      <a:pt x="3210" y="794"/>
                    </a:lnTo>
                    <a:lnTo>
                      <a:pt x="3213" y="788"/>
                    </a:lnTo>
                    <a:lnTo>
                      <a:pt x="3215" y="784"/>
                    </a:lnTo>
                    <a:lnTo>
                      <a:pt x="3218" y="783"/>
                    </a:lnTo>
                    <a:lnTo>
                      <a:pt x="3222" y="783"/>
                    </a:lnTo>
                    <a:lnTo>
                      <a:pt x="3227" y="783"/>
                    </a:lnTo>
                    <a:lnTo>
                      <a:pt x="3232" y="785"/>
                    </a:lnTo>
                    <a:lnTo>
                      <a:pt x="3237" y="789"/>
                    </a:lnTo>
                    <a:lnTo>
                      <a:pt x="3258" y="807"/>
                    </a:lnTo>
                    <a:lnTo>
                      <a:pt x="3272" y="823"/>
                    </a:lnTo>
                    <a:lnTo>
                      <a:pt x="3284" y="841"/>
                    </a:lnTo>
                    <a:lnTo>
                      <a:pt x="3293" y="859"/>
                    </a:lnTo>
                    <a:lnTo>
                      <a:pt x="3305" y="868"/>
                    </a:lnTo>
                    <a:lnTo>
                      <a:pt x="3318" y="876"/>
                    </a:lnTo>
                    <a:lnTo>
                      <a:pt x="3323" y="880"/>
                    </a:lnTo>
                    <a:lnTo>
                      <a:pt x="3328" y="885"/>
                    </a:lnTo>
                    <a:lnTo>
                      <a:pt x="3331" y="893"/>
                    </a:lnTo>
                    <a:lnTo>
                      <a:pt x="3332" y="901"/>
                    </a:lnTo>
                    <a:lnTo>
                      <a:pt x="3332" y="916"/>
                    </a:lnTo>
                    <a:lnTo>
                      <a:pt x="3335" y="928"/>
                    </a:lnTo>
                    <a:lnTo>
                      <a:pt x="3340" y="940"/>
                    </a:lnTo>
                    <a:lnTo>
                      <a:pt x="3346" y="952"/>
                    </a:lnTo>
                    <a:lnTo>
                      <a:pt x="3350" y="956"/>
                    </a:lnTo>
                    <a:lnTo>
                      <a:pt x="3353" y="960"/>
                    </a:lnTo>
                    <a:lnTo>
                      <a:pt x="3357" y="964"/>
                    </a:lnTo>
                    <a:lnTo>
                      <a:pt x="3360" y="965"/>
                    </a:lnTo>
                    <a:lnTo>
                      <a:pt x="3364" y="967"/>
                    </a:lnTo>
                    <a:lnTo>
                      <a:pt x="3370" y="967"/>
                    </a:lnTo>
                    <a:lnTo>
                      <a:pt x="3375" y="967"/>
                    </a:lnTo>
                    <a:lnTo>
                      <a:pt x="3380" y="964"/>
                    </a:lnTo>
                    <a:lnTo>
                      <a:pt x="3381" y="963"/>
                    </a:lnTo>
                    <a:lnTo>
                      <a:pt x="3382" y="962"/>
                    </a:lnTo>
                    <a:lnTo>
                      <a:pt x="3381" y="959"/>
                    </a:lnTo>
                    <a:lnTo>
                      <a:pt x="3380" y="958"/>
                    </a:lnTo>
                    <a:lnTo>
                      <a:pt x="3376" y="952"/>
                    </a:lnTo>
                    <a:lnTo>
                      <a:pt x="3373" y="950"/>
                    </a:lnTo>
                    <a:lnTo>
                      <a:pt x="3368" y="938"/>
                    </a:lnTo>
                    <a:lnTo>
                      <a:pt x="3366" y="928"/>
                    </a:lnTo>
                    <a:lnTo>
                      <a:pt x="3364" y="918"/>
                    </a:lnTo>
                    <a:lnTo>
                      <a:pt x="3363" y="907"/>
                    </a:lnTo>
                    <a:lnTo>
                      <a:pt x="3362" y="897"/>
                    </a:lnTo>
                    <a:lnTo>
                      <a:pt x="3358" y="888"/>
                    </a:lnTo>
                    <a:lnTo>
                      <a:pt x="3354" y="883"/>
                    </a:lnTo>
                    <a:lnTo>
                      <a:pt x="3350" y="879"/>
                    </a:lnTo>
                    <a:lnTo>
                      <a:pt x="3345" y="873"/>
                    </a:lnTo>
                    <a:lnTo>
                      <a:pt x="3340" y="870"/>
                    </a:lnTo>
                    <a:lnTo>
                      <a:pt x="3332" y="864"/>
                    </a:lnTo>
                    <a:lnTo>
                      <a:pt x="3325" y="858"/>
                    </a:lnTo>
                    <a:lnTo>
                      <a:pt x="3320" y="853"/>
                    </a:lnTo>
                    <a:lnTo>
                      <a:pt x="3316" y="846"/>
                    </a:lnTo>
                    <a:lnTo>
                      <a:pt x="3314" y="838"/>
                    </a:lnTo>
                    <a:lnTo>
                      <a:pt x="3313" y="831"/>
                    </a:lnTo>
                    <a:lnTo>
                      <a:pt x="3311" y="822"/>
                    </a:lnTo>
                    <a:lnTo>
                      <a:pt x="3311" y="813"/>
                    </a:lnTo>
                    <a:lnTo>
                      <a:pt x="3311" y="801"/>
                    </a:lnTo>
                    <a:lnTo>
                      <a:pt x="3313" y="791"/>
                    </a:lnTo>
                    <a:lnTo>
                      <a:pt x="3313" y="787"/>
                    </a:lnTo>
                    <a:lnTo>
                      <a:pt x="3315" y="781"/>
                    </a:lnTo>
                    <a:lnTo>
                      <a:pt x="3318" y="778"/>
                    </a:lnTo>
                    <a:lnTo>
                      <a:pt x="3322" y="772"/>
                    </a:lnTo>
                    <a:lnTo>
                      <a:pt x="3325" y="765"/>
                    </a:lnTo>
                    <a:lnTo>
                      <a:pt x="3328" y="757"/>
                    </a:lnTo>
                    <a:lnTo>
                      <a:pt x="3329" y="748"/>
                    </a:lnTo>
                    <a:lnTo>
                      <a:pt x="3329" y="740"/>
                    </a:lnTo>
                    <a:lnTo>
                      <a:pt x="3329" y="732"/>
                    </a:lnTo>
                    <a:lnTo>
                      <a:pt x="3331" y="723"/>
                    </a:lnTo>
                    <a:lnTo>
                      <a:pt x="3335" y="715"/>
                    </a:lnTo>
                    <a:lnTo>
                      <a:pt x="3341" y="708"/>
                    </a:lnTo>
                    <a:lnTo>
                      <a:pt x="3351" y="697"/>
                    </a:lnTo>
                    <a:lnTo>
                      <a:pt x="3367" y="683"/>
                    </a:lnTo>
                    <a:lnTo>
                      <a:pt x="3375" y="677"/>
                    </a:lnTo>
                    <a:lnTo>
                      <a:pt x="3382" y="671"/>
                    </a:lnTo>
                    <a:lnTo>
                      <a:pt x="3389" y="666"/>
                    </a:lnTo>
                    <a:lnTo>
                      <a:pt x="3394" y="665"/>
                    </a:lnTo>
                    <a:lnTo>
                      <a:pt x="3393" y="688"/>
                    </a:lnTo>
                    <a:lnTo>
                      <a:pt x="3392" y="709"/>
                    </a:lnTo>
                    <a:lnTo>
                      <a:pt x="3388" y="731"/>
                    </a:lnTo>
                    <a:lnTo>
                      <a:pt x="3384" y="753"/>
                    </a:lnTo>
                    <a:lnTo>
                      <a:pt x="3381" y="774"/>
                    </a:lnTo>
                    <a:lnTo>
                      <a:pt x="3380" y="791"/>
                    </a:lnTo>
                    <a:lnTo>
                      <a:pt x="3381" y="796"/>
                    </a:lnTo>
                    <a:lnTo>
                      <a:pt x="3382" y="800"/>
                    </a:lnTo>
                    <a:lnTo>
                      <a:pt x="3385" y="804"/>
                    </a:lnTo>
                    <a:lnTo>
                      <a:pt x="3388" y="805"/>
                    </a:lnTo>
                    <a:lnTo>
                      <a:pt x="3390" y="805"/>
                    </a:lnTo>
                    <a:lnTo>
                      <a:pt x="3393" y="802"/>
                    </a:lnTo>
                    <a:lnTo>
                      <a:pt x="3397" y="800"/>
                    </a:lnTo>
                    <a:lnTo>
                      <a:pt x="3399" y="794"/>
                    </a:lnTo>
                    <a:lnTo>
                      <a:pt x="3407" y="780"/>
                    </a:lnTo>
                    <a:lnTo>
                      <a:pt x="3415" y="759"/>
                    </a:lnTo>
                    <a:lnTo>
                      <a:pt x="3417" y="752"/>
                    </a:lnTo>
                    <a:lnTo>
                      <a:pt x="3419" y="743"/>
                    </a:lnTo>
                    <a:lnTo>
                      <a:pt x="3419" y="734"/>
                    </a:lnTo>
                    <a:lnTo>
                      <a:pt x="3419" y="726"/>
                    </a:lnTo>
                    <a:lnTo>
                      <a:pt x="3417" y="709"/>
                    </a:lnTo>
                    <a:lnTo>
                      <a:pt x="3419" y="692"/>
                    </a:lnTo>
                    <a:lnTo>
                      <a:pt x="3420" y="680"/>
                    </a:lnTo>
                    <a:lnTo>
                      <a:pt x="3421" y="671"/>
                    </a:lnTo>
                    <a:lnTo>
                      <a:pt x="3423" y="666"/>
                    </a:lnTo>
                    <a:lnTo>
                      <a:pt x="3425" y="662"/>
                    </a:lnTo>
                    <a:lnTo>
                      <a:pt x="3434" y="657"/>
                    </a:lnTo>
                    <a:lnTo>
                      <a:pt x="3454" y="649"/>
                    </a:lnTo>
                    <a:lnTo>
                      <a:pt x="3474" y="640"/>
                    </a:lnTo>
                    <a:lnTo>
                      <a:pt x="3491" y="633"/>
                    </a:lnTo>
                    <a:lnTo>
                      <a:pt x="3495" y="633"/>
                    </a:lnTo>
                    <a:lnTo>
                      <a:pt x="3499" y="633"/>
                    </a:lnTo>
                    <a:lnTo>
                      <a:pt x="3502" y="634"/>
                    </a:lnTo>
                    <a:lnTo>
                      <a:pt x="3503" y="635"/>
                    </a:lnTo>
                    <a:lnTo>
                      <a:pt x="3506" y="639"/>
                    </a:lnTo>
                    <a:lnTo>
                      <a:pt x="3507" y="643"/>
                    </a:lnTo>
                    <a:lnTo>
                      <a:pt x="3507" y="649"/>
                    </a:lnTo>
                    <a:lnTo>
                      <a:pt x="3507" y="656"/>
                    </a:lnTo>
                    <a:lnTo>
                      <a:pt x="3506" y="690"/>
                    </a:lnTo>
                    <a:lnTo>
                      <a:pt x="3503" y="726"/>
                    </a:lnTo>
                    <a:lnTo>
                      <a:pt x="3499" y="743"/>
                    </a:lnTo>
                    <a:lnTo>
                      <a:pt x="3495" y="759"/>
                    </a:lnTo>
                    <a:lnTo>
                      <a:pt x="3491" y="767"/>
                    </a:lnTo>
                    <a:lnTo>
                      <a:pt x="3489" y="775"/>
                    </a:lnTo>
                    <a:lnTo>
                      <a:pt x="3484" y="783"/>
                    </a:lnTo>
                    <a:lnTo>
                      <a:pt x="3480" y="789"/>
                    </a:lnTo>
                    <a:lnTo>
                      <a:pt x="3474" y="797"/>
                    </a:lnTo>
                    <a:lnTo>
                      <a:pt x="3467" y="810"/>
                    </a:lnTo>
                    <a:lnTo>
                      <a:pt x="3464" y="816"/>
                    </a:lnTo>
                    <a:lnTo>
                      <a:pt x="3461" y="823"/>
                    </a:lnTo>
                    <a:lnTo>
                      <a:pt x="3461" y="826"/>
                    </a:lnTo>
                    <a:lnTo>
                      <a:pt x="3461" y="827"/>
                    </a:lnTo>
                    <a:lnTo>
                      <a:pt x="3461" y="829"/>
                    </a:lnTo>
                    <a:lnTo>
                      <a:pt x="3463" y="831"/>
                    </a:lnTo>
                    <a:lnTo>
                      <a:pt x="3465" y="831"/>
                    </a:lnTo>
                    <a:lnTo>
                      <a:pt x="3468" y="829"/>
                    </a:lnTo>
                    <a:lnTo>
                      <a:pt x="3469" y="828"/>
                    </a:lnTo>
                    <a:lnTo>
                      <a:pt x="3472" y="826"/>
                    </a:lnTo>
                    <a:lnTo>
                      <a:pt x="3478" y="819"/>
                    </a:lnTo>
                    <a:lnTo>
                      <a:pt x="3484" y="811"/>
                    </a:lnTo>
                    <a:lnTo>
                      <a:pt x="3493" y="794"/>
                    </a:lnTo>
                    <a:lnTo>
                      <a:pt x="3499" y="784"/>
                    </a:lnTo>
                    <a:lnTo>
                      <a:pt x="3508" y="771"/>
                    </a:lnTo>
                    <a:lnTo>
                      <a:pt x="3520" y="761"/>
                    </a:lnTo>
                    <a:lnTo>
                      <a:pt x="3530" y="749"/>
                    </a:lnTo>
                    <a:lnTo>
                      <a:pt x="3539" y="737"/>
                    </a:lnTo>
                    <a:lnTo>
                      <a:pt x="3542" y="732"/>
                    </a:lnTo>
                    <a:lnTo>
                      <a:pt x="3544" y="726"/>
                    </a:lnTo>
                    <a:lnTo>
                      <a:pt x="3546" y="721"/>
                    </a:lnTo>
                    <a:lnTo>
                      <a:pt x="3547" y="715"/>
                    </a:lnTo>
                    <a:lnTo>
                      <a:pt x="3547" y="704"/>
                    </a:lnTo>
                    <a:lnTo>
                      <a:pt x="3548" y="692"/>
                    </a:lnTo>
                    <a:lnTo>
                      <a:pt x="3550" y="680"/>
                    </a:lnTo>
                    <a:lnTo>
                      <a:pt x="3555" y="669"/>
                    </a:lnTo>
                    <a:lnTo>
                      <a:pt x="3559" y="662"/>
                    </a:lnTo>
                    <a:lnTo>
                      <a:pt x="3563" y="656"/>
                    </a:lnTo>
                    <a:lnTo>
                      <a:pt x="3569" y="651"/>
                    </a:lnTo>
                    <a:lnTo>
                      <a:pt x="3577" y="644"/>
                    </a:lnTo>
                    <a:lnTo>
                      <a:pt x="3585" y="636"/>
                    </a:lnTo>
                    <a:lnTo>
                      <a:pt x="3591" y="626"/>
                    </a:lnTo>
                    <a:lnTo>
                      <a:pt x="3596" y="614"/>
                    </a:lnTo>
                    <a:lnTo>
                      <a:pt x="3601" y="603"/>
                    </a:lnTo>
                    <a:lnTo>
                      <a:pt x="3605" y="592"/>
                    </a:lnTo>
                    <a:lnTo>
                      <a:pt x="3609" y="583"/>
                    </a:lnTo>
                    <a:lnTo>
                      <a:pt x="3612" y="576"/>
                    </a:lnTo>
                    <a:lnTo>
                      <a:pt x="3617" y="570"/>
                    </a:lnTo>
                    <a:lnTo>
                      <a:pt x="3626" y="566"/>
                    </a:lnTo>
                    <a:lnTo>
                      <a:pt x="3635" y="564"/>
                    </a:lnTo>
                    <a:lnTo>
                      <a:pt x="3644" y="564"/>
                    </a:lnTo>
                    <a:lnTo>
                      <a:pt x="3651" y="566"/>
                    </a:lnTo>
                    <a:lnTo>
                      <a:pt x="3658" y="570"/>
                    </a:lnTo>
                    <a:lnTo>
                      <a:pt x="3664" y="577"/>
                    </a:lnTo>
                    <a:lnTo>
                      <a:pt x="3669" y="583"/>
                    </a:lnTo>
                    <a:lnTo>
                      <a:pt x="3674" y="592"/>
                    </a:lnTo>
                    <a:lnTo>
                      <a:pt x="3690" y="629"/>
                    </a:lnTo>
                    <a:lnTo>
                      <a:pt x="3701" y="660"/>
                    </a:lnTo>
                    <a:lnTo>
                      <a:pt x="3705" y="666"/>
                    </a:lnTo>
                    <a:lnTo>
                      <a:pt x="3714" y="675"/>
                    </a:lnTo>
                    <a:lnTo>
                      <a:pt x="3724" y="684"/>
                    </a:lnTo>
                    <a:lnTo>
                      <a:pt x="3736" y="695"/>
                    </a:lnTo>
                    <a:lnTo>
                      <a:pt x="3748" y="702"/>
                    </a:lnTo>
                    <a:lnTo>
                      <a:pt x="3759" y="706"/>
                    </a:lnTo>
                    <a:lnTo>
                      <a:pt x="3765" y="706"/>
                    </a:lnTo>
                    <a:lnTo>
                      <a:pt x="3769" y="706"/>
                    </a:lnTo>
                    <a:lnTo>
                      <a:pt x="3772" y="704"/>
                    </a:lnTo>
                    <a:lnTo>
                      <a:pt x="3775" y="700"/>
                    </a:lnTo>
                    <a:lnTo>
                      <a:pt x="3774" y="696"/>
                    </a:lnTo>
                    <a:lnTo>
                      <a:pt x="3770" y="688"/>
                    </a:lnTo>
                    <a:lnTo>
                      <a:pt x="3763" y="678"/>
                    </a:lnTo>
                    <a:lnTo>
                      <a:pt x="3756" y="666"/>
                    </a:lnTo>
                    <a:lnTo>
                      <a:pt x="3740" y="644"/>
                    </a:lnTo>
                    <a:lnTo>
                      <a:pt x="3730" y="630"/>
                    </a:lnTo>
                    <a:lnTo>
                      <a:pt x="3727" y="625"/>
                    </a:lnTo>
                    <a:lnTo>
                      <a:pt x="3726" y="620"/>
                    </a:lnTo>
                    <a:lnTo>
                      <a:pt x="3726" y="612"/>
                    </a:lnTo>
                    <a:lnTo>
                      <a:pt x="3727" y="605"/>
                    </a:lnTo>
                    <a:lnTo>
                      <a:pt x="3730" y="591"/>
                    </a:lnTo>
                    <a:lnTo>
                      <a:pt x="3735" y="576"/>
                    </a:lnTo>
                    <a:lnTo>
                      <a:pt x="3736" y="568"/>
                    </a:lnTo>
                    <a:lnTo>
                      <a:pt x="3737" y="560"/>
                    </a:lnTo>
                    <a:lnTo>
                      <a:pt x="3737" y="552"/>
                    </a:lnTo>
                    <a:lnTo>
                      <a:pt x="3736" y="546"/>
                    </a:lnTo>
                    <a:lnTo>
                      <a:pt x="3735" y="539"/>
                    </a:lnTo>
                    <a:lnTo>
                      <a:pt x="3731" y="534"/>
                    </a:lnTo>
                    <a:lnTo>
                      <a:pt x="3724" y="528"/>
                    </a:lnTo>
                    <a:lnTo>
                      <a:pt x="3718" y="524"/>
                    </a:lnTo>
                    <a:lnTo>
                      <a:pt x="3704" y="517"/>
                    </a:lnTo>
                    <a:lnTo>
                      <a:pt x="3688" y="509"/>
                    </a:lnTo>
                    <a:lnTo>
                      <a:pt x="3674" y="502"/>
                    </a:lnTo>
                    <a:lnTo>
                      <a:pt x="3660" y="491"/>
                    </a:lnTo>
                    <a:lnTo>
                      <a:pt x="3653" y="486"/>
                    </a:lnTo>
                    <a:lnTo>
                      <a:pt x="3647" y="480"/>
                    </a:lnTo>
                    <a:lnTo>
                      <a:pt x="3642" y="474"/>
                    </a:lnTo>
                    <a:lnTo>
                      <a:pt x="3636" y="468"/>
                    </a:lnTo>
                    <a:lnTo>
                      <a:pt x="3633" y="460"/>
                    </a:lnTo>
                    <a:lnTo>
                      <a:pt x="3630" y="452"/>
                    </a:lnTo>
                    <a:lnTo>
                      <a:pt x="3627" y="445"/>
                    </a:lnTo>
                    <a:lnTo>
                      <a:pt x="3627" y="437"/>
                    </a:lnTo>
                    <a:lnTo>
                      <a:pt x="3629" y="436"/>
                    </a:lnTo>
                    <a:lnTo>
                      <a:pt x="3640" y="441"/>
                    </a:lnTo>
                    <a:lnTo>
                      <a:pt x="3649" y="445"/>
                    </a:lnTo>
                    <a:lnTo>
                      <a:pt x="3657" y="446"/>
                    </a:lnTo>
                    <a:lnTo>
                      <a:pt x="3662" y="446"/>
                    </a:lnTo>
                    <a:lnTo>
                      <a:pt x="3675" y="445"/>
                    </a:lnTo>
                    <a:lnTo>
                      <a:pt x="3695" y="439"/>
                    </a:lnTo>
                    <a:lnTo>
                      <a:pt x="3702" y="439"/>
                    </a:lnTo>
                    <a:lnTo>
                      <a:pt x="3708" y="441"/>
                    </a:lnTo>
                    <a:lnTo>
                      <a:pt x="3713" y="443"/>
                    </a:lnTo>
                    <a:lnTo>
                      <a:pt x="3717" y="447"/>
                    </a:lnTo>
                    <a:lnTo>
                      <a:pt x="3721" y="450"/>
                    </a:lnTo>
                    <a:lnTo>
                      <a:pt x="3724" y="452"/>
                    </a:lnTo>
                    <a:lnTo>
                      <a:pt x="3728" y="455"/>
                    </a:lnTo>
                    <a:lnTo>
                      <a:pt x="3734" y="455"/>
                    </a:lnTo>
                    <a:lnTo>
                      <a:pt x="3743" y="454"/>
                    </a:lnTo>
                    <a:lnTo>
                      <a:pt x="3753" y="450"/>
                    </a:lnTo>
                    <a:lnTo>
                      <a:pt x="3758" y="449"/>
                    </a:lnTo>
                    <a:lnTo>
                      <a:pt x="3763" y="449"/>
                    </a:lnTo>
                    <a:lnTo>
                      <a:pt x="3767" y="450"/>
                    </a:lnTo>
                    <a:lnTo>
                      <a:pt x="3770" y="452"/>
                    </a:lnTo>
                    <a:lnTo>
                      <a:pt x="3775" y="468"/>
                    </a:lnTo>
                    <a:lnTo>
                      <a:pt x="3781" y="489"/>
                    </a:lnTo>
                    <a:lnTo>
                      <a:pt x="3783" y="493"/>
                    </a:lnTo>
                    <a:lnTo>
                      <a:pt x="3785" y="495"/>
                    </a:lnTo>
                    <a:lnTo>
                      <a:pt x="3788" y="498"/>
                    </a:lnTo>
                    <a:lnTo>
                      <a:pt x="3791" y="498"/>
                    </a:lnTo>
                    <a:lnTo>
                      <a:pt x="3793" y="496"/>
                    </a:lnTo>
                    <a:lnTo>
                      <a:pt x="3797" y="494"/>
                    </a:lnTo>
                    <a:lnTo>
                      <a:pt x="3801" y="489"/>
                    </a:lnTo>
                    <a:lnTo>
                      <a:pt x="3805" y="481"/>
                    </a:lnTo>
                    <a:lnTo>
                      <a:pt x="3809" y="474"/>
                    </a:lnTo>
                    <a:lnTo>
                      <a:pt x="3814" y="471"/>
                    </a:lnTo>
                    <a:lnTo>
                      <a:pt x="3820" y="467"/>
                    </a:lnTo>
                    <a:lnTo>
                      <a:pt x="3827" y="464"/>
                    </a:lnTo>
                    <a:lnTo>
                      <a:pt x="3833" y="464"/>
                    </a:lnTo>
                    <a:lnTo>
                      <a:pt x="3841" y="463"/>
                    </a:lnTo>
                    <a:lnTo>
                      <a:pt x="3849" y="464"/>
                    </a:lnTo>
                    <a:lnTo>
                      <a:pt x="3855" y="465"/>
                    </a:lnTo>
                    <a:lnTo>
                      <a:pt x="3868" y="469"/>
                    </a:lnTo>
                    <a:lnTo>
                      <a:pt x="3877" y="474"/>
                    </a:lnTo>
                    <a:lnTo>
                      <a:pt x="3880" y="477"/>
                    </a:lnTo>
                    <a:lnTo>
                      <a:pt x="3881" y="480"/>
                    </a:lnTo>
                    <a:lnTo>
                      <a:pt x="3881" y="482"/>
                    </a:lnTo>
                    <a:lnTo>
                      <a:pt x="3877" y="484"/>
                    </a:lnTo>
                    <a:lnTo>
                      <a:pt x="3863" y="493"/>
                    </a:lnTo>
                    <a:lnTo>
                      <a:pt x="3841" y="508"/>
                    </a:lnTo>
                    <a:lnTo>
                      <a:pt x="3832" y="516"/>
                    </a:lnTo>
                    <a:lnTo>
                      <a:pt x="3826" y="524"/>
                    </a:lnTo>
                    <a:lnTo>
                      <a:pt x="3824" y="526"/>
                    </a:lnTo>
                    <a:lnTo>
                      <a:pt x="3824" y="529"/>
                    </a:lnTo>
                    <a:lnTo>
                      <a:pt x="3824" y="530"/>
                    </a:lnTo>
                    <a:lnTo>
                      <a:pt x="3827" y="531"/>
                    </a:lnTo>
                    <a:lnTo>
                      <a:pt x="3842" y="530"/>
                    </a:lnTo>
                    <a:lnTo>
                      <a:pt x="3863" y="526"/>
                    </a:lnTo>
                    <a:lnTo>
                      <a:pt x="3873" y="524"/>
                    </a:lnTo>
                    <a:lnTo>
                      <a:pt x="3883" y="524"/>
                    </a:lnTo>
                    <a:lnTo>
                      <a:pt x="3886" y="524"/>
                    </a:lnTo>
                    <a:lnTo>
                      <a:pt x="3889" y="524"/>
                    </a:lnTo>
                    <a:lnTo>
                      <a:pt x="3892" y="525"/>
                    </a:lnTo>
                    <a:lnTo>
                      <a:pt x="3893" y="528"/>
                    </a:lnTo>
                    <a:lnTo>
                      <a:pt x="3895" y="530"/>
                    </a:lnTo>
                    <a:lnTo>
                      <a:pt x="3898" y="534"/>
                    </a:lnTo>
                    <a:lnTo>
                      <a:pt x="3898" y="539"/>
                    </a:lnTo>
                    <a:lnTo>
                      <a:pt x="3898" y="544"/>
                    </a:lnTo>
                    <a:lnTo>
                      <a:pt x="3895" y="560"/>
                    </a:lnTo>
                    <a:lnTo>
                      <a:pt x="3892" y="577"/>
                    </a:lnTo>
                    <a:lnTo>
                      <a:pt x="3888" y="592"/>
                    </a:lnTo>
                    <a:lnTo>
                      <a:pt x="3888" y="604"/>
                    </a:lnTo>
                    <a:lnTo>
                      <a:pt x="3888" y="609"/>
                    </a:lnTo>
                    <a:lnTo>
                      <a:pt x="3890" y="612"/>
                    </a:lnTo>
                    <a:lnTo>
                      <a:pt x="3894" y="613"/>
                    </a:lnTo>
                    <a:lnTo>
                      <a:pt x="3899" y="612"/>
                    </a:lnTo>
                    <a:lnTo>
                      <a:pt x="3916" y="598"/>
                    </a:lnTo>
                    <a:lnTo>
                      <a:pt x="3934" y="585"/>
                    </a:lnTo>
                    <a:lnTo>
                      <a:pt x="3952" y="583"/>
                    </a:lnTo>
                    <a:lnTo>
                      <a:pt x="3973" y="583"/>
                    </a:lnTo>
                    <a:lnTo>
                      <a:pt x="3984" y="582"/>
                    </a:lnTo>
                    <a:lnTo>
                      <a:pt x="3991" y="579"/>
                    </a:lnTo>
                    <a:lnTo>
                      <a:pt x="3995" y="577"/>
                    </a:lnTo>
                    <a:lnTo>
                      <a:pt x="3998" y="573"/>
                    </a:lnTo>
                    <a:lnTo>
                      <a:pt x="3999" y="569"/>
                    </a:lnTo>
                    <a:lnTo>
                      <a:pt x="4000" y="564"/>
                    </a:lnTo>
                    <a:lnTo>
                      <a:pt x="4000" y="560"/>
                    </a:lnTo>
                    <a:lnTo>
                      <a:pt x="3999" y="557"/>
                    </a:lnTo>
                    <a:lnTo>
                      <a:pt x="3998" y="555"/>
                    </a:lnTo>
                    <a:lnTo>
                      <a:pt x="3997" y="552"/>
                    </a:lnTo>
                    <a:lnTo>
                      <a:pt x="3990" y="548"/>
                    </a:lnTo>
                    <a:lnTo>
                      <a:pt x="3984" y="543"/>
                    </a:lnTo>
                    <a:lnTo>
                      <a:pt x="3968" y="537"/>
                    </a:lnTo>
                    <a:lnTo>
                      <a:pt x="3956" y="529"/>
                    </a:lnTo>
                    <a:lnTo>
                      <a:pt x="3949" y="522"/>
                    </a:lnTo>
                    <a:lnTo>
                      <a:pt x="3943" y="516"/>
                    </a:lnTo>
                    <a:lnTo>
                      <a:pt x="3941" y="511"/>
                    </a:lnTo>
                    <a:lnTo>
                      <a:pt x="3941" y="507"/>
                    </a:lnTo>
                    <a:lnTo>
                      <a:pt x="3942" y="503"/>
                    </a:lnTo>
                    <a:lnTo>
                      <a:pt x="3946" y="499"/>
                    </a:lnTo>
                    <a:lnTo>
                      <a:pt x="3951" y="496"/>
                    </a:lnTo>
                    <a:lnTo>
                      <a:pt x="3956" y="493"/>
                    </a:lnTo>
                    <a:lnTo>
                      <a:pt x="3967" y="489"/>
                    </a:lnTo>
                    <a:lnTo>
                      <a:pt x="3976" y="484"/>
                    </a:lnTo>
                    <a:lnTo>
                      <a:pt x="3978" y="482"/>
                    </a:lnTo>
                    <a:lnTo>
                      <a:pt x="3978" y="480"/>
                    </a:lnTo>
                    <a:lnTo>
                      <a:pt x="3977" y="476"/>
                    </a:lnTo>
                    <a:lnTo>
                      <a:pt x="3973" y="473"/>
                    </a:lnTo>
                    <a:lnTo>
                      <a:pt x="3967" y="469"/>
                    </a:lnTo>
                    <a:lnTo>
                      <a:pt x="3962" y="464"/>
                    </a:lnTo>
                    <a:lnTo>
                      <a:pt x="3958" y="459"/>
                    </a:lnTo>
                    <a:lnTo>
                      <a:pt x="3954" y="454"/>
                    </a:lnTo>
                    <a:lnTo>
                      <a:pt x="3952" y="449"/>
                    </a:lnTo>
                    <a:lnTo>
                      <a:pt x="3951" y="442"/>
                    </a:lnTo>
                    <a:lnTo>
                      <a:pt x="3950" y="437"/>
                    </a:lnTo>
                    <a:lnTo>
                      <a:pt x="3950" y="430"/>
                    </a:lnTo>
                    <a:lnTo>
                      <a:pt x="3952" y="419"/>
                    </a:lnTo>
                    <a:lnTo>
                      <a:pt x="3958" y="406"/>
                    </a:lnTo>
                    <a:lnTo>
                      <a:pt x="3965" y="394"/>
                    </a:lnTo>
                    <a:lnTo>
                      <a:pt x="3976" y="383"/>
                    </a:lnTo>
                    <a:lnTo>
                      <a:pt x="3985" y="373"/>
                    </a:lnTo>
                    <a:lnTo>
                      <a:pt x="3994" y="363"/>
                    </a:lnTo>
                    <a:lnTo>
                      <a:pt x="3999" y="358"/>
                    </a:lnTo>
                    <a:lnTo>
                      <a:pt x="4004" y="355"/>
                    </a:lnTo>
                    <a:lnTo>
                      <a:pt x="4009" y="353"/>
                    </a:lnTo>
                    <a:lnTo>
                      <a:pt x="4017" y="353"/>
                    </a:lnTo>
                    <a:lnTo>
                      <a:pt x="4038" y="354"/>
                    </a:lnTo>
                    <a:lnTo>
                      <a:pt x="4069" y="353"/>
                    </a:lnTo>
                    <a:lnTo>
                      <a:pt x="4083" y="351"/>
                    </a:lnTo>
                    <a:lnTo>
                      <a:pt x="4098" y="348"/>
                    </a:lnTo>
                    <a:lnTo>
                      <a:pt x="4103" y="346"/>
                    </a:lnTo>
                    <a:lnTo>
                      <a:pt x="4108" y="344"/>
                    </a:lnTo>
                    <a:lnTo>
                      <a:pt x="4112" y="341"/>
                    </a:lnTo>
                    <a:lnTo>
                      <a:pt x="4114" y="338"/>
                    </a:lnTo>
                    <a:lnTo>
                      <a:pt x="4109" y="332"/>
                    </a:lnTo>
                    <a:lnTo>
                      <a:pt x="4099" y="318"/>
                    </a:lnTo>
                    <a:lnTo>
                      <a:pt x="4089" y="301"/>
                    </a:lnTo>
                    <a:lnTo>
                      <a:pt x="4079" y="285"/>
                    </a:lnTo>
                    <a:lnTo>
                      <a:pt x="4074" y="274"/>
                    </a:lnTo>
                    <a:lnTo>
                      <a:pt x="4069" y="254"/>
                    </a:lnTo>
                    <a:lnTo>
                      <a:pt x="4069" y="250"/>
                    </a:lnTo>
                    <a:lnTo>
                      <a:pt x="4069" y="246"/>
                    </a:lnTo>
                    <a:lnTo>
                      <a:pt x="4069" y="243"/>
                    </a:lnTo>
                    <a:lnTo>
                      <a:pt x="4070" y="240"/>
                    </a:lnTo>
                    <a:lnTo>
                      <a:pt x="4073" y="239"/>
                    </a:lnTo>
                    <a:lnTo>
                      <a:pt x="4077" y="237"/>
                    </a:lnTo>
                    <a:lnTo>
                      <a:pt x="4082" y="239"/>
                    </a:lnTo>
                    <a:lnTo>
                      <a:pt x="4089" y="240"/>
                    </a:lnTo>
                    <a:lnTo>
                      <a:pt x="4103" y="246"/>
                    </a:lnTo>
                    <a:lnTo>
                      <a:pt x="4116" y="252"/>
                    </a:lnTo>
                    <a:lnTo>
                      <a:pt x="4126" y="256"/>
                    </a:lnTo>
                    <a:lnTo>
                      <a:pt x="4135" y="257"/>
                    </a:lnTo>
                    <a:lnTo>
                      <a:pt x="4139" y="256"/>
                    </a:lnTo>
                    <a:lnTo>
                      <a:pt x="4140" y="254"/>
                    </a:lnTo>
                    <a:lnTo>
                      <a:pt x="4143" y="250"/>
                    </a:lnTo>
                    <a:lnTo>
                      <a:pt x="4143" y="246"/>
                    </a:lnTo>
                    <a:lnTo>
                      <a:pt x="4142" y="241"/>
                    </a:lnTo>
                    <a:lnTo>
                      <a:pt x="4140" y="234"/>
                    </a:lnTo>
                    <a:lnTo>
                      <a:pt x="4138" y="224"/>
                    </a:lnTo>
                    <a:lnTo>
                      <a:pt x="4134" y="214"/>
                    </a:lnTo>
                    <a:lnTo>
                      <a:pt x="4130" y="208"/>
                    </a:lnTo>
                    <a:lnTo>
                      <a:pt x="4123" y="202"/>
                    </a:lnTo>
                    <a:lnTo>
                      <a:pt x="4117" y="200"/>
                    </a:lnTo>
                    <a:lnTo>
                      <a:pt x="4109" y="197"/>
                    </a:lnTo>
                    <a:lnTo>
                      <a:pt x="4101" y="195"/>
                    </a:lnTo>
                    <a:lnTo>
                      <a:pt x="4094" y="192"/>
                    </a:lnTo>
                    <a:lnTo>
                      <a:pt x="4086" y="187"/>
                    </a:lnTo>
                    <a:lnTo>
                      <a:pt x="4079" y="180"/>
                    </a:lnTo>
                    <a:lnTo>
                      <a:pt x="4074" y="173"/>
                    </a:lnTo>
                    <a:lnTo>
                      <a:pt x="4072" y="165"/>
                    </a:lnTo>
                    <a:lnTo>
                      <a:pt x="4072" y="157"/>
                    </a:lnTo>
                    <a:lnTo>
                      <a:pt x="4073" y="151"/>
                    </a:lnTo>
                    <a:lnTo>
                      <a:pt x="4076" y="144"/>
                    </a:lnTo>
                    <a:lnTo>
                      <a:pt x="4081" y="139"/>
                    </a:lnTo>
                    <a:lnTo>
                      <a:pt x="4086" y="135"/>
                    </a:lnTo>
                    <a:lnTo>
                      <a:pt x="4094" y="131"/>
                    </a:lnTo>
                    <a:lnTo>
                      <a:pt x="4101" y="129"/>
                    </a:lnTo>
                    <a:lnTo>
                      <a:pt x="4109" y="127"/>
                    </a:lnTo>
                    <a:lnTo>
                      <a:pt x="4118" y="126"/>
                    </a:lnTo>
                    <a:lnTo>
                      <a:pt x="4126" y="127"/>
                    </a:lnTo>
                    <a:lnTo>
                      <a:pt x="4135" y="129"/>
                    </a:lnTo>
                    <a:lnTo>
                      <a:pt x="4143" y="132"/>
                    </a:lnTo>
                    <a:lnTo>
                      <a:pt x="4149" y="136"/>
                    </a:lnTo>
                    <a:lnTo>
                      <a:pt x="4156" y="143"/>
                    </a:lnTo>
                    <a:lnTo>
                      <a:pt x="4168" y="156"/>
                    </a:lnTo>
                    <a:lnTo>
                      <a:pt x="4184" y="169"/>
                    </a:lnTo>
                    <a:lnTo>
                      <a:pt x="4192" y="175"/>
                    </a:lnTo>
                    <a:lnTo>
                      <a:pt x="4201" y="180"/>
                    </a:lnTo>
                    <a:lnTo>
                      <a:pt x="4209" y="184"/>
                    </a:lnTo>
                    <a:lnTo>
                      <a:pt x="4217" y="187"/>
                    </a:lnTo>
                    <a:lnTo>
                      <a:pt x="4223" y="188"/>
                    </a:lnTo>
                    <a:lnTo>
                      <a:pt x="4228" y="189"/>
                    </a:lnTo>
                    <a:lnTo>
                      <a:pt x="4232" y="188"/>
                    </a:lnTo>
                    <a:lnTo>
                      <a:pt x="4236" y="187"/>
                    </a:lnTo>
                    <a:lnTo>
                      <a:pt x="4239" y="184"/>
                    </a:lnTo>
                    <a:lnTo>
                      <a:pt x="4240" y="180"/>
                    </a:lnTo>
                    <a:lnTo>
                      <a:pt x="4240" y="177"/>
                    </a:lnTo>
                    <a:lnTo>
                      <a:pt x="4240" y="173"/>
                    </a:lnTo>
                    <a:lnTo>
                      <a:pt x="4236" y="156"/>
                    </a:lnTo>
                    <a:lnTo>
                      <a:pt x="4234" y="143"/>
                    </a:lnTo>
                    <a:lnTo>
                      <a:pt x="4253" y="144"/>
                    </a:lnTo>
                    <a:lnTo>
                      <a:pt x="4269" y="144"/>
                    </a:lnTo>
                    <a:lnTo>
                      <a:pt x="4275" y="145"/>
                    </a:lnTo>
                    <a:lnTo>
                      <a:pt x="4279" y="147"/>
                    </a:lnTo>
                    <a:lnTo>
                      <a:pt x="4283" y="149"/>
                    </a:lnTo>
                    <a:lnTo>
                      <a:pt x="4287" y="152"/>
                    </a:lnTo>
                    <a:lnTo>
                      <a:pt x="4288" y="155"/>
                    </a:lnTo>
                    <a:lnTo>
                      <a:pt x="4289" y="158"/>
                    </a:lnTo>
                    <a:lnTo>
                      <a:pt x="4289" y="162"/>
                    </a:lnTo>
                    <a:lnTo>
                      <a:pt x="4289" y="167"/>
                    </a:lnTo>
                    <a:lnTo>
                      <a:pt x="4287" y="179"/>
                    </a:lnTo>
                    <a:lnTo>
                      <a:pt x="4280" y="195"/>
                    </a:lnTo>
                    <a:lnTo>
                      <a:pt x="4269" y="223"/>
                    </a:lnTo>
                    <a:lnTo>
                      <a:pt x="4257" y="252"/>
                    </a:lnTo>
                    <a:lnTo>
                      <a:pt x="4247" y="283"/>
                    </a:lnTo>
                    <a:lnTo>
                      <a:pt x="4238" y="314"/>
                    </a:lnTo>
                    <a:lnTo>
                      <a:pt x="4228" y="345"/>
                    </a:lnTo>
                    <a:lnTo>
                      <a:pt x="4222" y="377"/>
                    </a:lnTo>
                    <a:lnTo>
                      <a:pt x="4219" y="393"/>
                    </a:lnTo>
                    <a:lnTo>
                      <a:pt x="4218" y="408"/>
                    </a:lnTo>
                    <a:lnTo>
                      <a:pt x="4217" y="424"/>
                    </a:lnTo>
                    <a:lnTo>
                      <a:pt x="4217" y="439"/>
                    </a:lnTo>
                    <a:lnTo>
                      <a:pt x="4215" y="458"/>
                    </a:lnTo>
                    <a:lnTo>
                      <a:pt x="4213" y="480"/>
                    </a:lnTo>
                    <a:lnTo>
                      <a:pt x="4213" y="490"/>
                    </a:lnTo>
                    <a:lnTo>
                      <a:pt x="4214" y="498"/>
                    </a:lnTo>
                    <a:lnTo>
                      <a:pt x="4215" y="500"/>
                    </a:lnTo>
                    <a:lnTo>
                      <a:pt x="4218" y="503"/>
                    </a:lnTo>
                    <a:lnTo>
                      <a:pt x="4219" y="504"/>
                    </a:lnTo>
                    <a:lnTo>
                      <a:pt x="4223" y="504"/>
                    </a:lnTo>
                    <a:lnTo>
                      <a:pt x="4241" y="502"/>
                    </a:lnTo>
                    <a:lnTo>
                      <a:pt x="4261" y="500"/>
                    </a:lnTo>
                    <a:lnTo>
                      <a:pt x="4269" y="498"/>
                    </a:lnTo>
                    <a:lnTo>
                      <a:pt x="4276" y="494"/>
                    </a:lnTo>
                    <a:lnTo>
                      <a:pt x="4279" y="490"/>
                    </a:lnTo>
                    <a:lnTo>
                      <a:pt x="4280" y="487"/>
                    </a:lnTo>
                    <a:lnTo>
                      <a:pt x="4282" y="482"/>
                    </a:lnTo>
                    <a:lnTo>
                      <a:pt x="4283" y="477"/>
                    </a:lnTo>
                    <a:lnTo>
                      <a:pt x="4283" y="465"/>
                    </a:lnTo>
                    <a:lnTo>
                      <a:pt x="4282" y="454"/>
                    </a:lnTo>
                    <a:lnTo>
                      <a:pt x="4280" y="443"/>
                    </a:lnTo>
                    <a:lnTo>
                      <a:pt x="4278" y="432"/>
                    </a:lnTo>
                    <a:lnTo>
                      <a:pt x="4274" y="412"/>
                    </a:lnTo>
                    <a:lnTo>
                      <a:pt x="4272" y="393"/>
                    </a:lnTo>
                    <a:lnTo>
                      <a:pt x="4274" y="384"/>
                    </a:lnTo>
                    <a:lnTo>
                      <a:pt x="4276" y="376"/>
                    </a:lnTo>
                    <a:lnTo>
                      <a:pt x="4282" y="367"/>
                    </a:lnTo>
                    <a:lnTo>
                      <a:pt x="4287" y="359"/>
                    </a:lnTo>
                    <a:lnTo>
                      <a:pt x="4292" y="350"/>
                    </a:lnTo>
                    <a:lnTo>
                      <a:pt x="4296" y="341"/>
                    </a:lnTo>
                    <a:lnTo>
                      <a:pt x="4300" y="332"/>
                    </a:lnTo>
                    <a:lnTo>
                      <a:pt x="4302" y="323"/>
                    </a:lnTo>
                    <a:lnTo>
                      <a:pt x="4306" y="302"/>
                    </a:lnTo>
                    <a:lnTo>
                      <a:pt x="4311" y="284"/>
                    </a:lnTo>
                    <a:lnTo>
                      <a:pt x="4317" y="266"/>
                    </a:lnTo>
                    <a:lnTo>
                      <a:pt x="4324" y="248"/>
                    </a:lnTo>
                    <a:lnTo>
                      <a:pt x="4340" y="213"/>
                    </a:lnTo>
                    <a:lnTo>
                      <a:pt x="4359" y="178"/>
                    </a:lnTo>
                    <a:lnTo>
                      <a:pt x="4362" y="171"/>
                    </a:lnTo>
                    <a:lnTo>
                      <a:pt x="4367" y="166"/>
                    </a:lnTo>
                    <a:lnTo>
                      <a:pt x="4372" y="161"/>
                    </a:lnTo>
                    <a:lnTo>
                      <a:pt x="4377" y="156"/>
                    </a:lnTo>
                    <a:lnTo>
                      <a:pt x="4383" y="152"/>
                    </a:lnTo>
                    <a:lnTo>
                      <a:pt x="4389" y="148"/>
                    </a:lnTo>
                    <a:lnTo>
                      <a:pt x="4394" y="145"/>
                    </a:lnTo>
                    <a:lnTo>
                      <a:pt x="4401" y="144"/>
                    </a:lnTo>
                    <a:lnTo>
                      <a:pt x="4406" y="144"/>
                    </a:lnTo>
                    <a:lnTo>
                      <a:pt x="4412" y="145"/>
                    </a:lnTo>
                    <a:lnTo>
                      <a:pt x="4416" y="147"/>
                    </a:lnTo>
                    <a:lnTo>
                      <a:pt x="4421" y="151"/>
                    </a:lnTo>
                    <a:lnTo>
                      <a:pt x="4425" y="155"/>
                    </a:lnTo>
                    <a:lnTo>
                      <a:pt x="4428" y="161"/>
                    </a:lnTo>
                    <a:lnTo>
                      <a:pt x="4429" y="169"/>
                    </a:lnTo>
                    <a:lnTo>
                      <a:pt x="4431" y="179"/>
                    </a:lnTo>
                    <a:lnTo>
                      <a:pt x="4429" y="188"/>
                    </a:lnTo>
                    <a:lnTo>
                      <a:pt x="4429" y="195"/>
                    </a:lnTo>
                    <a:lnTo>
                      <a:pt x="4427" y="200"/>
                    </a:lnTo>
                    <a:lnTo>
                      <a:pt x="4425" y="204"/>
                    </a:lnTo>
                    <a:lnTo>
                      <a:pt x="4419" y="210"/>
                    </a:lnTo>
                    <a:lnTo>
                      <a:pt x="4411" y="223"/>
                    </a:lnTo>
                    <a:lnTo>
                      <a:pt x="4415" y="235"/>
                    </a:lnTo>
                    <a:lnTo>
                      <a:pt x="4427" y="259"/>
                    </a:lnTo>
                    <a:lnTo>
                      <a:pt x="4433" y="274"/>
                    </a:lnTo>
                    <a:lnTo>
                      <a:pt x="4438" y="288"/>
                    </a:lnTo>
                    <a:lnTo>
                      <a:pt x="4442" y="300"/>
                    </a:lnTo>
                    <a:lnTo>
                      <a:pt x="4443" y="311"/>
                    </a:lnTo>
                    <a:lnTo>
                      <a:pt x="4445" y="326"/>
                    </a:lnTo>
                    <a:lnTo>
                      <a:pt x="4446" y="337"/>
                    </a:lnTo>
                    <a:lnTo>
                      <a:pt x="4447" y="342"/>
                    </a:lnTo>
                    <a:lnTo>
                      <a:pt x="4449" y="346"/>
                    </a:lnTo>
                    <a:lnTo>
                      <a:pt x="4451" y="349"/>
                    </a:lnTo>
                    <a:lnTo>
                      <a:pt x="4454" y="351"/>
                    </a:lnTo>
                    <a:lnTo>
                      <a:pt x="4456" y="353"/>
                    </a:lnTo>
                    <a:lnTo>
                      <a:pt x="4459" y="353"/>
                    </a:lnTo>
                    <a:lnTo>
                      <a:pt x="4463" y="353"/>
                    </a:lnTo>
                    <a:lnTo>
                      <a:pt x="4467" y="351"/>
                    </a:lnTo>
                    <a:lnTo>
                      <a:pt x="4478" y="345"/>
                    </a:lnTo>
                    <a:lnTo>
                      <a:pt x="4491" y="336"/>
                    </a:lnTo>
                    <a:lnTo>
                      <a:pt x="4510" y="327"/>
                    </a:lnTo>
                    <a:lnTo>
                      <a:pt x="4530" y="315"/>
                    </a:lnTo>
                    <a:lnTo>
                      <a:pt x="4535" y="313"/>
                    </a:lnTo>
                    <a:lnTo>
                      <a:pt x="4538" y="309"/>
                    </a:lnTo>
                    <a:lnTo>
                      <a:pt x="4541" y="305"/>
                    </a:lnTo>
                    <a:lnTo>
                      <a:pt x="4543" y="301"/>
                    </a:lnTo>
                    <a:lnTo>
                      <a:pt x="4543" y="297"/>
                    </a:lnTo>
                    <a:lnTo>
                      <a:pt x="4541" y="292"/>
                    </a:lnTo>
                    <a:lnTo>
                      <a:pt x="4538" y="287"/>
                    </a:lnTo>
                    <a:lnTo>
                      <a:pt x="4533" y="281"/>
                    </a:lnTo>
                    <a:lnTo>
                      <a:pt x="4530" y="279"/>
                    </a:lnTo>
                    <a:lnTo>
                      <a:pt x="4528" y="275"/>
                    </a:lnTo>
                    <a:lnTo>
                      <a:pt x="4528" y="272"/>
                    </a:lnTo>
                    <a:lnTo>
                      <a:pt x="4526" y="270"/>
                    </a:lnTo>
                    <a:lnTo>
                      <a:pt x="4528" y="263"/>
                    </a:lnTo>
                    <a:lnTo>
                      <a:pt x="4530" y="256"/>
                    </a:lnTo>
                    <a:lnTo>
                      <a:pt x="4533" y="249"/>
                    </a:lnTo>
                    <a:lnTo>
                      <a:pt x="4534" y="243"/>
                    </a:lnTo>
                    <a:lnTo>
                      <a:pt x="4534" y="239"/>
                    </a:lnTo>
                    <a:lnTo>
                      <a:pt x="4533" y="235"/>
                    </a:lnTo>
                    <a:lnTo>
                      <a:pt x="4532" y="232"/>
                    </a:lnTo>
                    <a:lnTo>
                      <a:pt x="4530" y="228"/>
                    </a:lnTo>
                    <a:lnTo>
                      <a:pt x="4525" y="221"/>
                    </a:lnTo>
                    <a:lnTo>
                      <a:pt x="4521" y="214"/>
                    </a:lnTo>
                    <a:lnTo>
                      <a:pt x="4520" y="209"/>
                    </a:lnTo>
                    <a:lnTo>
                      <a:pt x="4520" y="204"/>
                    </a:lnTo>
                    <a:lnTo>
                      <a:pt x="4520" y="200"/>
                    </a:lnTo>
                    <a:lnTo>
                      <a:pt x="4523" y="196"/>
                    </a:lnTo>
                    <a:lnTo>
                      <a:pt x="4525" y="193"/>
                    </a:lnTo>
                    <a:lnTo>
                      <a:pt x="4529" y="189"/>
                    </a:lnTo>
                    <a:lnTo>
                      <a:pt x="4538" y="184"/>
                    </a:lnTo>
                    <a:lnTo>
                      <a:pt x="4550" y="177"/>
                    </a:lnTo>
                    <a:lnTo>
                      <a:pt x="4555" y="173"/>
                    </a:lnTo>
                    <a:lnTo>
                      <a:pt x="4560" y="167"/>
                    </a:lnTo>
                    <a:lnTo>
                      <a:pt x="4565" y="161"/>
                    </a:lnTo>
                    <a:lnTo>
                      <a:pt x="4570" y="155"/>
                    </a:lnTo>
                    <a:lnTo>
                      <a:pt x="4570" y="152"/>
                    </a:lnTo>
                    <a:lnTo>
                      <a:pt x="4568" y="149"/>
                    </a:lnTo>
                    <a:lnTo>
                      <a:pt x="4564" y="145"/>
                    </a:lnTo>
                    <a:lnTo>
                      <a:pt x="4559" y="143"/>
                    </a:lnTo>
                    <a:lnTo>
                      <a:pt x="4543" y="136"/>
                    </a:lnTo>
                    <a:lnTo>
                      <a:pt x="4525" y="129"/>
                    </a:lnTo>
                    <a:lnTo>
                      <a:pt x="4516" y="125"/>
                    </a:lnTo>
                    <a:lnTo>
                      <a:pt x="4507" y="120"/>
                    </a:lnTo>
                    <a:lnTo>
                      <a:pt x="4498" y="114"/>
                    </a:lnTo>
                    <a:lnTo>
                      <a:pt x="4490" y="109"/>
                    </a:lnTo>
                    <a:lnTo>
                      <a:pt x="4485" y="103"/>
                    </a:lnTo>
                    <a:lnTo>
                      <a:pt x="4480" y="95"/>
                    </a:lnTo>
                    <a:lnTo>
                      <a:pt x="4478" y="87"/>
                    </a:lnTo>
                    <a:lnTo>
                      <a:pt x="4478" y="78"/>
                    </a:lnTo>
                    <a:lnTo>
                      <a:pt x="4480" y="70"/>
                    </a:lnTo>
                    <a:lnTo>
                      <a:pt x="4482" y="64"/>
                    </a:lnTo>
                    <a:lnTo>
                      <a:pt x="4486" y="60"/>
                    </a:lnTo>
                    <a:lnTo>
                      <a:pt x="4490" y="59"/>
                    </a:lnTo>
                    <a:lnTo>
                      <a:pt x="4495" y="57"/>
                    </a:lnTo>
                    <a:lnTo>
                      <a:pt x="4500" y="59"/>
                    </a:lnTo>
                    <a:lnTo>
                      <a:pt x="4507" y="61"/>
                    </a:lnTo>
                    <a:lnTo>
                      <a:pt x="4512" y="64"/>
                    </a:lnTo>
                    <a:lnTo>
                      <a:pt x="4538" y="82"/>
                    </a:lnTo>
                    <a:lnTo>
                      <a:pt x="4557" y="98"/>
                    </a:lnTo>
                    <a:lnTo>
                      <a:pt x="4563" y="100"/>
                    </a:lnTo>
                    <a:lnTo>
                      <a:pt x="4567" y="101"/>
                    </a:lnTo>
                    <a:lnTo>
                      <a:pt x="4570" y="101"/>
                    </a:lnTo>
                    <a:lnTo>
                      <a:pt x="4574" y="100"/>
                    </a:lnTo>
                    <a:lnTo>
                      <a:pt x="4577" y="98"/>
                    </a:lnTo>
                    <a:lnTo>
                      <a:pt x="4578" y="94"/>
                    </a:lnTo>
                    <a:lnTo>
                      <a:pt x="4578" y="90"/>
                    </a:lnTo>
                    <a:lnTo>
                      <a:pt x="4577" y="83"/>
                    </a:lnTo>
                    <a:lnTo>
                      <a:pt x="4574" y="78"/>
                    </a:lnTo>
                    <a:lnTo>
                      <a:pt x="4570" y="73"/>
                    </a:lnTo>
                    <a:lnTo>
                      <a:pt x="4565" y="69"/>
                    </a:lnTo>
                    <a:lnTo>
                      <a:pt x="4561" y="64"/>
                    </a:lnTo>
                    <a:lnTo>
                      <a:pt x="4557" y="60"/>
                    </a:lnTo>
                    <a:lnTo>
                      <a:pt x="4554" y="55"/>
                    </a:lnTo>
                    <a:lnTo>
                      <a:pt x="4551" y="50"/>
                    </a:lnTo>
                    <a:lnTo>
                      <a:pt x="4551" y="43"/>
                    </a:lnTo>
                    <a:lnTo>
                      <a:pt x="4547" y="26"/>
                    </a:lnTo>
                    <a:lnTo>
                      <a:pt x="4546" y="12"/>
                    </a:lnTo>
                    <a:lnTo>
                      <a:pt x="4546" y="8"/>
                    </a:lnTo>
                    <a:lnTo>
                      <a:pt x="4547" y="6"/>
                    </a:lnTo>
                    <a:lnTo>
                      <a:pt x="4548" y="3"/>
                    </a:lnTo>
                    <a:lnTo>
                      <a:pt x="4551" y="2"/>
                    </a:lnTo>
                    <a:lnTo>
                      <a:pt x="4554" y="0"/>
                    </a:lnTo>
                    <a:lnTo>
                      <a:pt x="4556" y="0"/>
                    </a:lnTo>
                    <a:lnTo>
                      <a:pt x="4560" y="0"/>
                    </a:lnTo>
                    <a:lnTo>
                      <a:pt x="4565" y="2"/>
                    </a:lnTo>
                    <a:lnTo>
                      <a:pt x="4576" y="4"/>
                    </a:lnTo>
                    <a:lnTo>
                      <a:pt x="4583" y="8"/>
                    </a:lnTo>
                    <a:lnTo>
                      <a:pt x="4590" y="11"/>
                    </a:lnTo>
                    <a:lnTo>
                      <a:pt x="4595" y="15"/>
                    </a:lnTo>
                    <a:lnTo>
                      <a:pt x="4604" y="21"/>
                    </a:lnTo>
                    <a:lnTo>
                      <a:pt x="4612" y="28"/>
                    </a:lnTo>
                    <a:lnTo>
                      <a:pt x="4617" y="30"/>
                    </a:lnTo>
                    <a:lnTo>
                      <a:pt x="4621" y="31"/>
                    </a:lnTo>
                    <a:lnTo>
                      <a:pt x="4627" y="33"/>
                    </a:lnTo>
                    <a:lnTo>
                      <a:pt x="4634" y="33"/>
                    </a:lnTo>
                    <a:lnTo>
                      <a:pt x="4642" y="33"/>
                    </a:lnTo>
                    <a:lnTo>
                      <a:pt x="4651" y="30"/>
                    </a:lnTo>
                    <a:lnTo>
                      <a:pt x="4661" y="28"/>
                    </a:lnTo>
                    <a:lnTo>
                      <a:pt x="4674" y="22"/>
                    </a:lnTo>
                    <a:lnTo>
                      <a:pt x="4679" y="21"/>
                    </a:lnTo>
                    <a:lnTo>
                      <a:pt x="4683" y="21"/>
                    </a:lnTo>
                    <a:lnTo>
                      <a:pt x="4686" y="24"/>
                    </a:lnTo>
                    <a:lnTo>
                      <a:pt x="4686" y="26"/>
                    </a:lnTo>
                    <a:lnTo>
                      <a:pt x="4684" y="34"/>
                    </a:lnTo>
                    <a:lnTo>
                      <a:pt x="4679" y="46"/>
                    </a:lnTo>
                    <a:lnTo>
                      <a:pt x="4665" y="69"/>
                    </a:lnTo>
                    <a:lnTo>
                      <a:pt x="4657" y="83"/>
                    </a:lnTo>
                    <a:lnTo>
                      <a:pt x="4659" y="85"/>
                    </a:lnTo>
                    <a:lnTo>
                      <a:pt x="4662" y="86"/>
                    </a:lnTo>
                    <a:lnTo>
                      <a:pt x="4669" y="85"/>
                    </a:lnTo>
                    <a:lnTo>
                      <a:pt x="4675" y="83"/>
                    </a:lnTo>
                    <a:lnTo>
                      <a:pt x="4688" y="81"/>
                    </a:lnTo>
                    <a:lnTo>
                      <a:pt x="4696" y="79"/>
                    </a:lnTo>
                    <a:lnTo>
                      <a:pt x="4701" y="79"/>
                    </a:lnTo>
                    <a:lnTo>
                      <a:pt x="4706" y="81"/>
                    </a:lnTo>
                    <a:lnTo>
                      <a:pt x="4710" y="83"/>
                    </a:lnTo>
                    <a:lnTo>
                      <a:pt x="4713" y="86"/>
                    </a:lnTo>
                    <a:lnTo>
                      <a:pt x="4716" y="90"/>
                    </a:lnTo>
                    <a:lnTo>
                      <a:pt x="4717" y="94"/>
                    </a:lnTo>
                    <a:lnTo>
                      <a:pt x="4718" y="98"/>
                    </a:lnTo>
                    <a:lnTo>
                      <a:pt x="4719" y="101"/>
                    </a:lnTo>
                    <a:lnTo>
                      <a:pt x="4719" y="112"/>
                    </a:lnTo>
                    <a:lnTo>
                      <a:pt x="4718" y="121"/>
                    </a:lnTo>
                    <a:lnTo>
                      <a:pt x="4716" y="130"/>
                    </a:lnTo>
                    <a:lnTo>
                      <a:pt x="4712" y="138"/>
                    </a:lnTo>
                    <a:lnTo>
                      <a:pt x="4708" y="142"/>
                    </a:lnTo>
                    <a:lnTo>
                      <a:pt x="4704" y="145"/>
                    </a:lnTo>
                    <a:lnTo>
                      <a:pt x="4700" y="148"/>
                    </a:lnTo>
                    <a:lnTo>
                      <a:pt x="4696" y="149"/>
                    </a:lnTo>
                    <a:lnTo>
                      <a:pt x="4687" y="152"/>
                    </a:lnTo>
                    <a:lnTo>
                      <a:pt x="4677" y="151"/>
                    </a:lnTo>
                    <a:lnTo>
                      <a:pt x="4666" y="148"/>
                    </a:lnTo>
                    <a:lnTo>
                      <a:pt x="4657" y="144"/>
                    </a:lnTo>
                    <a:lnTo>
                      <a:pt x="4648" y="139"/>
                    </a:lnTo>
                    <a:lnTo>
                      <a:pt x="4639" y="134"/>
                    </a:lnTo>
                    <a:lnTo>
                      <a:pt x="4629" y="127"/>
                    </a:lnTo>
                    <a:lnTo>
                      <a:pt x="4614" y="121"/>
                    </a:lnTo>
                    <a:lnTo>
                      <a:pt x="4607" y="121"/>
                    </a:lnTo>
                    <a:lnTo>
                      <a:pt x="4602" y="122"/>
                    </a:lnTo>
                    <a:lnTo>
                      <a:pt x="4599" y="123"/>
                    </a:lnTo>
                    <a:lnTo>
                      <a:pt x="4598" y="126"/>
                    </a:lnTo>
                    <a:lnTo>
                      <a:pt x="4596" y="130"/>
                    </a:lnTo>
                    <a:lnTo>
                      <a:pt x="4596" y="135"/>
                    </a:lnTo>
                    <a:lnTo>
                      <a:pt x="4598" y="139"/>
                    </a:lnTo>
                    <a:lnTo>
                      <a:pt x="4602" y="144"/>
                    </a:lnTo>
                    <a:lnTo>
                      <a:pt x="4605" y="148"/>
                    </a:lnTo>
                    <a:lnTo>
                      <a:pt x="4612" y="153"/>
                    </a:lnTo>
                    <a:lnTo>
                      <a:pt x="4625" y="162"/>
                    </a:lnTo>
                    <a:lnTo>
                      <a:pt x="4637" y="171"/>
                    </a:lnTo>
                    <a:lnTo>
                      <a:pt x="4642" y="177"/>
                    </a:lnTo>
                    <a:lnTo>
                      <a:pt x="4646" y="182"/>
                    </a:lnTo>
                    <a:lnTo>
                      <a:pt x="4648" y="186"/>
                    </a:lnTo>
                    <a:lnTo>
                      <a:pt x="4648" y="191"/>
                    </a:lnTo>
                    <a:lnTo>
                      <a:pt x="4644" y="196"/>
                    </a:lnTo>
                    <a:lnTo>
                      <a:pt x="4639" y="200"/>
                    </a:lnTo>
                    <a:lnTo>
                      <a:pt x="4630" y="205"/>
                    </a:lnTo>
                    <a:lnTo>
                      <a:pt x="4617" y="209"/>
                    </a:lnTo>
                    <a:lnTo>
                      <a:pt x="4609" y="214"/>
                    </a:lnTo>
                    <a:lnTo>
                      <a:pt x="4602" y="221"/>
                    </a:lnTo>
                    <a:lnTo>
                      <a:pt x="4595" y="228"/>
                    </a:lnTo>
                    <a:lnTo>
                      <a:pt x="4590" y="237"/>
                    </a:lnTo>
                    <a:lnTo>
                      <a:pt x="4589" y="241"/>
                    </a:lnTo>
                    <a:lnTo>
                      <a:pt x="4589" y="245"/>
                    </a:lnTo>
                    <a:lnTo>
                      <a:pt x="4589" y="250"/>
                    </a:lnTo>
                    <a:lnTo>
                      <a:pt x="4589" y="254"/>
                    </a:lnTo>
                    <a:lnTo>
                      <a:pt x="4591" y="257"/>
                    </a:lnTo>
                    <a:lnTo>
                      <a:pt x="4594" y="259"/>
                    </a:lnTo>
                    <a:lnTo>
                      <a:pt x="4598" y="262"/>
                    </a:lnTo>
                    <a:lnTo>
                      <a:pt x="4602" y="263"/>
                    </a:lnTo>
                    <a:lnTo>
                      <a:pt x="4609" y="262"/>
                    </a:lnTo>
                    <a:lnTo>
                      <a:pt x="4617" y="259"/>
                    </a:lnTo>
                    <a:lnTo>
                      <a:pt x="4627" y="253"/>
                    </a:lnTo>
                    <a:lnTo>
                      <a:pt x="4638" y="245"/>
                    </a:lnTo>
                    <a:lnTo>
                      <a:pt x="4656" y="230"/>
                    </a:lnTo>
                    <a:lnTo>
                      <a:pt x="4669" y="218"/>
                    </a:lnTo>
                    <a:lnTo>
                      <a:pt x="4674" y="212"/>
                    </a:lnTo>
                    <a:lnTo>
                      <a:pt x="4679" y="206"/>
                    </a:lnTo>
                    <a:lnTo>
                      <a:pt x="4683" y="202"/>
                    </a:lnTo>
                    <a:lnTo>
                      <a:pt x="4688" y="200"/>
                    </a:lnTo>
                    <a:lnTo>
                      <a:pt x="4691" y="200"/>
                    </a:lnTo>
                    <a:lnTo>
                      <a:pt x="4694" y="200"/>
                    </a:lnTo>
                    <a:lnTo>
                      <a:pt x="4696" y="201"/>
                    </a:lnTo>
                    <a:lnTo>
                      <a:pt x="4697" y="204"/>
                    </a:lnTo>
                    <a:lnTo>
                      <a:pt x="4699" y="208"/>
                    </a:lnTo>
                    <a:lnTo>
                      <a:pt x="4699" y="212"/>
                    </a:lnTo>
                    <a:lnTo>
                      <a:pt x="4697" y="215"/>
                    </a:lnTo>
                    <a:lnTo>
                      <a:pt x="4696" y="221"/>
                    </a:lnTo>
                    <a:lnTo>
                      <a:pt x="4694" y="227"/>
                    </a:lnTo>
                    <a:lnTo>
                      <a:pt x="4690" y="232"/>
                    </a:lnTo>
                    <a:lnTo>
                      <a:pt x="4684" y="239"/>
                    </a:lnTo>
                    <a:lnTo>
                      <a:pt x="4679" y="244"/>
                    </a:lnTo>
                    <a:lnTo>
                      <a:pt x="4671" y="253"/>
                    </a:lnTo>
                    <a:lnTo>
                      <a:pt x="4665" y="259"/>
                    </a:lnTo>
                    <a:lnTo>
                      <a:pt x="4661" y="266"/>
                    </a:lnTo>
                    <a:lnTo>
                      <a:pt x="4659" y="270"/>
                    </a:lnTo>
                    <a:lnTo>
                      <a:pt x="4659" y="275"/>
                    </a:lnTo>
                    <a:lnTo>
                      <a:pt x="4659" y="278"/>
                    </a:lnTo>
                    <a:lnTo>
                      <a:pt x="4661" y="280"/>
                    </a:lnTo>
                    <a:lnTo>
                      <a:pt x="4665" y="283"/>
                    </a:lnTo>
                    <a:lnTo>
                      <a:pt x="4684" y="287"/>
                    </a:lnTo>
                    <a:lnTo>
                      <a:pt x="4705" y="291"/>
                    </a:lnTo>
                    <a:lnTo>
                      <a:pt x="4708" y="313"/>
                    </a:lnTo>
                    <a:lnTo>
                      <a:pt x="4708" y="338"/>
                    </a:lnTo>
                    <a:lnTo>
                      <a:pt x="4709" y="350"/>
                    </a:lnTo>
                    <a:lnTo>
                      <a:pt x="4712" y="362"/>
                    </a:lnTo>
                    <a:lnTo>
                      <a:pt x="4714" y="367"/>
                    </a:lnTo>
                    <a:lnTo>
                      <a:pt x="4717" y="371"/>
                    </a:lnTo>
                    <a:lnTo>
                      <a:pt x="4719" y="375"/>
                    </a:lnTo>
                    <a:lnTo>
                      <a:pt x="4723" y="379"/>
                    </a:lnTo>
                    <a:lnTo>
                      <a:pt x="4727" y="373"/>
                    </a:lnTo>
                    <a:lnTo>
                      <a:pt x="4731" y="364"/>
                    </a:lnTo>
                    <a:lnTo>
                      <a:pt x="4734" y="354"/>
                    </a:lnTo>
                    <a:lnTo>
                      <a:pt x="4736" y="342"/>
                    </a:lnTo>
                    <a:lnTo>
                      <a:pt x="4739" y="331"/>
                    </a:lnTo>
                    <a:lnTo>
                      <a:pt x="4743" y="319"/>
                    </a:lnTo>
                    <a:lnTo>
                      <a:pt x="4745" y="315"/>
                    </a:lnTo>
                    <a:lnTo>
                      <a:pt x="4747" y="310"/>
                    </a:lnTo>
                    <a:lnTo>
                      <a:pt x="4751" y="306"/>
                    </a:lnTo>
                    <a:lnTo>
                      <a:pt x="4753" y="303"/>
                    </a:lnTo>
                    <a:lnTo>
                      <a:pt x="4762" y="301"/>
                    </a:lnTo>
                    <a:lnTo>
                      <a:pt x="4775" y="300"/>
                    </a:lnTo>
                    <a:lnTo>
                      <a:pt x="4780" y="298"/>
                    </a:lnTo>
                    <a:lnTo>
                      <a:pt x="4785" y="296"/>
                    </a:lnTo>
                    <a:lnTo>
                      <a:pt x="4785" y="294"/>
                    </a:lnTo>
                    <a:lnTo>
                      <a:pt x="4787" y="293"/>
                    </a:lnTo>
                    <a:lnTo>
                      <a:pt x="4785" y="292"/>
                    </a:lnTo>
                    <a:lnTo>
                      <a:pt x="4783" y="291"/>
                    </a:lnTo>
                    <a:lnTo>
                      <a:pt x="4776" y="284"/>
                    </a:lnTo>
                    <a:lnTo>
                      <a:pt x="4771" y="276"/>
                    </a:lnTo>
                    <a:lnTo>
                      <a:pt x="4767" y="269"/>
                    </a:lnTo>
                    <a:lnTo>
                      <a:pt x="4766" y="261"/>
                    </a:lnTo>
                    <a:lnTo>
                      <a:pt x="4766" y="252"/>
                    </a:lnTo>
                    <a:lnTo>
                      <a:pt x="4767" y="244"/>
                    </a:lnTo>
                    <a:lnTo>
                      <a:pt x="4770" y="235"/>
                    </a:lnTo>
                    <a:lnTo>
                      <a:pt x="4774" y="227"/>
                    </a:lnTo>
                    <a:lnTo>
                      <a:pt x="4780" y="219"/>
                    </a:lnTo>
                    <a:lnTo>
                      <a:pt x="4788" y="213"/>
                    </a:lnTo>
                    <a:lnTo>
                      <a:pt x="4791" y="210"/>
                    </a:lnTo>
                    <a:lnTo>
                      <a:pt x="4795" y="206"/>
                    </a:lnTo>
                    <a:lnTo>
                      <a:pt x="4796" y="202"/>
                    </a:lnTo>
                    <a:lnTo>
                      <a:pt x="4798" y="199"/>
                    </a:lnTo>
                    <a:lnTo>
                      <a:pt x="4797" y="180"/>
                    </a:lnTo>
                    <a:lnTo>
                      <a:pt x="4796" y="161"/>
                    </a:lnTo>
                    <a:lnTo>
                      <a:pt x="4808" y="160"/>
                    </a:lnTo>
                    <a:lnTo>
                      <a:pt x="4819" y="158"/>
                    </a:lnTo>
                    <a:lnTo>
                      <a:pt x="4831" y="156"/>
                    </a:lnTo>
                    <a:lnTo>
                      <a:pt x="4842" y="156"/>
                    </a:lnTo>
                    <a:lnTo>
                      <a:pt x="4849" y="157"/>
                    </a:lnTo>
                    <a:lnTo>
                      <a:pt x="4853" y="160"/>
                    </a:lnTo>
                    <a:lnTo>
                      <a:pt x="4854" y="164"/>
                    </a:lnTo>
                    <a:lnTo>
                      <a:pt x="4855" y="167"/>
                    </a:lnTo>
                    <a:lnTo>
                      <a:pt x="4857" y="171"/>
                    </a:lnTo>
                    <a:lnTo>
                      <a:pt x="4857" y="177"/>
                    </a:lnTo>
                    <a:lnTo>
                      <a:pt x="4858" y="182"/>
                    </a:lnTo>
                    <a:lnTo>
                      <a:pt x="4861" y="186"/>
                    </a:lnTo>
                    <a:lnTo>
                      <a:pt x="4865" y="188"/>
                    </a:lnTo>
                    <a:lnTo>
                      <a:pt x="4867" y="189"/>
                    </a:lnTo>
                    <a:lnTo>
                      <a:pt x="4871" y="191"/>
                    </a:lnTo>
                    <a:lnTo>
                      <a:pt x="4874" y="189"/>
                    </a:lnTo>
                    <a:lnTo>
                      <a:pt x="4881" y="188"/>
                    </a:lnTo>
                    <a:lnTo>
                      <a:pt x="4889" y="184"/>
                    </a:lnTo>
                    <a:lnTo>
                      <a:pt x="4897" y="182"/>
                    </a:lnTo>
                    <a:lnTo>
                      <a:pt x="4906" y="180"/>
                    </a:lnTo>
                    <a:lnTo>
                      <a:pt x="4911" y="180"/>
                    </a:lnTo>
                    <a:lnTo>
                      <a:pt x="4915" y="182"/>
                    </a:lnTo>
                    <a:lnTo>
                      <a:pt x="4922" y="184"/>
                    </a:lnTo>
                    <a:lnTo>
                      <a:pt x="4927" y="188"/>
                    </a:lnTo>
                    <a:lnTo>
                      <a:pt x="4933" y="192"/>
                    </a:lnTo>
                    <a:lnTo>
                      <a:pt x="4941" y="193"/>
                    </a:lnTo>
                    <a:lnTo>
                      <a:pt x="4949" y="195"/>
                    </a:lnTo>
                    <a:lnTo>
                      <a:pt x="4955" y="195"/>
                    </a:lnTo>
                    <a:lnTo>
                      <a:pt x="4963" y="195"/>
                    </a:lnTo>
                    <a:lnTo>
                      <a:pt x="4971" y="196"/>
                    </a:lnTo>
                    <a:lnTo>
                      <a:pt x="4979" y="200"/>
                    </a:lnTo>
                    <a:lnTo>
                      <a:pt x="4986" y="206"/>
                    </a:lnTo>
                    <a:lnTo>
                      <a:pt x="5001" y="221"/>
                    </a:lnTo>
                    <a:lnTo>
                      <a:pt x="5010" y="230"/>
                    </a:lnTo>
                    <a:lnTo>
                      <a:pt x="5015" y="235"/>
                    </a:lnTo>
                    <a:lnTo>
                      <a:pt x="5021" y="237"/>
                    </a:lnTo>
                    <a:lnTo>
                      <a:pt x="5029" y="237"/>
                    </a:lnTo>
                    <a:lnTo>
                      <a:pt x="5041" y="239"/>
                    </a:lnTo>
                    <a:lnTo>
                      <a:pt x="5058" y="241"/>
                    </a:lnTo>
                    <a:lnTo>
                      <a:pt x="5083" y="246"/>
                    </a:lnTo>
                    <a:lnTo>
                      <a:pt x="5147" y="265"/>
                    </a:lnTo>
                    <a:lnTo>
                      <a:pt x="5150" y="272"/>
                    </a:lnTo>
                    <a:lnTo>
                      <a:pt x="5155" y="289"/>
                    </a:lnTo>
                    <a:lnTo>
                      <a:pt x="5156" y="298"/>
                    </a:lnTo>
                    <a:lnTo>
                      <a:pt x="5157" y="306"/>
                    </a:lnTo>
                    <a:lnTo>
                      <a:pt x="5157" y="313"/>
                    </a:lnTo>
                    <a:lnTo>
                      <a:pt x="5156" y="315"/>
                    </a:lnTo>
                    <a:lnTo>
                      <a:pt x="5126" y="333"/>
                    </a:lnTo>
                    <a:lnTo>
                      <a:pt x="5108" y="348"/>
                    </a:lnTo>
                    <a:lnTo>
                      <a:pt x="5100" y="354"/>
                    </a:lnTo>
                    <a:lnTo>
                      <a:pt x="5094" y="364"/>
                    </a:lnTo>
                    <a:lnTo>
                      <a:pt x="5086" y="376"/>
                    </a:lnTo>
                    <a:lnTo>
                      <a:pt x="5076" y="393"/>
                    </a:lnTo>
                    <a:lnTo>
                      <a:pt x="5068" y="403"/>
                    </a:lnTo>
                    <a:lnTo>
                      <a:pt x="5060" y="412"/>
                    </a:lnTo>
                    <a:lnTo>
                      <a:pt x="5051" y="420"/>
                    </a:lnTo>
                    <a:lnTo>
                      <a:pt x="5041" y="427"/>
                    </a:lnTo>
                    <a:lnTo>
                      <a:pt x="5029" y="432"/>
                    </a:lnTo>
                    <a:lnTo>
                      <a:pt x="5017" y="437"/>
                    </a:lnTo>
                    <a:lnTo>
                      <a:pt x="5004" y="439"/>
                    </a:lnTo>
                    <a:lnTo>
                      <a:pt x="4991" y="443"/>
                    </a:lnTo>
                    <a:lnTo>
                      <a:pt x="4966" y="447"/>
                    </a:lnTo>
                    <a:lnTo>
                      <a:pt x="4938" y="449"/>
                    </a:lnTo>
                    <a:lnTo>
                      <a:pt x="4912" y="449"/>
                    </a:lnTo>
                    <a:lnTo>
                      <a:pt x="4889" y="449"/>
                    </a:lnTo>
                    <a:lnTo>
                      <a:pt x="4877" y="449"/>
                    </a:lnTo>
                    <a:lnTo>
                      <a:pt x="4866" y="447"/>
                    </a:lnTo>
                    <a:lnTo>
                      <a:pt x="4855" y="446"/>
                    </a:lnTo>
                    <a:lnTo>
                      <a:pt x="4844" y="445"/>
                    </a:lnTo>
                    <a:lnTo>
                      <a:pt x="4830" y="443"/>
                    </a:lnTo>
                    <a:lnTo>
                      <a:pt x="4818" y="443"/>
                    </a:lnTo>
                    <a:lnTo>
                      <a:pt x="4810" y="445"/>
                    </a:lnTo>
                    <a:lnTo>
                      <a:pt x="4805" y="446"/>
                    </a:lnTo>
                    <a:lnTo>
                      <a:pt x="4805" y="447"/>
                    </a:lnTo>
                    <a:lnTo>
                      <a:pt x="4805" y="450"/>
                    </a:lnTo>
                    <a:lnTo>
                      <a:pt x="4808" y="452"/>
                    </a:lnTo>
                    <a:lnTo>
                      <a:pt x="4810" y="455"/>
                    </a:lnTo>
                    <a:lnTo>
                      <a:pt x="4819" y="463"/>
                    </a:lnTo>
                    <a:lnTo>
                      <a:pt x="4835" y="472"/>
                    </a:lnTo>
                    <a:lnTo>
                      <a:pt x="4845" y="478"/>
                    </a:lnTo>
                    <a:lnTo>
                      <a:pt x="4855" y="484"/>
                    </a:lnTo>
                    <a:lnTo>
                      <a:pt x="4863" y="487"/>
                    </a:lnTo>
                    <a:lnTo>
                      <a:pt x="4872" y="490"/>
                    </a:lnTo>
                    <a:lnTo>
                      <a:pt x="4889" y="494"/>
                    </a:lnTo>
                    <a:lnTo>
                      <a:pt x="4914" y="499"/>
                    </a:lnTo>
                    <a:lnTo>
                      <a:pt x="4932" y="502"/>
                    </a:lnTo>
                    <a:lnTo>
                      <a:pt x="4940" y="503"/>
                    </a:lnTo>
                    <a:lnTo>
                      <a:pt x="4940" y="504"/>
                    </a:lnTo>
                    <a:lnTo>
                      <a:pt x="4938" y="508"/>
                    </a:lnTo>
                    <a:lnTo>
                      <a:pt x="4933" y="513"/>
                    </a:lnTo>
                    <a:lnTo>
                      <a:pt x="4927" y="522"/>
                    </a:lnTo>
                    <a:lnTo>
                      <a:pt x="4920" y="531"/>
                    </a:lnTo>
                    <a:lnTo>
                      <a:pt x="4909" y="547"/>
                    </a:lnTo>
                    <a:lnTo>
                      <a:pt x="4905" y="555"/>
                    </a:lnTo>
                    <a:lnTo>
                      <a:pt x="4902" y="561"/>
                    </a:lnTo>
                    <a:lnTo>
                      <a:pt x="4902" y="564"/>
                    </a:lnTo>
                    <a:lnTo>
                      <a:pt x="4903" y="565"/>
                    </a:lnTo>
                    <a:lnTo>
                      <a:pt x="4906" y="566"/>
                    </a:lnTo>
                    <a:lnTo>
                      <a:pt x="4909" y="566"/>
                    </a:lnTo>
                    <a:lnTo>
                      <a:pt x="4920" y="563"/>
                    </a:lnTo>
                    <a:lnTo>
                      <a:pt x="4934" y="555"/>
                    </a:lnTo>
                    <a:lnTo>
                      <a:pt x="4942" y="551"/>
                    </a:lnTo>
                    <a:lnTo>
                      <a:pt x="4950" y="546"/>
                    </a:lnTo>
                    <a:lnTo>
                      <a:pt x="4959" y="543"/>
                    </a:lnTo>
                    <a:lnTo>
                      <a:pt x="4967" y="541"/>
                    </a:lnTo>
                    <a:lnTo>
                      <a:pt x="4975" y="541"/>
                    </a:lnTo>
                    <a:lnTo>
                      <a:pt x="4981" y="542"/>
                    </a:lnTo>
                    <a:lnTo>
                      <a:pt x="4985" y="543"/>
                    </a:lnTo>
                    <a:lnTo>
                      <a:pt x="4989" y="547"/>
                    </a:lnTo>
                    <a:lnTo>
                      <a:pt x="4990" y="551"/>
                    </a:lnTo>
                    <a:lnTo>
                      <a:pt x="4990" y="556"/>
                    </a:lnTo>
                    <a:lnTo>
                      <a:pt x="4990" y="563"/>
                    </a:lnTo>
                    <a:lnTo>
                      <a:pt x="4989" y="569"/>
                    </a:lnTo>
                    <a:lnTo>
                      <a:pt x="4979" y="595"/>
                    </a:lnTo>
                    <a:lnTo>
                      <a:pt x="4971" y="613"/>
                    </a:lnTo>
                    <a:lnTo>
                      <a:pt x="4964" y="633"/>
                    </a:lnTo>
                    <a:lnTo>
                      <a:pt x="4962" y="644"/>
                    </a:lnTo>
                    <a:lnTo>
                      <a:pt x="4962" y="648"/>
                    </a:lnTo>
                    <a:lnTo>
                      <a:pt x="4962" y="649"/>
                    </a:lnTo>
                    <a:lnTo>
                      <a:pt x="4963" y="651"/>
                    </a:lnTo>
                    <a:lnTo>
                      <a:pt x="4964" y="649"/>
                    </a:lnTo>
                    <a:lnTo>
                      <a:pt x="4971" y="647"/>
                    </a:lnTo>
                    <a:lnTo>
                      <a:pt x="4980" y="640"/>
                    </a:lnTo>
                    <a:lnTo>
                      <a:pt x="4991" y="635"/>
                    </a:lnTo>
                    <a:lnTo>
                      <a:pt x="5007" y="629"/>
                    </a:lnTo>
                    <a:lnTo>
                      <a:pt x="5011" y="629"/>
                    </a:lnTo>
                    <a:lnTo>
                      <a:pt x="5015" y="629"/>
                    </a:lnTo>
                    <a:lnTo>
                      <a:pt x="5020" y="629"/>
                    </a:lnTo>
                    <a:lnTo>
                      <a:pt x="5024" y="630"/>
                    </a:lnTo>
                    <a:lnTo>
                      <a:pt x="5033" y="634"/>
                    </a:lnTo>
                    <a:lnTo>
                      <a:pt x="5041" y="639"/>
                    </a:lnTo>
                    <a:lnTo>
                      <a:pt x="5050" y="643"/>
                    </a:lnTo>
                    <a:lnTo>
                      <a:pt x="5060" y="648"/>
                    </a:lnTo>
                    <a:lnTo>
                      <a:pt x="5065" y="649"/>
                    </a:lnTo>
                    <a:lnTo>
                      <a:pt x="5071" y="649"/>
                    </a:lnTo>
                    <a:lnTo>
                      <a:pt x="5076" y="651"/>
                    </a:lnTo>
                    <a:lnTo>
                      <a:pt x="5081" y="649"/>
                    </a:lnTo>
                    <a:lnTo>
                      <a:pt x="5090" y="647"/>
                    </a:lnTo>
                    <a:lnTo>
                      <a:pt x="5096" y="643"/>
                    </a:lnTo>
                    <a:lnTo>
                      <a:pt x="5099" y="638"/>
                    </a:lnTo>
                    <a:lnTo>
                      <a:pt x="5100" y="633"/>
                    </a:lnTo>
                    <a:lnTo>
                      <a:pt x="5099" y="626"/>
                    </a:lnTo>
                    <a:lnTo>
                      <a:pt x="5098" y="618"/>
                    </a:lnTo>
                    <a:lnTo>
                      <a:pt x="5094" y="610"/>
                    </a:lnTo>
                    <a:lnTo>
                      <a:pt x="5090" y="601"/>
                    </a:lnTo>
                    <a:lnTo>
                      <a:pt x="5083" y="586"/>
                    </a:lnTo>
                    <a:lnTo>
                      <a:pt x="5078" y="570"/>
                    </a:lnTo>
                    <a:lnTo>
                      <a:pt x="5078" y="565"/>
                    </a:lnTo>
                    <a:lnTo>
                      <a:pt x="5080" y="559"/>
                    </a:lnTo>
                    <a:lnTo>
                      <a:pt x="5081" y="557"/>
                    </a:lnTo>
                    <a:lnTo>
                      <a:pt x="5083" y="555"/>
                    </a:lnTo>
                    <a:lnTo>
                      <a:pt x="5086" y="553"/>
                    </a:lnTo>
                    <a:lnTo>
                      <a:pt x="5090" y="552"/>
                    </a:lnTo>
                    <a:lnTo>
                      <a:pt x="5100" y="550"/>
                    </a:lnTo>
                    <a:lnTo>
                      <a:pt x="5108" y="550"/>
                    </a:lnTo>
                    <a:lnTo>
                      <a:pt x="5115" y="551"/>
                    </a:lnTo>
                    <a:lnTo>
                      <a:pt x="5118" y="553"/>
                    </a:lnTo>
                    <a:lnTo>
                      <a:pt x="5121" y="557"/>
                    </a:lnTo>
                    <a:lnTo>
                      <a:pt x="5122" y="563"/>
                    </a:lnTo>
                    <a:lnTo>
                      <a:pt x="5124" y="568"/>
                    </a:lnTo>
                    <a:lnTo>
                      <a:pt x="5124" y="574"/>
                    </a:lnTo>
                    <a:lnTo>
                      <a:pt x="5124" y="588"/>
                    </a:lnTo>
                    <a:lnTo>
                      <a:pt x="5124" y="604"/>
                    </a:lnTo>
                    <a:lnTo>
                      <a:pt x="5126" y="610"/>
                    </a:lnTo>
                    <a:lnTo>
                      <a:pt x="5129" y="616"/>
                    </a:lnTo>
                    <a:lnTo>
                      <a:pt x="5133" y="621"/>
                    </a:lnTo>
                    <a:lnTo>
                      <a:pt x="5139" y="626"/>
                    </a:lnTo>
                    <a:lnTo>
                      <a:pt x="5143" y="627"/>
                    </a:lnTo>
                    <a:lnTo>
                      <a:pt x="5146" y="626"/>
                    </a:lnTo>
                    <a:lnTo>
                      <a:pt x="5148" y="625"/>
                    </a:lnTo>
                    <a:lnTo>
                      <a:pt x="5151" y="621"/>
                    </a:lnTo>
                    <a:lnTo>
                      <a:pt x="5152" y="612"/>
                    </a:lnTo>
                    <a:lnTo>
                      <a:pt x="5155" y="600"/>
                    </a:lnTo>
                    <a:lnTo>
                      <a:pt x="5156" y="587"/>
                    </a:lnTo>
                    <a:lnTo>
                      <a:pt x="5159" y="576"/>
                    </a:lnTo>
                    <a:lnTo>
                      <a:pt x="5160" y="572"/>
                    </a:lnTo>
                    <a:lnTo>
                      <a:pt x="5162" y="568"/>
                    </a:lnTo>
                    <a:lnTo>
                      <a:pt x="5166" y="565"/>
                    </a:lnTo>
                    <a:lnTo>
                      <a:pt x="5170" y="564"/>
                    </a:lnTo>
                    <a:lnTo>
                      <a:pt x="5181" y="563"/>
                    </a:lnTo>
                    <a:lnTo>
                      <a:pt x="5194" y="561"/>
                    </a:lnTo>
                    <a:lnTo>
                      <a:pt x="5194" y="561"/>
                    </a:lnTo>
                    <a:lnTo>
                      <a:pt x="5186" y="644"/>
                    </a:lnTo>
                    <a:lnTo>
                      <a:pt x="5140" y="697"/>
                    </a:lnTo>
                    <a:lnTo>
                      <a:pt x="5128" y="710"/>
                    </a:lnTo>
                    <a:lnTo>
                      <a:pt x="5120" y="718"/>
                    </a:lnTo>
                    <a:lnTo>
                      <a:pt x="5115" y="727"/>
                    </a:lnTo>
                    <a:lnTo>
                      <a:pt x="5111" y="744"/>
                    </a:lnTo>
                    <a:lnTo>
                      <a:pt x="5108" y="750"/>
                    </a:lnTo>
                    <a:lnTo>
                      <a:pt x="5104" y="756"/>
                    </a:lnTo>
                    <a:lnTo>
                      <a:pt x="5100" y="762"/>
                    </a:lnTo>
                    <a:lnTo>
                      <a:pt x="5096" y="767"/>
                    </a:lnTo>
                    <a:lnTo>
                      <a:pt x="5093" y="772"/>
                    </a:lnTo>
                    <a:lnTo>
                      <a:pt x="5089" y="778"/>
                    </a:lnTo>
                    <a:lnTo>
                      <a:pt x="5086" y="784"/>
                    </a:lnTo>
                    <a:lnTo>
                      <a:pt x="5085" y="791"/>
                    </a:lnTo>
                    <a:lnTo>
                      <a:pt x="5085" y="810"/>
                    </a:lnTo>
                    <a:lnTo>
                      <a:pt x="5083" y="826"/>
                    </a:lnTo>
                    <a:lnTo>
                      <a:pt x="5081" y="841"/>
                    </a:lnTo>
                    <a:lnTo>
                      <a:pt x="5077" y="854"/>
                    </a:lnTo>
                    <a:lnTo>
                      <a:pt x="5074" y="859"/>
                    </a:lnTo>
                    <a:lnTo>
                      <a:pt x="5071" y="866"/>
                    </a:lnTo>
                    <a:lnTo>
                      <a:pt x="5067" y="871"/>
                    </a:lnTo>
                    <a:lnTo>
                      <a:pt x="5060" y="876"/>
                    </a:lnTo>
                    <a:lnTo>
                      <a:pt x="5055" y="881"/>
                    </a:lnTo>
                    <a:lnTo>
                      <a:pt x="5047" y="885"/>
                    </a:lnTo>
                    <a:lnTo>
                      <a:pt x="5038" y="890"/>
                    </a:lnTo>
                    <a:lnTo>
                      <a:pt x="5028" y="895"/>
                    </a:lnTo>
                    <a:lnTo>
                      <a:pt x="5014" y="898"/>
                    </a:lnTo>
                    <a:lnTo>
                      <a:pt x="4995" y="899"/>
                    </a:lnTo>
                    <a:lnTo>
                      <a:pt x="4988" y="902"/>
                    </a:lnTo>
                    <a:lnTo>
                      <a:pt x="4980" y="903"/>
                    </a:lnTo>
                    <a:lnTo>
                      <a:pt x="4977" y="906"/>
                    </a:lnTo>
                    <a:lnTo>
                      <a:pt x="4975" y="908"/>
                    </a:lnTo>
                    <a:lnTo>
                      <a:pt x="4972" y="911"/>
                    </a:lnTo>
                    <a:lnTo>
                      <a:pt x="4971" y="914"/>
                    </a:lnTo>
                    <a:lnTo>
                      <a:pt x="4968" y="923"/>
                    </a:lnTo>
                    <a:lnTo>
                      <a:pt x="4966" y="929"/>
                    </a:lnTo>
                    <a:lnTo>
                      <a:pt x="4962" y="934"/>
                    </a:lnTo>
                    <a:lnTo>
                      <a:pt x="4958" y="938"/>
                    </a:lnTo>
                    <a:lnTo>
                      <a:pt x="4950" y="945"/>
                    </a:lnTo>
                    <a:lnTo>
                      <a:pt x="4942" y="949"/>
                    </a:lnTo>
                    <a:lnTo>
                      <a:pt x="4932" y="952"/>
                    </a:lnTo>
                    <a:lnTo>
                      <a:pt x="4923" y="956"/>
                    </a:lnTo>
                    <a:lnTo>
                      <a:pt x="4918" y="959"/>
                    </a:lnTo>
                    <a:lnTo>
                      <a:pt x="4912" y="963"/>
                    </a:lnTo>
                    <a:lnTo>
                      <a:pt x="4907" y="967"/>
                    </a:lnTo>
                    <a:lnTo>
                      <a:pt x="4902" y="972"/>
                    </a:lnTo>
                    <a:lnTo>
                      <a:pt x="4894" y="980"/>
                    </a:lnTo>
                    <a:lnTo>
                      <a:pt x="4887" y="986"/>
                    </a:lnTo>
                    <a:lnTo>
                      <a:pt x="4877" y="991"/>
                    </a:lnTo>
                    <a:lnTo>
                      <a:pt x="4868" y="997"/>
                    </a:lnTo>
                    <a:lnTo>
                      <a:pt x="4858" y="1000"/>
                    </a:lnTo>
                    <a:lnTo>
                      <a:pt x="4849" y="1004"/>
                    </a:lnTo>
                    <a:lnTo>
                      <a:pt x="4839" y="1007"/>
                    </a:lnTo>
                    <a:lnTo>
                      <a:pt x="4828" y="1008"/>
                    </a:lnTo>
                    <a:lnTo>
                      <a:pt x="4828" y="1008"/>
                    </a:lnTo>
                    <a:lnTo>
                      <a:pt x="4830" y="993"/>
                    </a:lnTo>
                    <a:lnTo>
                      <a:pt x="4831" y="978"/>
                    </a:lnTo>
                    <a:lnTo>
                      <a:pt x="4832" y="963"/>
                    </a:lnTo>
                    <a:lnTo>
                      <a:pt x="4836" y="949"/>
                    </a:lnTo>
                    <a:lnTo>
                      <a:pt x="4837" y="937"/>
                    </a:lnTo>
                    <a:lnTo>
                      <a:pt x="4839" y="925"/>
                    </a:lnTo>
                    <a:lnTo>
                      <a:pt x="4840" y="914"/>
                    </a:lnTo>
                    <a:lnTo>
                      <a:pt x="4840" y="902"/>
                    </a:lnTo>
                    <a:lnTo>
                      <a:pt x="4842" y="892"/>
                    </a:lnTo>
                    <a:lnTo>
                      <a:pt x="4845" y="883"/>
                    </a:lnTo>
                    <a:lnTo>
                      <a:pt x="4846" y="872"/>
                    </a:lnTo>
                    <a:lnTo>
                      <a:pt x="4848" y="861"/>
                    </a:lnTo>
                    <a:lnTo>
                      <a:pt x="4846" y="845"/>
                    </a:lnTo>
                    <a:lnTo>
                      <a:pt x="4845" y="829"/>
                    </a:lnTo>
                    <a:lnTo>
                      <a:pt x="4844" y="814"/>
                    </a:lnTo>
                    <a:lnTo>
                      <a:pt x="4842" y="798"/>
                    </a:lnTo>
                    <a:lnTo>
                      <a:pt x="4842" y="758"/>
                    </a:lnTo>
                    <a:lnTo>
                      <a:pt x="4840" y="714"/>
                    </a:lnTo>
                    <a:lnTo>
                      <a:pt x="4837" y="692"/>
                    </a:lnTo>
                    <a:lnTo>
                      <a:pt x="4835" y="671"/>
                    </a:lnTo>
                    <a:lnTo>
                      <a:pt x="4830" y="651"/>
                    </a:lnTo>
                    <a:lnTo>
                      <a:pt x="4823" y="633"/>
                    </a:lnTo>
                    <a:lnTo>
                      <a:pt x="4818" y="625"/>
                    </a:lnTo>
                    <a:lnTo>
                      <a:pt x="4813" y="617"/>
                    </a:lnTo>
                    <a:lnTo>
                      <a:pt x="4805" y="610"/>
                    </a:lnTo>
                    <a:lnTo>
                      <a:pt x="4797" y="604"/>
                    </a:lnTo>
                    <a:lnTo>
                      <a:pt x="4779" y="595"/>
                    </a:lnTo>
                    <a:lnTo>
                      <a:pt x="4758" y="586"/>
                    </a:lnTo>
                    <a:lnTo>
                      <a:pt x="4736" y="579"/>
                    </a:lnTo>
                    <a:lnTo>
                      <a:pt x="4714" y="573"/>
                    </a:lnTo>
                    <a:lnTo>
                      <a:pt x="4695" y="565"/>
                    </a:lnTo>
                    <a:lnTo>
                      <a:pt x="4677" y="557"/>
                    </a:lnTo>
                    <a:lnTo>
                      <a:pt x="4662" y="547"/>
                    </a:lnTo>
                    <a:lnTo>
                      <a:pt x="4646" y="534"/>
                    </a:lnTo>
                    <a:lnTo>
                      <a:pt x="4638" y="528"/>
                    </a:lnTo>
                    <a:lnTo>
                      <a:pt x="4629" y="524"/>
                    </a:lnTo>
                    <a:lnTo>
                      <a:pt x="4622" y="520"/>
                    </a:lnTo>
                    <a:lnTo>
                      <a:pt x="4616" y="519"/>
                    </a:lnTo>
                    <a:lnTo>
                      <a:pt x="4608" y="520"/>
                    </a:lnTo>
                    <a:lnTo>
                      <a:pt x="4603" y="521"/>
                    </a:lnTo>
                    <a:lnTo>
                      <a:pt x="4598" y="524"/>
                    </a:lnTo>
                    <a:lnTo>
                      <a:pt x="4594" y="528"/>
                    </a:lnTo>
                    <a:lnTo>
                      <a:pt x="4590" y="535"/>
                    </a:lnTo>
                    <a:lnTo>
                      <a:pt x="4587" y="546"/>
                    </a:lnTo>
                    <a:lnTo>
                      <a:pt x="4586" y="556"/>
                    </a:lnTo>
                    <a:lnTo>
                      <a:pt x="4583" y="566"/>
                    </a:lnTo>
                    <a:lnTo>
                      <a:pt x="4582" y="570"/>
                    </a:lnTo>
                    <a:lnTo>
                      <a:pt x="4580" y="576"/>
                    </a:lnTo>
                    <a:lnTo>
                      <a:pt x="4577" y="578"/>
                    </a:lnTo>
                    <a:lnTo>
                      <a:pt x="4572" y="582"/>
                    </a:lnTo>
                    <a:lnTo>
                      <a:pt x="4567" y="585"/>
                    </a:lnTo>
                    <a:lnTo>
                      <a:pt x="4560" y="586"/>
                    </a:lnTo>
                    <a:lnTo>
                      <a:pt x="4555" y="586"/>
                    </a:lnTo>
                    <a:lnTo>
                      <a:pt x="4548" y="586"/>
                    </a:lnTo>
                    <a:lnTo>
                      <a:pt x="4535" y="586"/>
                    </a:lnTo>
                    <a:lnTo>
                      <a:pt x="4524" y="587"/>
                    </a:lnTo>
                    <a:lnTo>
                      <a:pt x="4513" y="592"/>
                    </a:lnTo>
                    <a:lnTo>
                      <a:pt x="4506" y="599"/>
                    </a:lnTo>
                    <a:lnTo>
                      <a:pt x="4499" y="605"/>
                    </a:lnTo>
                    <a:lnTo>
                      <a:pt x="4493" y="613"/>
                    </a:lnTo>
                    <a:lnTo>
                      <a:pt x="4484" y="631"/>
                    </a:lnTo>
                    <a:lnTo>
                      <a:pt x="4472" y="649"/>
                    </a:lnTo>
                    <a:lnTo>
                      <a:pt x="4468" y="660"/>
                    </a:lnTo>
                    <a:lnTo>
                      <a:pt x="4460" y="673"/>
                    </a:lnTo>
                    <a:lnTo>
                      <a:pt x="4453" y="684"/>
                    </a:lnTo>
                    <a:lnTo>
                      <a:pt x="4445" y="697"/>
                    </a:lnTo>
                    <a:lnTo>
                      <a:pt x="4437" y="709"/>
                    </a:lnTo>
                    <a:lnTo>
                      <a:pt x="4432" y="721"/>
                    </a:lnTo>
                    <a:lnTo>
                      <a:pt x="4431" y="727"/>
                    </a:lnTo>
                    <a:lnTo>
                      <a:pt x="4429" y="732"/>
                    </a:lnTo>
                    <a:lnTo>
                      <a:pt x="4431" y="737"/>
                    </a:lnTo>
                    <a:lnTo>
                      <a:pt x="4432" y="744"/>
                    </a:lnTo>
                    <a:lnTo>
                      <a:pt x="4437" y="752"/>
                    </a:lnTo>
                    <a:lnTo>
                      <a:pt x="4440" y="761"/>
                    </a:lnTo>
                    <a:lnTo>
                      <a:pt x="4441" y="769"/>
                    </a:lnTo>
                    <a:lnTo>
                      <a:pt x="4442" y="776"/>
                    </a:lnTo>
                    <a:lnTo>
                      <a:pt x="4443" y="792"/>
                    </a:lnTo>
                    <a:lnTo>
                      <a:pt x="4443" y="811"/>
                    </a:lnTo>
                    <a:lnTo>
                      <a:pt x="4445" y="835"/>
                    </a:lnTo>
                    <a:lnTo>
                      <a:pt x="4447" y="861"/>
                    </a:lnTo>
                    <a:lnTo>
                      <a:pt x="4449" y="886"/>
                    </a:lnTo>
                    <a:lnTo>
                      <a:pt x="4450" y="914"/>
                    </a:lnTo>
                    <a:lnTo>
                      <a:pt x="4449" y="941"/>
                    </a:lnTo>
                    <a:lnTo>
                      <a:pt x="4447" y="967"/>
                    </a:lnTo>
                    <a:lnTo>
                      <a:pt x="4446" y="978"/>
                    </a:lnTo>
                    <a:lnTo>
                      <a:pt x="4445" y="991"/>
                    </a:lnTo>
                    <a:lnTo>
                      <a:pt x="4441" y="1003"/>
                    </a:lnTo>
                    <a:lnTo>
                      <a:pt x="4438" y="1015"/>
                    </a:lnTo>
                    <a:lnTo>
                      <a:pt x="4436" y="1021"/>
                    </a:lnTo>
                    <a:lnTo>
                      <a:pt x="4432" y="1028"/>
                    </a:lnTo>
                    <a:lnTo>
                      <a:pt x="4428" y="1033"/>
                    </a:lnTo>
                    <a:lnTo>
                      <a:pt x="4423" y="1038"/>
                    </a:lnTo>
                    <a:lnTo>
                      <a:pt x="4412" y="1047"/>
                    </a:lnTo>
                    <a:lnTo>
                      <a:pt x="4401" y="1056"/>
                    </a:lnTo>
                    <a:lnTo>
                      <a:pt x="4390" y="1065"/>
                    </a:lnTo>
                    <a:lnTo>
                      <a:pt x="4381" y="1076"/>
                    </a:lnTo>
                    <a:lnTo>
                      <a:pt x="4377" y="1081"/>
                    </a:lnTo>
                    <a:lnTo>
                      <a:pt x="4375" y="1087"/>
                    </a:lnTo>
                    <a:lnTo>
                      <a:pt x="4372" y="1094"/>
                    </a:lnTo>
                    <a:lnTo>
                      <a:pt x="4371" y="1103"/>
                    </a:lnTo>
                    <a:lnTo>
                      <a:pt x="4370" y="1114"/>
                    </a:lnTo>
                    <a:lnTo>
                      <a:pt x="4367" y="1126"/>
                    </a:lnTo>
                    <a:lnTo>
                      <a:pt x="4363" y="1135"/>
                    </a:lnTo>
                    <a:lnTo>
                      <a:pt x="4359" y="1144"/>
                    </a:lnTo>
                    <a:lnTo>
                      <a:pt x="4354" y="1153"/>
                    </a:lnTo>
                    <a:lnTo>
                      <a:pt x="4348" y="1160"/>
                    </a:lnTo>
                    <a:lnTo>
                      <a:pt x="4341" y="1166"/>
                    </a:lnTo>
                    <a:lnTo>
                      <a:pt x="4333" y="1173"/>
                    </a:lnTo>
                    <a:lnTo>
                      <a:pt x="4315" y="1182"/>
                    </a:lnTo>
                    <a:lnTo>
                      <a:pt x="4297" y="1190"/>
                    </a:lnTo>
                    <a:lnTo>
                      <a:pt x="4276" y="1196"/>
                    </a:lnTo>
                    <a:lnTo>
                      <a:pt x="4256" y="1201"/>
                    </a:lnTo>
                    <a:lnTo>
                      <a:pt x="4235" y="1196"/>
                    </a:lnTo>
                    <a:lnTo>
                      <a:pt x="4217" y="1191"/>
                    </a:lnTo>
                    <a:lnTo>
                      <a:pt x="4201" y="1184"/>
                    </a:lnTo>
                    <a:lnTo>
                      <a:pt x="4188" y="1178"/>
                    </a:lnTo>
                    <a:lnTo>
                      <a:pt x="4175" y="1169"/>
                    </a:lnTo>
                    <a:lnTo>
                      <a:pt x="4164" y="1157"/>
                    </a:lnTo>
                    <a:lnTo>
                      <a:pt x="4152" y="1144"/>
                    </a:lnTo>
                    <a:lnTo>
                      <a:pt x="4139" y="1127"/>
                    </a:lnTo>
                    <a:lnTo>
                      <a:pt x="4135" y="1122"/>
                    </a:lnTo>
                    <a:lnTo>
                      <a:pt x="4130" y="1120"/>
                    </a:lnTo>
                    <a:lnTo>
                      <a:pt x="4123" y="1118"/>
                    </a:lnTo>
                    <a:lnTo>
                      <a:pt x="4117" y="1118"/>
                    </a:lnTo>
                    <a:lnTo>
                      <a:pt x="4111" y="1121"/>
                    </a:lnTo>
                    <a:lnTo>
                      <a:pt x="4103" y="1123"/>
                    </a:lnTo>
                    <a:lnTo>
                      <a:pt x="4095" y="1127"/>
                    </a:lnTo>
                    <a:lnTo>
                      <a:pt x="4089" y="1133"/>
                    </a:lnTo>
                    <a:lnTo>
                      <a:pt x="4059" y="1153"/>
                    </a:lnTo>
                    <a:lnTo>
                      <a:pt x="4035" y="1169"/>
                    </a:lnTo>
                    <a:lnTo>
                      <a:pt x="4025" y="1174"/>
                    </a:lnTo>
                    <a:lnTo>
                      <a:pt x="4015" y="1177"/>
                    </a:lnTo>
                    <a:lnTo>
                      <a:pt x="4004" y="1179"/>
                    </a:lnTo>
                    <a:lnTo>
                      <a:pt x="3994" y="1179"/>
                    </a:lnTo>
                    <a:lnTo>
                      <a:pt x="3984" y="1179"/>
                    </a:lnTo>
                    <a:lnTo>
                      <a:pt x="3973" y="1179"/>
                    </a:lnTo>
                    <a:lnTo>
                      <a:pt x="3964" y="1177"/>
                    </a:lnTo>
                    <a:lnTo>
                      <a:pt x="3954" y="1174"/>
                    </a:lnTo>
                    <a:lnTo>
                      <a:pt x="3945" y="1171"/>
                    </a:lnTo>
                    <a:lnTo>
                      <a:pt x="3936" y="1166"/>
                    </a:lnTo>
                    <a:lnTo>
                      <a:pt x="3927" y="1161"/>
                    </a:lnTo>
                    <a:lnTo>
                      <a:pt x="3919" y="1156"/>
                    </a:lnTo>
                    <a:lnTo>
                      <a:pt x="3902" y="1143"/>
                    </a:lnTo>
                    <a:lnTo>
                      <a:pt x="3885" y="1129"/>
                    </a:lnTo>
                    <a:lnTo>
                      <a:pt x="3870" y="1113"/>
                    </a:lnTo>
                    <a:lnTo>
                      <a:pt x="3855" y="1096"/>
                    </a:lnTo>
                    <a:lnTo>
                      <a:pt x="3841" y="1078"/>
                    </a:lnTo>
                    <a:lnTo>
                      <a:pt x="3827" y="1060"/>
                    </a:lnTo>
                    <a:lnTo>
                      <a:pt x="3802" y="1026"/>
                    </a:lnTo>
                    <a:lnTo>
                      <a:pt x="3779" y="997"/>
                    </a:lnTo>
                    <a:lnTo>
                      <a:pt x="3754" y="965"/>
                    </a:lnTo>
                    <a:lnTo>
                      <a:pt x="3714" y="919"/>
                    </a:lnTo>
                    <a:lnTo>
                      <a:pt x="3695" y="897"/>
                    </a:lnTo>
                    <a:lnTo>
                      <a:pt x="3675" y="881"/>
                    </a:lnTo>
                    <a:lnTo>
                      <a:pt x="3667" y="876"/>
                    </a:lnTo>
                    <a:lnTo>
                      <a:pt x="3661" y="873"/>
                    </a:lnTo>
                    <a:lnTo>
                      <a:pt x="3658" y="873"/>
                    </a:lnTo>
                    <a:lnTo>
                      <a:pt x="3656" y="873"/>
                    </a:lnTo>
                    <a:lnTo>
                      <a:pt x="3653" y="875"/>
                    </a:lnTo>
                    <a:lnTo>
                      <a:pt x="3652" y="877"/>
                    </a:lnTo>
                    <a:lnTo>
                      <a:pt x="3644" y="898"/>
                    </a:lnTo>
                    <a:lnTo>
                      <a:pt x="3636" y="925"/>
                    </a:lnTo>
                    <a:lnTo>
                      <a:pt x="3629" y="954"/>
                    </a:lnTo>
                    <a:lnTo>
                      <a:pt x="3625" y="977"/>
                    </a:lnTo>
                    <a:lnTo>
                      <a:pt x="3550" y="997"/>
                    </a:lnTo>
                    <a:lnTo>
                      <a:pt x="3550" y="997"/>
                    </a:lnTo>
                    <a:lnTo>
                      <a:pt x="3524" y="1017"/>
                    </a:lnTo>
                    <a:lnTo>
                      <a:pt x="3524" y="1025"/>
                    </a:lnTo>
                    <a:lnTo>
                      <a:pt x="3525" y="1032"/>
                    </a:lnTo>
                    <a:lnTo>
                      <a:pt x="3528" y="1038"/>
                    </a:lnTo>
                    <a:lnTo>
                      <a:pt x="3529" y="1046"/>
                    </a:lnTo>
                    <a:lnTo>
                      <a:pt x="3535" y="1057"/>
                    </a:lnTo>
                    <a:lnTo>
                      <a:pt x="3542" y="1070"/>
                    </a:lnTo>
                    <a:lnTo>
                      <a:pt x="3547" y="1082"/>
                    </a:lnTo>
                    <a:lnTo>
                      <a:pt x="3552" y="1095"/>
                    </a:lnTo>
                    <a:lnTo>
                      <a:pt x="3553" y="1101"/>
                    </a:lnTo>
                    <a:lnTo>
                      <a:pt x="3553" y="1108"/>
                    </a:lnTo>
                    <a:lnTo>
                      <a:pt x="3553" y="1116"/>
                    </a:lnTo>
                    <a:lnTo>
                      <a:pt x="3552" y="1123"/>
                    </a:lnTo>
                    <a:lnTo>
                      <a:pt x="3522" y="1254"/>
                    </a:lnTo>
                    <a:lnTo>
                      <a:pt x="3516" y="1282"/>
                    </a:lnTo>
                    <a:lnTo>
                      <a:pt x="3508" y="1302"/>
                    </a:lnTo>
                    <a:lnTo>
                      <a:pt x="3504" y="1311"/>
                    </a:lnTo>
                    <a:lnTo>
                      <a:pt x="3500" y="1318"/>
                    </a:lnTo>
                    <a:lnTo>
                      <a:pt x="3496" y="1324"/>
                    </a:lnTo>
                    <a:lnTo>
                      <a:pt x="3493" y="1329"/>
                    </a:lnTo>
                    <a:lnTo>
                      <a:pt x="3489" y="1333"/>
                    </a:lnTo>
                    <a:lnTo>
                      <a:pt x="3484" y="1336"/>
                    </a:lnTo>
                    <a:lnTo>
                      <a:pt x="3480" y="1339"/>
                    </a:lnTo>
                    <a:lnTo>
                      <a:pt x="3474" y="1340"/>
                    </a:lnTo>
                    <a:lnTo>
                      <a:pt x="3465" y="1340"/>
                    </a:lnTo>
                    <a:lnTo>
                      <a:pt x="3455" y="1337"/>
                    </a:lnTo>
                    <a:lnTo>
                      <a:pt x="3433" y="1327"/>
                    </a:lnTo>
                    <a:lnTo>
                      <a:pt x="3410" y="1311"/>
                    </a:lnTo>
                    <a:lnTo>
                      <a:pt x="3397" y="1304"/>
                    </a:lnTo>
                    <a:lnTo>
                      <a:pt x="3384" y="1297"/>
                    </a:lnTo>
                    <a:lnTo>
                      <a:pt x="3370" y="1291"/>
                    </a:lnTo>
                    <a:lnTo>
                      <a:pt x="3355" y="1287"/>
                    </a:lnTo>
                    <a:lnTo>
                      <a:pt x="3313" y="1276"/>
                    </a:lnTo>
                    <a:lnTo>
                      <a:pt x="3257" y="1265"/>
                    </a:lnTo>
                    <a:lnTo>
                      <a:pt x="3230" y="1259"/>
                    </a:lnTo>
                    <a:lnTo>
                      <a:pt x="3204" y="1258"/>
                    </a:lnTo>
                    <a:lnTo>
                      <a:pt x="3192" y="1259"/>
                    </a:lnTo>
                    <a:lnTo>
                      <a:pt x="3183" y="1261"/>
                    </a:lnTo>
                    <a:lnTo>
                      <a:pt x="3174" y="1263"/>
                    </a:lnTo>
                    <a:lnTo>
                      <a:pt x="3167" y="1267"/>
                    </a:lnTo>
                    <a:lnTo>
                      <a:pt x="3162" y="1271"/>
                    </a:lnTo>
                    <a:lnTo>
                      <a:pt x="3158" y="1276"/>
                    </a:lnTo>
                    <a:lnTo>
                      <a:pt x="3154" y="1282"/>
                    </a:lnTo>
                    <a:lnTo>
                      <a:pt x="3151" y="1288"/>
                    </a:lnTo>
                    <a:lnTo>
                      <a:pt x="3144" y="1304"/>
                    </a:lnTo>
                    <a:lnTo>
                      <a:pt x="3136" y="1320"/>
                    </a:lnTo>
                    <a:lnTo>
                      <a:pt x="3125" y="1359"/>
                    </a:lnTo>
                    <a:lnTo>
                      <a:pt x="3113" y="1402"/>
                    </a:lnTo>
                    <a:lnTo>
                      <a:pt x="3108" y="1421"/>
                    </a:lnTo>
                    <a:lnTo>
                      <a:pt x="3101" y="1441"/>
                    </a:lnTo>
                    <a:lnTo>
                      <a:pt x="3095" y="1459"/>
                    </a:lnTo>
                    <a:lnTo>
                      <a:pt x="3088" y="1475"/>
                    </a:lnTo>
                    <a:lnTo>
                      <a:pt x="3082" y="1487"/>
                    </a:lnTo>
                    <a:lnTo>
                      <a:pt x="3074" y="1498"/>
                    </a:lnTo>
                    <a:lnTo>
                      <a:pt x="3070" y="1500"/>
                    </a:lnTo>
                    <a:lnTo>
                      <a:pt x="3066" y="1503"/>
                    </a:lnTo>
                    <a:lnTo>
                      <a:pt x="3061" y="1504"/>
                    </a:lnTo>
                    <a:lnTo>
                      <a:pt x="3057" y="1506"/>
                    </a:lnTo>
                    <a:lnTo>
                      <a:pt x="3050" y="1504"/>
                    </a:lnTo>
                    <a:lnTo>
                      <a:pt x="3043" y="1502"/>
                    </a:lnTo>
                    <a:lnTo>
                      <a:pt x="3037" y="1499"/>
                    </a:lnTo>
                    <a:lnTo>
                      <a:pt x="3031" y="1495"/>
                    </a:lnTo>
                    <a:lnTo>
                      <a:pt x="3020" y="1487"/>
                    </a:lnTo>
                    <a:lnTo>
                      <a:pt x="3008" y="1478"/>
                    </a:lnTo>
                    <a:lnTo>
                      <a:pt x="2996" y="1469"/>
                    </a:lnTo>
                    <a:lnTo>
                      <a:pt x="2985" y="1464"/>
                    </a:lnTo>
                    <a:lnTo>
                      <a:pt x="2978" y="1462"/>
                    </a:lnTo>
                    <a:lnTo>
                      <a:pt x="2972" y="1462"/>
                    </a:lnTo>
                    <a:lnTo>
                      <a:pt x="2965" y="1462"/>
                    </a:lnTo>
                    <a:lnTo>
                      <a:pt x="2958" y="1464"/>
                    </a:lnTo>
                    <a:lnTo>
                      <a:pt x="2950" y="1467"/>
                    </a:lnTo>
                    <a:lnTo>
                      <a:pt x="2942" y="1472"/>
                    </a:lnTo>
                    <a:lnTo>
                      <a:pt x="2934" y="1478"/>
                    </a:lnTo>
                    <a:lnTo>
                      <a:pt x="2928" y="1486"/>
                    </a:lnTo>
                    <a:lnTo>
                      <a:pt x="2915" y="1503"/>
                    </a:lnTo>
                    <a:lnTo>
                      <a:pt x="2902" y="1521"/>
                    </a:lnTo>
                    <a:lnTo>
                      <a:pt x="2890" y="1541"/>
                    </a:lnTo>
                    <a:lnTo>
                      <a:pt x="2879" y="1559"/>
                    </a:lnTo>
                    <a:lnTo>
                      <a:pt x="2872" y="1568"/>
                    </a:lnTo>
                    <a:lnTo>
                      <a:pt x="2866" y="1574"/>
                    </a:lnTo>
                    <a:lnTo>
                      <a:pt x="2858" y="1581"/>
                    </a:lnTo>
                    <a:lnTo>
                      <a:pt x="2850" y="1586"/>
                    </a:lnTo>
                    <a:lnTo>
                      <a:pt x="2823" y="1614"/>
                    </a:lnTo>
                    <a:lnTo>
                      <a:pt x="2801" y="1638"/>
                    </a:lnTo>
                    <a:lnTo>
                      <a:pt x="2792" y="1649"/>
                    </a:lnTo>
                    <a:lnTo>
                      <a:pt x="2784" y="1661"/>
                    </a:lnTo>
                    <a:lnTo>
                      <a:pt x="2776" y="1673"/>
                    </a:lnTo>
                    <a:lnTo>
                      <a:pt x="2771" y="1683"/>
                    </a:lnTo>
                    <a:lnTo>
                      <a:pt x="2766" y="1695"/>
                    </a:lnTo>
                    <a:lnTo>
                      <a:pt x="2762" y="1708"/>
                    </a:lnTo>
                    <a:lnTo>
                      <a:pt x="2758" y="1721"/>
                    </a:lnTo>
                    <a:lnTo>
                      <a:pt x="2755" y="1735"/>
                    </a:lnTo>
                    <a:lnTo>
                      <a:pt x="2754" y="1750"/>
                    </a:lnTo>
                    <a:lnTo>
                      <a:pt x="2753" y="1767"/>
                    </a:lnTo>
                    <a:lnTo>
                      <a:pt x="2752" y="1785"/>
                    </a:lnTo>
                    <a:lnTo>
                      <a:pt x="2752" y="1805"/>
                    </a:lnTo>
                    <a:lnTo>
                      <a:pt x="2752" y="1822"/>
                    </a:lnTo>
                    <a:lnTo>
                      <a:pt x="2750" y="1839"/>
                    </a:lnTo>
                    <a:lnTo>
                      <a:pt x="2749" y="1854"/>
                    </a:lnTo>
                    <a:lnTo>
                      <a:pt x="2746" y="1870"/>
                    </a:lnTo>
                    <a:lnTo>
                      <a:pt x="2742" y="1884"/>
                    </a:lnTo>
                    <a:lnTo>
                      <a:pt x="2739" y="1898"/>
                    </a:lnTo>
                    <a:lnTo>
                      <a:pt x="2735" y="1912"/>
                    </a:lnTo>
                    <a:lnTo>
                      <a:pt x="2730" y="1927"/>
                    </a:lnTo>
                    <a:lnTo>
                      <a:pt x="2718" y="1953"/>
                    </a:lnTo>
                    <a:lnTo>
                      <a:pt x="2704" y="1980"/>
                    </a:lnTo>
                    <a:lnTo>
                      <a:pt x="2688" y="2007"/>
                    </a:lnTo>
                    <a:lnTo>
                      <a:pt x="2670" y="2034"/>
                    </a:lnTo>
                    <a:lnTo>
                      <a:pt x="2662" y="2045"/>
                    </a:lnTo>
                    <a:lnTo>
                      <a:pt x="2653" y="2052"/>
                    </a:lnTo>
                    <a:lnTo>
                      <a:pt x="2645" y="2060"/>
                    </a:lnTo>
                    <a:lnTo>
                      <a:pt x="2636" y="2068"/>
                    </a:lnTo>
                    <a:lnTo>
                      <a:pt x="2619" y="2079"/>
                    </a:lnTo>
                    <a:lnTo>
                      <a:pt x="2603" y="2091"/>
                    </a:lnTo>
                    <a:lnTo>
                      <a:pt x="2595" y="2096"/>
                    </a:lnTo>
                    <a:lnTo>
                      <a:pt x="2587" y="2103"/>
                    </a:lnTo>
                    <a:lnTo>
                      <a:pt x="2581" y="2111"/>
                    </a:lnTo>
                    <a:lnTo>
                      <a:pt x="2574" y="2120"/>
                    </a:lnTo>
                    <a:lnTo>
                      <a:pt x="2570" y="2129"/>
                    </a:lnTo>
                    <a:lnTo>
                      <a:pt x="2566" y="2140"/>
                    </a:lnTo>
                    <a:lnTo>
                      <a:pt x="2562" y="2153"/>
                    </a:lnTo>
                    <a:lnTo>
                      <a:pt x="2561" y="2169"/>
                    </a:lnTo>
                    <a:lnTo>
                      <a:pt x="2560" y="2186"/>
                    </a:lnTo>
                    <a:lnTo>
                      <a:pt x="2556" y="2200"/>
                    </a:lnTo>
                    <a:lnTo>
                      <a:pt x="2551" y="2212"/>
                    </a:lnTo>
                    <a:lnTo>
                      <a:pt x="2544" y="2222"/>
                    </a:lnTo>
                    <a:lnTo>
                      <a:pt x="2538" y="2231"/>
                    </a:lnTo>
                    <a:lnTo>
                      <a:pt x="2529" y="2238"/>
                    </a:lnTo>
                    <a:lnTo>
                      <a:pt x="2520" y="2244"/>
                    </a:lnTo>
                    <a:lnTo>
                      <a:pt x="2509" y="2249"/>
                    </a:lnTo>
                    <a:lnTo>
                      <a:pt x="2460" y="2265"/>
                    </a:lnTo>
                    <a:lnTo>
                      <a:pt x="2406" y="2280"/>
                    </a:lnTo>
                    <a:lnTo>
                      <a:pt x="2400" y="2306"/>
                    </a:lnTo>
                    <a:lnTo>
                      <a:pt x="2394" y="2331"/>
                    </a:lnTo>
                    <a:lnTo>
                      <a:pt x="2386" y="2355"/>
                    </a:lnTo>
                    <a:lnTo>
                      <a:pt x="2380" y="2380"/>
                    </a:lnTo>
                    <a:lnTo>
                      <a:pt x="2372" y="2403"/>
                    </a:lnTo>
                    <a:lnTo>
                      <a:pt x="2366" y="2429"/>
                    </a:lnTo>
                    <a:lnTo>
                      <a:pt x="2359" y="2454"/>
                    </a:lnTo>
                    <a:lnTo>
                      <a:pt x="2354" y="2478"/>
                    </a:lnTo>
                    <a:lnTo>
                      <a:pt x="2351" y="2501"/>
                    </a:lnTo>
                    <a:lnTo>
                      <a:pt x="2349" y="2521"/>
                    </a:lnTo>
                    <a:lnTo>
                      <a:pt x="2346" y="2542"/>
                    </a:lnTo>
                    <a:lnTo>
                      <a:pt x="2345" y="2563"/>
                    </a:lnTo>
                    <a:lnTo>
                      <a:pt x="2345" y="2605"/>
                    </a:lnTo>
                    <a:lnTo>
                      <a:pt x="2343" y="2648"/>
                    </a:lnTo>
                    <a:lnTo>
                      <a:pt x="2342" y="2669"/>
                    </a:lnTo>
                    <a:lnTo>
                      <a:pt x="2340" y="2690"/>
                    </a:lnTo>
                    <a:lnTo>
                      <a:pt x="2336" y="2710"/>
                    </a:lnTo>
                    <a:lnTo>
                      <a:pt x="2331" y="2730"/>
                    </a:lnTo>
                    <a:lnTo>
                      <a:pt x="2324" y="2748"/>
                    </a:lnTo>
                    <a:lnTo>
                      <a:pt x="2318" y="2767"/>
                    </a:lnTo>
                    <a:lnTo>
                      <a:pt x="2310" y="2785"/>
                    </a:lnTo>
                    <a:lnTo>
                      <a:pt x="2301" y="2804"/>
                    </a:lnTo>
                    <a:lnTo>
                      <a:pt x="2281" y="2839"/>
                    </a:lnTo>
                    <a:lnTo>
                      <a:pt x="2261" y="2874"/>
                    </a:lnTo>
                    <a:lnTo>
                      <a:pt x="2239" y="2909"/>
                    </a:lnTo>
                    <a:lnTo>
                      <a:pt x="2217" y="2944"/>
                    </a:lnTo>
                    <a:lnTo>
                      <a:pt x="2211" y="2956"/>
                    </a:lnTo>
                    <a:lnTo>
                      <a:pt x="2207" y="2971"/>
                    </a:lnTo>
                    <a:lnTo>
                      <a:pt x="2206" y="2985"/>
                    </a:lnTo>
                    <a:lnTo>
                      <a:pt x="2205" y="2999"/>
                    </a:lnTo>
                    <a:lnTo>
                      <a:pt x="2205" y="3015"/>
                    </a:lnTo>
                    <a:lnTo>
                      <a:pt x="2206" y="3030"/>
                    </a:lnTo>
                    <a:lnTo>
                      <a:pt x="2207" y="3046"/>
                    </a:lnTo>
                    <a:lnTo>
                      <a:pt x="2209" y="3061"/>
                    </a:lnTo>
                    <a:lnTo>
                      <a:pt x="2220" y="3125"/>
                    </a:lnTo>
                    <a:lnTo>
                      <a:pt x="2229" y="3184"/>
                    </a:lnTo>
                    <a:lnTo>
                      <a:pt x="2231" y="3197"/>
                    </a:lnTo>
                    <a:lnTo>
                      <a:pt x="2232" y="3210"/>
                    </a:lnTo>
                    <a:lnTo>
                      <a:pt x="2231" y="3222"/>
                    </a:lnTo>
                    <a:lnTo>
                      <a:pt x="2229" y="3234"/>
                    </a:lnTo>
                    <a:lnTo>
                      <a:pt x="2227" y="3244"/>
                    </a:lnTo>
                    <a:lnTo>
                      <a:pt x="2223" y="3253"/>
                    </a:lnTo>
                    <a:lnTo>
                      <a:pt x="2218" y="3262"/>
                    </a:lnTo>
                    <a:lnTo>
                      <a:pt x="2210" y="3269"/>
                    </a:lnTo>
                    <a:lnTo>
                      <a:pt x="2202" y="3274"/>
                    </a:lnTo>
                    <a:lnTo>
                      <a:pt x="2192" y="3279"/>
                    </a:lnTo>
                    <a:lnTo>
                      <a:pt x="2179" y="3282"/>
                    </a:lnTo>
                    <a:lnTo>
                      <a:pt x="2165" y="3283"/>
                    </a:lnTo>
                    <a:lnTo>
                      <a:pt x="2148" y="3283"/>
                    </a:lnTo>
                    <a:lnTo>
                      <a:pt x="2128" y="3280"/>
                    </a:lnTo>
                    <a:lnTo>
                      <a:pt x="2106" y="3276"/>
                    </a:lnTo>
                    <a:lnTo>
                      <a:pt x="2083" y="3271"/>
                    </a:lnTo>
                    <a:lnTo>
                      <a:pt x="2066" y="3267"/>
                    </a:lnTo>
                    <a:lnTo>
                      <a:pt x="2051" y="3266"/>
                    </a:lnTo>
                    <a:lnTo>
                      <a:pt x="2035" y="3266"/>
                    </a:lnTo>
                    <a:lnTo>
                      <a:pt x="2020" y="3267"/>
                    </a:lnTo>
                    <a:lnTo>
                      <a:pt x="2007" y="3270"/>
                    </a:lnTo>
                    <a:lnTo>
                      <a:pt x="1992" y="3275"/>
                    </a:lnTo>
                    <a:lnTo>
                      <a:pt x="1979" y="3280"/>
                    </a:lnTo>
                    <a:lnTo>
                      <a:pt x="1968" y="3288"/>
                    </a:lnTo>
                    <a:lnTo>
                      <a:pt x="1955" y="3296"/>
                    </a:lnTo>
                    <a:lnTo>
                      <a:pt x="1944" y="3305"/>
                    </a:lnTo>
                    <a:lnTo>
                      <a:pt x="1933" y="3315"/>
                    </a:lnTo>
                    <a:lnTo>
                      <a:pt x="1922" y="3327"/>
                    </a:lnTo>
                    <a:lnTo>
                      <a:pt x="1912" y="3339"/>
                    </a:lnTo>
                    <a:lnTo>
                      <a:pt x="1903" y="3352"/>
                    </a:lnTo>
                    <a:lnTo>
                      <a:pt x="1894" y="3366"/>
                    </a:lnTo>
                    <a:lnTo>
                      <a:pt x="1885" y="3379"/>
                    </a:lnTo>
                    <a:lnTo>
                      <a:pt x="1867" y="3409"/>
                    </a:lnTo>
                    <a:lnTo>
                      <a:pt x="1851" y="3440"/>
                    </a:lnTo>
                    <a:lnTo>
                      <a:pt x="1836" y="3471"/>
                    </a:lnTo>
                    <a:lnTo>
                      <a:pt x="1821" y="3502"/>
                    </a:lnTo>
                    <a:lnTo>
                      <a:pt x="1807" y="3532"/>
                    </a:lnTo>
                    <a:lnTo>
                      <a:pt x="1793" y="3561"/>
                    </a:lnTo>
                    <a:lnTo>
                      <a:pt x="1779" y="3587"/>
                    </a:lnTo>
                    <a:lnTo>
                      <a:pt x="1764" y="3612"/>
                    </a:lnTo>
                    <a:lnTo>
                      <a:pt x="1762" y="3630"/>
                    </a:lnTo>
                    <a:lnTo>
                      <a:pt x="1761" y="3647"/>
                    </a:lnTo>
                    <a:lnTo>
                      <a:pt x="1761" y="3665"/>
                    </a:lnTo>
                    <a:lnTo>
                      <a:pt x="1761" y="3682"/>
                    </a:lnTo>
                    <a:lnTo>
                      <a:pt x="1764" y="3717"/>
                    </a:lnTo>
                    <a:lnTo>
                      <a:pt x="1764" y="3752"/>
                    </a:lnTo>
                    <a:lnTo>
                      <a:pt x="1763" y="3782"/>
                    </a:lnTo>
                    <a:lnTo>
                      <a:pt x="1759" y="3813"/>
                    </a:lnTo>
                    <a:lnTo>
                      <a:pt x="1755" y="3843"/>
                    </a:lnTo>
                    <a:lnTo>
                      <a:pt x="1754" y="3872"/>
                    </a:lnTo>
                    <a:lnTo>
                      <a:pt x="1755" y="3901"/>
                    </a:lnTo>
                    <a:lnTo>
                      <a:pt x="1757" y="3928"/>
                    </a:lnTo>
                    <a:lnTo>
                      <a:pt x="1761" y="3957"/>
                    </a:lnTo>
                    <a:lnTo>
                      <a:pt x="1763" y="3984"/>
                    </a:lnTo>
                    <a:lnTo>
                      <a:pt x="1767" y="4011"/>
                    </a:lnTo>
                    <a:lnTo>
                      <a:pt x="1770" y="4039"/>
                    </a:lnTo>
                    <a:lnTo>
                      <a:pt x="1771" y="4067"/>
                    </a:lnTo>
                    <a:lnTo>
                      <a:pt x="1771" y="4093"/>
                    </a:lnTo>
                    <a:lnTo>
                      <a:pt x="1770" y="4102"/>
                    </a:lnTo>
                    <a:lnTo>
                      <a:pt x="1768" y="4111"/>
                    </a:lnTo>
                    <a:lnTo>
                      <a:pt x="1766" y="4120"/>
                    </a:lnTo>
                    <a:lnTo>
                      <a:pt x="1763" y="4129"/>
                    </a:lnTo>
                    <a:lnTo>
                      <a:pt x="1757" y="4146"/>
                    </a:lnTo>
                    <a:lnTo>
                      <a:pt x="1748" y="4164"/>
                    </a:lnTo>
                    <a:lnTo>
                      <a:pt x="1740" y="4182"/>
                    </a:lnTo>
                    <a:lnTo>
                      <a:pt x="1731" y="4201"/>
                    </a:lnTo>
                    <a:lnTo>
                      <a:pt x="1724" y="4220"/>
                    </a:lnTo>
                    <a:lnTo>
                      <a:pt x="1720" y="4239"/>
                    </a:lnTo>
                    <a:lnTo>
                      <a:pt x="1722" y="4256"/>
                    </a:lnTo>
                    <a:lnTo>
                      <a:pt x="1723" y="4270"/>
                    </a:lnTo>
                    <a:lnTo>
                      <a:pt x="1727" y="4284"/>
                    </a:lnTo>
                    <a:lnTo>
                      <a:pt x="1732" y="4296"/>
                    </a:lnTo>
                    <a:lnTo>
                      <a:pt x="1737" y="4306"/>
                    </a:lnTo>
                    <a:lnTo>
                      <a:pt x="1744" y="4315"/>
                    </a:lnTo>
                    <a:lnTo>
                      <a:pt x="1751" y="4324"/>
                    </a:lnTo>
                    <a:lnTo>
                      <a:pt x="1759" y="4332"/>
                    </a:lnTo>
                    <a:lnTo>
                      <a:pt x="1776" y="4348"/>
                    </a:lnTo>
                    <a:lnTo>
                      <a:pt x="1793" y="4365"/>
                    </a:lnTo>
                    <a:lnTo>
                      <a:pt x="1802" y="4374"/>
                    </a:lnTo>
                    <a:lnTo>
                      <a:pt x="1810" y="4383"/>
                    </a:lnTo>
                    <a:lnTo>
                      <a:pt x="1816" y="4394"/>
                    </a:lnTo>
                    <a:lnTo>
                      <a:pt x="1823" y="4407"/>
                    </a:lnTo>
                    <a:lnTo>
                      <a:pt x="1825" y="4415"/>
                    </a:lnTo>
                    <a:lnTo>
                      <a:pt x="1828" y="4424"/>
                    </a:lnTo>
                    <a:lnTo>
                      <a:pt x="1830" y="4433"/>
                    </a:lnTo>
                    <a:lnTo>
                      <a:pt x="1830" y="4444"/>
                    </a:lnTo>
                    <a:lnTo>
                      <a:pt x="1832" y="4466"/>
                    </a:lnTo>
                    <a:lnTo>
                      <a:pt x="1830" y="4489"/>
                    </a:lnTo>
                    <a:lnTo>
                      <a:pt x="1829" y="4501"/>
                    </a:lnTo>
                    <a:lnTo>
                      <a:pt x="1827" y="4512"/>
                    </a:lnTo>
                    <a:lnTo>
                      <a:pt x="1824" y="4523"/>
                    </a:lnTo>
                    <a:lnTo>
                      <a:pt x="1820" y="4533"/>
                    </a:lnTo>
                    <a:lnTo>
                      <a:pt x="1816" y="4541"/>
                    </a:lnTo>
                    <a:lnTo>
                      <a:pt x="1811" y="4550"/>
                    </a:lnTo>
                    <a:lnTo>
                      <a:pt x="1806" y="4556"/>
                    </a:lnTo>
                    <a:lnTo>
                      <a:pt x="1799" y="4562"/>
                    </a:lnTo>
                    <a:lnTo>
                      <a:pt x="1776" y="4571"/>
                    </a:lnTo>
                    <a:lnTo>
                      <a:pt x="1750" y="4580"/>
                    </a:lnTo>
                    <a:lnTo>
                      <a:pt x="1744" y="4582"/>
                    </a:lnTo>
                    <a:lnTo>
                      <a:pt x="1738" y="4585"/>
                    </a:lnTo>
                    <a:lnTo>
                      <a:pt x="1733" y="4589"/>
                    </a:lnTo>
                    <a:lnTo>
                      <a:pt x="1729" y="4593"/>
                    </a:lnTo>
                    <a:lnTo>
                      <a:pt x="1726" y="4598"/>
                    </a:lnTo>
                    <a:lnTo>
                      <a:pt x="1724" y="4603"/>
                    </a:lnTo>
                    <a:lnTo>
                      <a:pt x="1723" y="4608"/>
                    </a:lnTo>
                    <a:lnTo>
                      <a:pt x="1723" y="4616"/>
                    </a:lnTo>
                    <a:lnTo>
                      <a:pt x="1726" y="4652"/>
                    </a:lnTo>
                    <a:lnTo>
                      <a:pt x="1728" y="4687"/>
                    </a:lnTo>
                    <a:lnTo>
                      <a:pt x="1729" y="4705"/>
                    </a:lnTo>
                    <a:lnTo>
                      <a:pt x="1733" y="4722"/>
                    </a:lnTo>
                    <a:lnTo>
                      <a:pt x="1737" y="4740"/>
                    </a:lnTo>
                    <a:lnTo>
                      <a:pt x="1742" y="4758"/>
                    </a:lnTo>
                    <a:lnTo>
                      <a:pt x="1750" y="4780"/>
                    </a:lnTo>
                    <a:lnTo>
                      <a:pt x="1757" y="4799"/>
                    </a:lnTo>
                    <a:lnTo>
                      <a:pt x="1761" y="4815"/>
                    </a:lnTo>
                    <a:lnTo>
                      <a:pt x="1763" y="4831"/>
                    </a:lnTo>
                    <a:lnTo>
                      <a:pt x="1764" y="4839"/>
                    </a:lnTo>
                    <a:lnTo>
                      <a:pt x="1764" y="4847"/>
                    </a:lnTo>
                    <a:lnTo>
                      <a:pt x="1763" y="4854"/>
                    </a:lnTo>
                    <a:lnTo>
                      <a:pt x="1761" y="4863"/>
                    </a:lnTo>
                    <a:lnTo>
                      <a:pt x="1758" y="4871"/>
                    </a:lnTo>
                    <a:lnTo>
                      <a:pt x="1755" y="4881"/>
                    </a:lnTo>
                    <a:lnTo>
                      <a:pt x="1750" y="4891"/>
                    </a:lnTo>
                    <a:lnTo>
                      <a:pt x="1745" y="4901"/>
                    </a:lnTo>
                    <a:lnTo>
                      <a:pt x="1736" y="4941"/>
                    </a:lnTo>
                    <a:lnTo>
                      <a:pt x="1728" y="4977"/>
                    </a:lnTo>
                    <a:lnTo>
                      <a:pt x="1723" y="4995"/>
                    </a:lnTo>
                    <a:lnTo>
                      <a:pt x="1716" y="5012"/>
                    </a:lnTo>
                    <a:lnTo>
                      <a:pt x="1711" y="5029"/>
                    </a:lnTo>
                    <a:lnTo>
                      <a:pt x="1704" y="5046"/>
                    </a:lnTo>
                    <a:lnTo>
                      <a:pt x="1696" y="5062"/>
                    </a:lnTo>
                    <a:lnTo>
                      <a:pt x="1688" y="5077"/>
                    </a:lnTo>
                    <a:lnTo>
                      <a:pt x="1678" y="5091"/>
                    </a:lnTo>
                    <a:lnTo>
                      <a:pt x="1667" y="5106"/>
                    </a:lnTo>
                    <a:lnTo>
                      <a:pt x="1654" y="5120"/>
                    </a:lnTo>
                    <a:lnTo>
                      <a:pt x="1641" y="5133"/>
                    </a:lnTo>
                    <a:lnTo>
                      <a:pt x="1626" y="5147"/>
                    </a:lnTo>
                    <a:lnTo>
                      <a:pt x="1609" y="5159"/>
                    </a:lnTo>
                    <a:lnTo>
                      <a:pt x="1600" y="5166"/>
                    </a:lnTo>
                    <a:lnTo>
                      <a:pt x="1593" y="5174"/>
                    </a:lnTo>
                    <a:lnTo>
                      <a:pt x="1587" y="5183"/>
                    </a:lnTo>
                    <a:lnTo>
                      <a:pt x="1582" y="5192"/>
                    </a:lnTo>
                    <a:lnTo>
                      <a:pt x="1573" y="5211"/>
                    </a:lnTo>
                    <a:lnTo>
                      <a:pt x="1564" y="5231"/>
                    </a:lnTo>
                    <a:lnTo>
                      <a:pt x="1545" y="5268"/>
                    </a:lnTo>
                    <a:lnTo>
                      <a:pt x="1529" y="5305"/>
                    </a:lnTo>
                    <a:lnTo>
                      <a:pt x="1513" y="5343"/>
                    </a:lnTo>
                    <a:lnTo>
                      <a:pt x="1500" y="5380"/>
                    </a:lnTo>
                    <a:lnTo>
                      <a:pt x="1495" y="5400"/>
                    </a:lnTo>
                    <a:lnTo>
                      <a:pt x="1490" y="5419"/>
                    </a:lnTo>
                    <a:lnTo>
                      <a:pt x="1485" y="5439"/>
                    </a:lnTo>
                    <a:lnTo>
                      <a:pt x="1481" y="5458"/>
                    </a:lnTo>
                    <a:lnTo>
                      <a:pt x="1478" y="5479"/>
                    </a:lnTo>
                    <a:lnTo>
                      <a:pt x="1475" y="5498"/>
                    </a:lnTo>
                    <a:lnTo>
                      <a:pt x="1474" y="5519"/>
                    </a:lnTo>
                    <a:lnTo>
                      <a:pt x="1474" y="5541"/>
                    </a:lnTo>
                    <a:lnTo>
                      <a:pt x="1469" y="5546"/>
                    </a:lnTo>
                    <a:lnTo>
                      <a:pt x="1466" y="5549"/>
                    </a:lnTo>
                    <a:lnTo>
                      <a:pt x="1463" y="5550"/>
                    </a:lnTo>
                    <a:lnTo>
                      <a:pt x="1456" y="5553"/>
                    </a:lnTo>
                    <a:lnTo>
                      <a:pt x="1412" y="5521"/>
                    </a:lnTo>
                    <a:lnTo>
                      <a:pt x="1412" y="5521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44" name="Freeform 39"/>
              <p:cNvSpPr>
                <a:spLocks noEditPoints="1"/>
              </p:cNvSpPr>
              <p:nvPr/>
            </p:nvSpPr>
            <p:spPr bwMode="auto">
              <a:xfrm>
                <a:off x="7557529" y="68770"/>
                <a:ext cx="1306153" cy="2853961"/>
              </a:xfrm>
              <a:custGeom>
                <a:avLst/>
                <a:gdLst/>
                <a:ahLst/>
                <a:cxnLst>
                  <a:cxn ang="0">
                    <a:pos x="71" y="4961"/>
                  </a:cxn>
                  <a:cxn ang="0">
                    <a:pos x="1388" y="5448"/>
                  </a:cxn>
                  <a:cxn ang="0">
                    <a:pos x="1188" y="5879"/>
                  </a:cxn>
                  <a:cxn ang="0">
                    <a:pos x="1761" y="5197"/>
                  </a:cxn>
                  <a:cxn ang="0">
                    <a:pos x="1887" y="5158"/>
                  </a:cxn>
                  <a:cxn ang="0">
                    <a:pos x="1815" y="5427"/>
                  </a:cxn>
                  <a:cxn ang="0">
                    <a:pos x="1641" y="5636"/>
                  </a:cxn>
                  <a:cxn ang="0">
                    <a:pos x="193" y="4308"/>
                  </a:cxn>
                  <a:cxn ang="0">
                    <a:pos x="428" y="3850"/>
                  </a:cxn>
                  <a:cxn ang="0">
                    <a:pos x="491" y="3515"/>
                  </a:cxn>
                  <a:cxn ang="0">
                    <a:pos x="427" y="3132"/>
                  </a:cxn>
                  <a:cxn ang="0">
                    <a:pos x="515" y="2443"/>
                  </a:cxn>
                  <a:cxn ang="0">
                    <a:pos x="887" y="2256"/>
                  </a:cxn>
                  <a:cxn ang="0">
                    <a:pos x="1007" y="1651"/>
                  </a:cxn>
                  <a:cxn ang="0">
                    <a:pos x="1238" y="1123"/>
                  </a:cxn>
                  <a:cxn ang="0">
                    <a:pos x="1426" y="711"/>
                  </a:cxn>
                  <a:cxn ang="0">
                    <a:pos x="1695" y="498"/>
                  </a:cxn>
                  <a:cxn ang="0">
                    <a:pos x="1921" y="268"/>
                  </a:cxn>
                  <a:cxn ang="0">
                    <a:pos x="2199" y="60"/>
                  </a:cxn>
                  <a:cxn ang="0">
                    <a:pos x="2601" y="426"/>
                  </a:cxn>
                  <a:cxn ang="0">
                    <a:pos x="2760" y="715"/>
                  </a:cxn>
                  <a:cxn ang="0">
                    <a:pos x="2797" y="1103"/>
                  </a:cxn>
                  <a:cxn ang="0">
                    <a:pos x="2693" y="1452"/>
                  </a:cxn>
                  <a:cxn ang="0">
                    <a:pos x="2571" y="1469"/>
                  </a:cxn>
                  <a:cxn ang="0">
                    <a:pos x="2482" y="1522"/>
                  </a:cxn>
                  <a:cxn ang="0">
                    <a:pos x="2473" y="1610"/>
                  </a:cxn>
                  <a:cxn ang="0">
                    <a:pos x="2412" y="1790"/>
                  </a:cxn>
                  <a:cxn ang="0">
                    <a:pos x="2359" y="2016"/>
                  </a:cxn>
                  <a:cxn ang="0">
                    <a:pos x="2346" y="2247"/>
                  </a:cxn>
                  <a:cxn ang="0">
                    <a:pos x="2185" y="2462"/>
                  </a:cxn>
                  <a:cxn ang="0">
                    <a:pos x="1986" y="2580"/>
                  </a:cxn>
                  <a:cxn ang="0">
                    <a:pos x="1793" y="2773"/>
                  </a:cxn>
                  <a:cxn ang="0">
                    <a:pos x="1711" y="2878"/>
                  </a:cxn>
                  <a:cxn ang="0">
                    <a:pos x="1645" y="2975"/>
                  </a:cxn>
                  <a:cxn ang="0">
                    <a:pos x="1515" y="3075"/>
                  </a:cxn>
                  <a:cxn ang="0">
                    <a:pos x="1536" y="3321"/>
                  </a:cxn>
                  <a:cxn ang="0">
                    <a:pos x="1470" y="3410"/>
                  </a:cxn>
                  <a:cxn ang="0">
                    <a:pos x="1429" y="3666"/>
                  </a:cxn>
                  <a:cxn ang="0">
                    <a:pos x="1528" y="3918"/>
                  </a:cxn>
                  <a:cxn ang="0">
                    <a:pos x="1386" y="4134"/>
                  </a:cxn>
                  <a:cxn ang="0">
                    <a:pos x="1635" y="4026"/>
                  </a:cxn>
                  <a:cxn ang="0">
                    <a:pos x="1822" y="4106"/>
                  </a:cxn>
                  <a:cxn ang="0">
                    <a:pos x="1850" y="4204"/>
                  </a:cxn>
                  <a:cxn ang="0">
                    <a:pos x="1860" y="4357"/>
                  </a:cxn>
                  <a:cxn ang="0">
                    <a:pos x="1711" y="4511"/>
                  </a:cxn>
                  <a:cxn ang="0">
                    <a:pos x="1677" y="4536"/>
                  </a:cxn>
                  <a:cxn ang="0">
                    <a:pos x="1598" y="4750"/>
                  </a:cxn>
                  <a:cxn ang="0">
                    <a:pos x="1460" y="4760"/>
                  </a:cxn>
                  <a:cxn ang="0">
                    <a:pos x="1355" y="4875"/>
                  </a:cxn>
                  <a:cxn ang="0">
                    <a:pos x="1356" y="5008"/>
                  </a:cxn>
                  <a:cxn ang="0">
                    <a:pos x="1264" y="5135"/>
                  </a:cxn>
                  <a:cxn ang="0">
                    <a:pos x="1213" y="5563"/>
                  </a:cxn>
                  <a:cxn ang="0">
                    <a:pos x="1067" y="6009"/>
                  </a:cxn>
                  <a:cxn ang="0">
                    <a:pos x="755" y="5983"/>
                  </a:cxn>
                  <a:cxn ang="0">
                    <a:pos x="653" y="6207"/>
                  </a:cxn>
                  <a:cxn ang="0">
                    <a:pos x="435" y="6293"/>
                  </a:cxn>
                  <a:cxn ang="0">
                    <a:pos x="273" y="6137"/>
                  </a:cxn>
                  <a:cxn ang="0">
                    <a:pos x="196" y="5815"/>
                  </a:cxn>
                  <a:cxn ang="0">
                    <a:pos x="243" y="5741"/>
                  </a:cxn>
                  <a:cxn ang="0">
                    <a:pos x="225" y="5579"/>
                  </a:cxn>
                  <a:cxn ang="0">
                    <a:pos x="112" y="5075"/>
                  </a:cxn>
                  <a:cxn ang="0">
                    <a:pos x="95" y="4833"/>
                  </a:cxn>
                  <a:cxn ang="0">
                    <a:pos x="20" y="4703"/>
                  </a:cxn>
                </a:cxnLst>
                <a:rect l="0" t="0" r="r" b="b"/>
                <a:pathLst>
                  <a:path w="2865" h="6317">
                    <a:moveTo>
                      <a:pt x="71" y="4961"/>
                    </a:moveTo>
                    <a:lnTo>
                      <a:pt x="70" y="4962"/>
                    </a:lnTo>
                    <a:lnTo>
                      <a:pt x="67" y="4964"/>
                    </a:lnTo>
                    <a:lnTo>
                      <a:pt x="64" y="4962"/>
                    </a:lnTo>
                    <a:lnTo>
                      <a:pt x="62" y="4961"/>
                    </a:lnTo>
                    <a:lnTo>
                      <a:pt x="58" y="4956"/>
                    </a:lnTo>
                    <a:lnTo>
                      <a:pt x="55" y="4951"/>
                    </a:lnTo>
                    <a:lnTo>
                      <a:pt x="53" y="4942"/>
                    </a:lnTo>
                    <a:lnTo>
                      <a:pt x="51" y="4931"/>
                    </a:lnTo>
                    <a:lnTo>
                      <a:pt x="67" y="4922"/>
                    </a:lnTo>
                    <a:lnTo>
                      <a:pt x="88" y="4910"/>
                    </a:lnTo>
                    <a:lnTo>
                      <a:pt x="93" y="4905"/>
                    </a:lnTo>
                    <a:lnTo>
                      <a:pt x="98" y="4900"/>
                    </a:lnTo>
                    <a:lnTo>
                      <a:pt x="105" y="4896"/>
                    </a:lnTo>
                    <a:lnTo>
                      <a:pt x="114" y="4895"/>
                    </a:lnTo>
                    <a:lnTo>
                      <a:pt x="115" y="4896"/>
                    </a:lnTo>
                    <a:lnTo>
                      <a:pt x="117" y="4899"/>
                    </a:lnTo>
                    <a:lnTo>
                      <a:pt x="117" y="4903"/>
                    </a:lnTo>
                    <a:lnTo>
                      <a:pt x="119" y="4908"/>
                    </a:lnTo>
                    <a:lnTo>
                      <a:pt x="120" y="4917"/>
                    </a:lnTo>
                    <a:lnTo>
                      <a:pt x="121" y="4925"/>
                    </a:lnTo>
                    <a:lnTo>
                      <a:pt x="123" y="4929"/>
                    </a:lnTo>
                    <a:lnTo>
                      <a:pt x="123" y="4931"/>
                    </a:lnTo>
                    <a:lnTo>
                      <a:pt x="120" y="4934"/>
                    </a:lnTo>
                    <a:lnTo>
                      <a:pt x="117" y="4936"/>
                    </a:lnTo>
                    <a:lnTo>
                      <a:pt x="102" y="4943"/>
                    </a:lnTo>
                    <a:lnTo>
                      <a:pt x="88" y="4951"/>
                    </a:lnTo>
                    <a:lnTo>
                      <a:pt x="71" y="4961"/>
                    </a:lnTo>
                    <a:close/>
                    <a:moveTo>
                      <a:pt x="1193" y="5817"/>
                    </a:moveTo>
                    <a:lnTo>
                      <a:pt x="1195" y="5800"/>
                    </a:lnTo>
                    <a:lnTo>
                      <a:pt x="1199" y="5784"/>
                    </a:lnTo>
                    <a:lnTo>
                      <a:pt x="1206" y="5765"/>
                    </a:lnTo>
                    <a:lnTo>
                      <a:pt x="1212" y="5746"/>
                    </a:lnTo>
                    <a:lnTo>
                      <a:pt x="1226" y="5708"/>
                    </a:lnTo>
                    <a:lnTo>
                      <a:pt x="1238" y="5675"/>
                    </a:lnTo>
                    <a:lnTo>
                      <a:pt x="1242" y="5657"/>
                    </a:lnTo>
                    <a:lnTo>
                      <a:pt x="1248" y="5642"/>
                    </a:lnTo>
                    <a:lnTo>
                      <a:pt x="1256" y="5629"/>
                    </a:lnTo>
                    <a:lnTo>
                      <a:pt x="1264" y="5618"/>
                    </a:lnTo>
                    <a:lnTo>
                      <a:pt x="1282" y="5593"/>
                    </a:lnTo>
                    <a:lnTo>
                      <a:pt x="1300" y="5566"/>
                    </a:lnTo>
                    <a:lnTo>
                      <a:pt x="1315" y="5530"/>
                    </a:lnTo>
                    <a:lnTo>
                      <a:pt x="1335" y="5475"/>
                    </a:lnTo>
                    <a:lnTo>
                      <a:pt x="1347" y="5448"/>
                    </a:lnTo>
                    <a:lnTo>
                      <a:pt x="1359" y="5425"/>
                    </a:lnTo>
                    <a:lnTo>
                      <a:pt x="1365" y="5416"/>
                    </a:lnTo>
                    <a:lnTo>
                      <a:pt x="1370" y="5409"/>
                    </a:lnTo>
                    <a:lnTo>
                      <a:pt x="1377" y="5404"/>
                    </a:lnTo>
                    <a:lnTo>
                      <a:pt x="1382" y="5403"/>
                    </a:lnTo>
                    <a:lnTo>
                      <a:pt x="1386" y="5404"/>
                    </a:lnTo>
                    <a:lnTo>
                      <a:pt x="1387" y="5405"/>
                    </a:lnTo>
                    <a:lnTo>
                      <a:pt x="1390" y="5409"/>
                    </a:lnTo>
                    <a:lnTo>
                      <a:pt x="1390" y="5413"/>
                    </a:lnTo>
                    <a:lnTo>
                      <a:pt x="1391" y="5423"/>
                    </a:lnTo>
                    <a:lnTo>
                      <a:pt x="1391" y="5435"/>
                    </a:lnTo>
                    <a:lnTo>
                      <a:pt x="1388" y="5448"/>
                    </a:lnTo>
                    <a:lnTo>
                      <a:pt x="1386" y="5460"/>
                    </a:lnTo>
                    <a:lnTo>
                      <a:pt x="1384" y="5470"/>
                    </a:lnTo>
                    <a:lnTo>
                      <a:pt x="1382" y="5475"/>
                    </a:lnTo>
                    <a:lnTo>
                      <a:pt x="1364" y="5508"/>
                    </a:lnTo>
                    <a:lnTo>
                      <a:pt x="1349" y="5541"/>
                    </a:lnTo>
                    <a:lnTo>
                      <a:pt x="1335" y="5576"/>
                    </a:lnTo>
                    <a:lnTo>
                      <a:pt x="1324" y="5610"/>
                    </a:lnTo>
                    <a:lnTo>
                      <a:pt x="1311" y="5645"/>
                    </a:lnTo>
                    <a:lnTo>
                      <a:pt x="1296" y="5679"/>
                    </a:lnTo>
                    <a:lnTo>
                      <a:pt x="1282" y="5712"/>
                    </a:lnTo>
                    <a:lnTo>
                      <a:pt x="1265" y="5745"/>
                    </a:lnTo>
                    <a:lnTo>
                      <a:pt x="1260" y="5754"/>
                    </a:lnTo>
                    <a:lnTo>
                      <a:pt x="1255" y="5765"/>
                    </a:lnTo>
                    <a:lnTo>
                      <a:pt x="1251" y="5778"/>
                    </a:lnTo>
                    <a:lnTo>
                      <a:pt x="1247" y="5793"/>
                    </a:lnTo>
                    <a:lnTo>
                      <a:pt x="1239" y="5824"/>
                    </a:lnTo>
                    <a:lnTo>
                      <a:pt x="1230" y="5856"/>
                    </a:lnTo>
                    <a:lnTo>
                      <a:pt x="1226" y="5872"/>
                    </a:lnTo>
                    <a:lnTo>
                      <a:pt x="1221" y="5886"/>
                    </a:lnTo>
                    <a:lnTo>
                      <a:pt x="1216" y="5900"/>
                    </a:lnTo>
                    <a:lnTo>
                      <a:pt x="1210" y="5913"/>
                    </a:lnTo>
                    <a:lnTo>
                      <a:pt x="1203" y="5923"/>
                    </a:lnTo>
                    <a:lnTo>
                      <a:pt x="1195" y="5933"/>
                    </a:lnTo>
                    <a:lnTo>
                      <a:pt x="1188" y="5940"/>
                    </a:lnTo>
                    <a:lnTo>
                      <a:pt x="1178" y="5944"/>
                    </a:lnTo>
                    <a:lnTo>
                      <a:pt x="1180" y="5922"/>
                    </a:lnTo>
                    <a:lnTo>
                      <a:pt x="1184" y="5901"/>
                    </a:lnTo>
                    <a:lnTo>
                      <a:pt x="1188" y="5879"/>
                    </a:lnTo>
                    <a:lnTo>
                      <a:pt x="1190" y="5859"/>
                    </a:lnTo>
                    <a:lnTo>
                      <a:pt x="1193" y="5817"/>
                    </a:lnTo>
                    <a:close/>
                    <a:moveTo>
                      <a:pt x="1641" y="5462"/>
                    </a:moveTo>
                    <a:lnTo>
                      <a:pt x="1638" y="5436"/>
                    </a:lnTo>
                    <a:lnTo>
                      <a:pt x="1636" y="5412"/>
                    </a:lnTo>
                    <a:lnTo>
                      <a:pt x="1636" y="5387"/>
                    </a:lnTo>
                    <a:lnTo>
                      <a:pt x="1637" y="5361"/>
                    </a:lnTo>
                    <a:lnTo>
                      <a:pt x="1640" y="5337"/>
                    </a:lnTo>
                    <a:lnTo>
                      <a:pt x="1646" y="5313"/>
                    </a:lnTo>
                    <a:lnTo>
                      <a:pt x="1650" y="5302"/>
                    </a:lnTo>
                    <a:lnTo>
                      <a:pt x="1654" y="5290"/>
                    </a:lnTo>
                    <a:lnTo>
                      <a:pt x="1659" y="5278"/>
                    </a:lnTo>
                    <a:lnTo>
                      <a:pt x="1666" y="5268"/>
                    </a:lnTo>
                    <a:lnTo>
                      <a:pt x="1672" y="5259"/>
                    </a:lnTo>
                    <a:lnTo>
                      <a:pt x="1680" y="5252"/>
                    </a:lnTo>
                    <a:lnTo>
                      <a:pt x="1688" y="5246"/>
                    </a:lnTo>
                    <a:lnTo>
                      <a:pt x="1697" y="5239"/>
                    </a:lnTo>
                    <a:lnTo>
                      <a:pt x="1704" y="5233"/>
                    </a:lnTo>
                    <a:lnTo>
                      <a:pt x="1714" y="5227"/>
                    </a:lnTo>
                    <a:lnTo>
                      <a:pt x="1720" y="5219"/>
                    </a:lnTo>
                    <a:lnTo>
                      <a:pt x="1726" y="5210"/>
                    </a:lnTo>
                    <a:lnTo>
                      <a:pt x="1734" y="5199"/>
                    </a:lnTo>
                    <a:lnTo>
                      <a:pt x="1739" y="5193"/>
                    </a:lnTo>
                    <a:lnTo>
                      <a:pt x="1742" y="5192"/>
                    </a:lnTo>
                    <a:lnTo>
                      <a:pt x="1745" y="5190"/>
                    </a:lnTo>
                    <a:lnTo>
                      <a:pt x="1747" y="5190"/>
                    </a:lnTo>
                    <a:lnTo>
                      <a:pt x="1750" y="5192"/>
                    </a:lnTo>
                    <a:lnTo>
                      <a:pt x="1761" y="5197"/>
                    </a:lnTo>
                    <a:lnTo>
                      <a:pt x="1777" y="5202"/>
                    </a:lnTo>
                    <a:lnTo>
                      <a:pt x="1781" y="5203"/>
                    </a:lnTo>
                    <a:lnTo>
                      <a:pt x="1785" y="5203"/>
                    </a:lnTo>
                    <a:lnTo>
                      <a:pt x="1787" y="5202"/>
                    </a:lnTo>
                    <a:lnTo>
                      <a:pt x="1791" y="5201"/>
                    </a:lnTo>
                    <a:lnTo>
                      <a:pt x="1796" y="5195"/>
                    </a:lnTo>
                    <a:lnTo>
                      <a:pt x="1802" y="5190"/>
                    </a:lnTo>
                    <a:lnTo>
                      <a:pt x="1809" y="5177"/>
                    </a:lnTo>
                    <a:lnTo>
                      <a:pt x="1818" y="5167"/>
                    </a:lnTo>
                    <a:lnTo>
                      <a:pt x="1824" y="5164"/>
                    </a:lnTo>
                    <a:lnTo>
                      <a:pt x="1828" y="5164"/>
                    </a:lnTo>
                    <a:lnTo>
                      <a:pt x="1830" y="5166"/>
                    </a:lnTo>
                    <a:lnTo>
                      <a:pt x="1834" y="5168"/>
                    </a:lnTo>
                    <a:lnTo>
                      <a:pt x="1838" y="5170"/>
                    </a:lnTo>
                    <a:lnTo>
                      <a:pt x="1840" y="5171"/>
                    </a:lnTo>
                    <a:lnTo>
                      <a:pt x="1844" y="5168"/>
                    </a:lnTo>
                    <a:lnTo>
                      <a:pt x="1850" y="5164"/>
                    </a:lnTo>
                    <a:lnTo>
                      <a:pt x="1860" y="5153"/>
                    </a:lnTo>
                    <a:lnTo>
                      <a:pt x="1872" y="5142"/>
                    </a:lnTo>
                    <a:lnTo>
                      <a:pt x="1883" y="5135"/>
                    </a:lnTo>
                    <a:lnTo>
                      <a:pt x="1892" y="5129"/>
                    </a:lnTo>
                    <a:lnTo>
                      <a:pt x="1896" y="5129"/>
                    </a:lnTo>
                    <a:lnTo>
                      <a:pt x="1899" y="5131"/>
                    </a:lnTo>
                    <a:lnTo>
                      <a:pt x="1900" y="5132"/>
                    </a:lnTo>
                    <a:lnTo>
                      <a:pt x="1899" y="5136"/>
                    </a:lnTo>
                    <a:lnTo>
                      <a:pt x="1897" y="5141"/>
                    </a:lnTo>
                    <a:lnTo>
                      <a:pt x="1892" y="5149"/>
                    </a:lnTo>
                    <a:lnTo>
                      <a:pt x="1887" y="5158"/>
                    </a:lnTo>
                    <a:lnTo>
                      <a:pt x="1878" y="5168"/>
                    </a:lnTo>
                    <a:lnTo>
                      <a:pt x="1866" y="5188"/>
                    </a:lnTo>
                    <a:lnTo>
                      <a:pt x="1855" y="5210"/>
                    </a:lnTo>
                    <a:lnTo>
                      <a:pt x="1848" y="5220"/>
                    </a:lnTo>
                    <a:lnTo>
                      <a:pt x="1843" y="5230"/>
                    </a:lnTo>
                    <a:lnTo>
                      <a:pt x="1837" y="5239"/>
                    </a:lnTo>
                    <a:lnTo>
                      <a:pt x="1829" y="5246"/>
                    </a:lnTo>
                    <a:lnTo>
                      <a:pt x="1825" y="5250"/>
                    </a:lnTo>
                    <a:lnTo>
                      <a:pt x="1821" y="5256"/>
                    </a:lnTo>
                    <a:lnTo>
                      <a:pt x="1817" y="5264"/>
                    </a:lnTo>
                    <a:lnTo>
                      <a:pt x="1815" y="5273"/>
                    </a:lnTo>
                    <a:lnTo>
                      <a:pt x="1811" y="5294"/>
                    </a:lnTo>
                    <a:lnTo>
                      <a:pt x="1809" y="5316"/>
                    </a:lnTo>
                    <a:lnTo>
                      <a:pt x="1809" y="5338"/>
                    </a:lnTo>
                    <a:lnTo>
                      <a:pt x="1813" y="5357"/>
                    </a:lnTo>
                    <a:lnTo>
                      <a:pt x="1816" y="5366"/>
                    </a:lnTo>
                    <a:lnTo>
                      <a:pt x="1818" y="5374"/>
                    </a:lnTo>
                    <a:lnTo>
                      <a:pt x="1822" y="5379"/>
                    </a:lnTo>
                    <a:lnTo>
                      <a:pt x="1826" y="5385"/>
                    </a:lnTo>
                    <a:lnTo>
                      <a:pt x="1833" y="5390"/>
                    </a:lnTo>
                    <a:lnTo>
                      <a:pt x="1838" y="5396"/>
                    </a:lnTo>
                    <a:lnTo>
                      <a:pt x="1839" y="5400"/>
                    </a:lnTo>
                    <a:lnTo>
                      <a:pt x="1839" y="5405"/>
                    </a:lnTo>
                    <a:lnTo>
                      <a:pt x="1837" y="5409"/>
                    </a:lnTo>
                    <a:lnTo>
                      <a:pt x="1833" y="5414"/>
                    </a:lnTo>
                    <a:lnTo>
                      <a:pt x="1828" y="5418"/>
                    </a:lnTo>
                    <a:lnTo>
                      <a:pt x="1821" y="5423"/>
                    </a:lnTo>
                    <a:lnTo>
                      <a:pt x="1815" y="5427"/>
                    </a:lnTo>
                    <a:lnTo>
                      <a:pt x="1809" y="5432"/>
                    </a:lnTo>
                    <a:lnTo>
                      <a:pt x="1806" y="5439"/>
                    </a:lnTo>
                    <a:lnTo>
                      <a:pt x="1802" y="5444"/>
                    </a:lnTo>
                    <a:lnTo>
                      <a:pt x="1796" y="5456"/>
                    </a:lnTo>
                    <a:lnTo>
                      <a:pt x="1791" y="5467"/>
                    </a:lnTo>
                    <a:lnTo>
                      <a:pt x="1786" y="5479"/>
                    </a:lnTo>
                    <a:lnTo>
                      <a:pt x="1778" y="5489"/>
                    </a:lnTo>
                    <a:lnTo>
                      <a:pt x="1774" y="5495"/>
                    </a:lnTo>
                    <a:lnTo>
                      <a:pt x="1768" y="5500"/>
                    </a:lnTo>
                    <a:lnTo>
                      <a:pt x="1761" y="5504"/>
                    </a:lnTo>
                    <a:lnTo>
                      <a:pt x="1754" y="5509"/>
                    </a:lnTo>
                    <a:lnTo>
                      <a:pt x="1746" y="5513"/>
                    </a:lnTo>
                    <a:lnTo>
                      <a:pt x="1738" y="5519"/>
                    </a:lnTo>
                    <a:lnTo>
                      <a:pt x="1732" y="5526"/>
                    </a:lnTo>
                    <a:lnTo>
                      <a:pt x="1726" y="5532"/>
                    </a:lnTo>
                    <a:lnTo>
                      <a:pt x="1715" y="5549"/>
                    </a:lnTo>
                    <a:lnTo>
                      <a:pt x="1706" y="5567"/>
                    </a:lnTo>
                    <a:lnTo>
                      <a:pt x="1697" y="5585"/>
                    </a:lnTo>
                    <a:lnTo>
                      <a:pt x="1686" y="5602"/>
                    </a:lnTo>
                    <a:lnTo>
                      <a:pt x="1681" y="5610"/>
                    </a:lnTo>
                    <a:lnTo>
                      <a:pt x="1676" y="5616"/>
                    </a:lnTo>
                    <a:lnTo>
                      <a:pt x="1669" y="5623"/>
                    </a:lnTo>
                    <a:lnTo>
                      <a:pt x="1662" y="5628"/>
                    </a:lnTo>
                    <a:lnTo>
                      <a:pt x="1655" y="5632"/>
                    </a:lnTo>
                    <a:lnTo>
                      <a:pt x="1650" y="5635"/>
                    </a:lnTo>
                    <a:lnTo>
                      <a:pt x="1646" y="5637"/>
                    </a:lnTo>
                    <a:lnTo>
                      <a:pt x="1642" y="5637"/>
                    </a:lnTo>
                    <a:lnTo>
                      <a:pt x="1641" y="5636"/>
                    </a:lnTo>
                    <a:lnTo>
                      <a:pt x="1640" y="5635"/>
                    </a:lnTo>
                    <a:lnTo>
                      <a:pt x="1640" y="5632"/>
                    </a:lnTo>
                    <a:lnTo>
                      <a:pt x="1640" y="5629"/>
                    </a:lnTo>
                    <a:lnTo>
                      <a:pt x="1645" y="5613"/>
                    </a:lnTo>
                    <a:lnTo>
                      <a:pt x="1653" y="5596"/>
                    </a:lnTo>
                    <a:lnTo>
                      <a:pt x="1659" y="5581"/>
                    </a:lnTo>
                    <a:lnTo>
                      <a:pt x="1662" y="5571"/>
                    </a:lnTo>
                    <a:lnTo>
                      <a:pt x="1662" y="5563"/>
                    </a:lnTo>
                    <a:lnTo>
                      <a:pt x="1660" y="5557"/>
                    </a:lnTo>
                    <a:lnTo>
                      <a:pt x="1653" y="5544"/>
                    </a:lnTo>
                    <a:lnTo>
                      <a:pt x="1641" y="5522"/>
                    </a:lnTo>
                    <a:lnTo>
                      <a:pt x="1641" y="5462"/>
                    </a:lnTo>
                    <a:close/>
                    <a:moveTo>
                      <a:pt x="76" y="4524"/>
                    </a:moveTo>
                    <a:lnTo>
                      <a:pt x="120" y="4556"/>
                    </a:lnTo>
                    <a:lnTo>
                      <a:pt x="127" y="4553"/>
                    </a:lnTo>
                    <a:lnTo>
                      <a:pt x="130" y="4552"/>
                    </a:lnTo>
                    <a:lnTo>
                      <a:pt x="133" y="4549"/>
                    </a:lnTo>
                    <a:lnTo>
                      <a:pt x="138" y="4544"/>
                    </a:lnTo>
                    <a:lnTo>
                      <a:pt x="138" y="4522"/>
                    </a:lnTo>
                    <a:lnTo>
                      <a:pt x="139" y="4501"/>
                    </a:lnTo>
                    <a:lnTo>
                      <a:pt x="142" y="4482"/>
                    </a:lnTo>
                    <a:lnTo>
                      <a:pt x="145" y="4461"/>
                    </a:lnTo>
                    <a:lnTo>
                      <a:pt x="149" y="4442"/>
                    </a:lnTo>
                    <a:lnTo>
                      <a:pt x="154" y="4422"/>
                    </a:lnTo>
                    <a:lnTo>
                      <a:pt x="159" y="4403"/>
                    </a:lnTo>
                    <a:lnTo>
                      <a:pt x="164" y="4383"/>
                    </a:lnTo>
                    <a:lnTo>
                      <a:pt x="177" y="4346"/>
                    </a:lnTo>
                    <a:lnTo>
                      <a:pt x="193" y="4308"/>
                    </a:lnTo>
                    <a:lnTo>
                      <a:pt x="209" y="4271"/>
                    </a:lnTo>
                    <a:lnTo>
                      <a:pt x="228" y="4234"/>
                    </a:lnTo>
                    <a:lnTo>
                      <a:pt x="237" y="4214"/>
                    </a:lnTo>
                    <a:lnTo>
                      <a:pt x="246" y="4195"/>
                    </a:lnTo>
                    <a:lnTo>
                      <a:pt x="251" y="4186"/>
                    </a:lnTo>
                    <a:lnTo>
                      <a:pt x="257" y="4177"/>
                    </a:lnTo>
                    <a:lnTo>
                      <a:pt x="264" y="4169"/>
                    </a:lnTo>
                    <a:lnTo>
                      <a:pt x="273" y="4162"/>
                    </a:lnTo>
                    <a:lnTo>
                      <a:pt x="290" y="4150"/>
                    </a:lnTo>
                    <a:lnTo>
                      <a:pt x="305" y="4136"/>
                    </a:lnTo>
                    <a:lnTo>
                      <a:pt x="318" y="4123"/>
                    </a:lnTo>
                    <a:lnTo>
                      <a:pt x="331" y="4109"/>
                    </a:lnTo>
                    <a:lnTo>
                      <a:pt x="342" y="4094"/>
                    </a:lnTo>
                    <a:lnTo>
                      <a:pt x="352" y="4080"/>
                    </a:lnTo>
                    <a:lnTo>
                      <a:pt x="360" y="4065"/>
                    </a:lnTo>
                    <a:lnTo>
                      <a:pt x="368" y="4049"/>
                    </a:lnTo>
                    <a:lnTo>
                      <a:pt x="375" y="4032"/>
                    </a:lnTo>
                    <a:lnTo>
                      <a:pt x="380" y="4015"/>
                    </a:lnTo>
                    <a:lnTo>
                      <a:pt x="387" y="3998"/>
                    </a:lnTo>
                    <a:lnTo>
                      <a:pt x="392" y="3980"/>
                    </a:lnTo>
                    <a:lnTo>
                      <a:pt x="400" y="3944"/>
                    </a:lnTo>
                    <a:lnTo>
                      <a:pt x="409" y="3904"/>
                    </a:lnTo>
                    <a:lnTo>
                      <a:pt x="414" y="3894"/>
                    </a:lnTo>
                    <a:lnTo>
                      <a:pt x="419" y="3884"/>
                    </a:lnTo>
                    <a:lnTo>
                      <a:pt x="422" y="3874"/>
                    </a:lnTo>
                    <a:lnTo>
                      <a:pt x="425" y="3866"/>
                    </a:lnTo>
                    <a:lnTo>
                      <a:pt x="427" y="3857"/>
                    </a:lnTo>
                    <a:lnTo>
                      <a:pt x="428" y="3850"/>
                    </a:lnTo>
                    <a:lnTo>
                      <a:pt x="428" y="3842"/>
                    </a:lnTo>
                    <a:lnTo>
                      <a:pt x="427" y="3834"/>
                    </a:lnTo>
                    <a:lnTo>
                      <a:pt x="425" y="3818"/>
                    </a:lnTo>
                    <a:lnTo>
                      <a:pt x="421" y="3802"/>
                    </a:lnTo>
                    <a:lnTo>
                      <a:pt x="414" y="3783"/>
                    </a:lnTo>
                    <a:lnTo>
                      <a:pt x="406" y="3761"/>
                    </a:lnTo>
                    <a:lnTo>
                      <a:pt x="401" y="3743"/>
                    </a:lnTo>
                    <a:lnTo>
                      <a:pt x="397" y="3725"/>
                    </a:lnTo>
                    <a:lnTo>
                      <a:pt x="393" y="3708"/>
                    </a:lnTo>
                    <a:lnTo>
                      <a:pt x="392" y="3690"/>
                    </a:lnTo>
                    <a:lnTo>
                      <a:pt x="390" y="3655"/>
                    </a:lnTo>
                    <a:lnTo>
                      <a:pt x="387" y="3619"/>
                    </a:lnTo>
                    <a:lnTo>
                      <a:pt x="387" y="3611"/>
                    </a:lnTo>
                    <a:lnTo>
                      <a:pt x="388" y="3606"/>
                    </a:lnTo>
                    <a:lnTo>
                      <a:pt x="390" y="3601"/>
                    </a:lnTo>
                    <a:lnTo>
                      <a:pt x="393" y="3596"/>
                    </a:lnTo>
                    <a:lnTo>
                      <a:pt x="397" y="3592"/>
                    </a:lnTo>
                    <a:lnTo>
                      <a:pt x="402" y="3588"/>
                    </a:lnTo>
                    <a:lnTo>
                      <a:pt x="408" y="3585"/>
                    </a:lnTo>
                    <a:lnTo>
                      <a:pt x="414" y="3583"/>
                    </a:lnTo>
                    <a:lnTo>
                      <a:pt x="440" y="3574"/>
                    </a:lnTo>
                    <a:lnTo>
                      <a:pt x="463" y="3565"/>
                    </a:lnTo>
                    <a:lnTo>
                      <a:pt x="470" y="3559"/>
                    </a:lnTo>
                    <a:lnTo>
                      <a:pt x="475" y="3553"/>
                    </a:lnTo>
                    <a:lnTo>
                      <a:pt x="480" y="3544"/>
                    </a:lnTo>
                    <a:lnTo>
                      <a:pt x="484" y="3536"/>
                    </a:lnTo>
                    <a:lnTo>
                      <a:pt x="488" y="3526"/>
                    </a:lnTo>
                    <a:lnTo>
                      <a:pt x="491" y="3515"/>
                    </a:lnTo>
                    <a:lnTo>
                      <a:pt x="493" y="3504"/>
                    </a:lnTo>
                    <a:lnTo>
                      <a:pt x="494" y="3492"/>
                    </a:lnTo>
                    <a:lnTo>
                      <a:pt x="496" y="3469"/>
                    </a:lnTo>
                    <a:lnTo>
                      <a:pt x="494" y="3447"/>
                    </a:lnTo>
                    <a:lnTo>
                      <a:pt x="494" y="3436"/>
                    </a:lnTo>
                    <a:lnTo>
                      <a:pt x="492" y="3427"/>
                    </a:lnTo>
                    <a:lnTo>
                      <a:pt x="489" y="3418"/>
                    </a:lnTo>
                    <a:lnTo>
                      <a:pt x="487" y="3410"/>
                    </a:lnTo>
                    <a:lnTo>
                      <a:pt x="480" y="3397"/>
                    </a:lnTo>
                    <a:lnTo>
                      <a:pt x="474" y="3386"/>
                    </a:lnTo>
                    <a:lnTo>
                      <a:pt x="466" y="3377"/>
                    </a:lnTo>
                    <a:lnTo>
                      <a:pt x="457" y="3368"/>
                    </a:lnTo>
                    <a:lnTo>
                      <a:pt x="440" y="3351"/>
                    </a:lnTo>
                    <a:lnTo>
                      <a:pt x="423" y="3335"/>
                    </a:lnTo>
                    <a:lnTo>
                      <a:pt x="415" y="3327"/>
                    </a:lnTo>
                    <a:lnTo>
                      <a:pt x="408" y="3318"/>
                    </a:lnTo>
                    <a:lnTo>
                      <a:pt x="401" y="3309"/>
                    </a:lnTo>
                    <a:lnTo>
                      <a:pt x="396" y="3299"/>
                    </a:lnTo>
                    <a:lnTo>
                      <a:pt x="391" y="3287"/>
                    </a:lnTo>
                    <a:lnTo>
                      <a:pt x="387" y="3273"/>
                    </a:lnTo>
                    <a:lnTo>
                      <a:pt x="386" y="3259"/>
                    </a:lnTo>
                    <a:lnTo>
                      <a:pt x="384" y="3242"/>
                    </a:lnTo>
                    <a:lnTo>
                      <a:pt x="388" y="3223"/>
                    </a:lnTo>
                    <a:lnTo>
                      <a:pt x="395" y="3204"/>
                    </a:lnTo>
                    <a:lnTo>
                      <a:pt x="404" y="3185"/>
                    </a:lnTo>
                    <a:lnTo>
                      <a:pt x="412" y="3167"/>
                    </a:lnTo>
                    <a:lnTo>
                      <a:pt x="421" y="3149"/>
                    </a:lnTo>
                    <a:lnTo>
                      <a:pt x="427" y="3132"/>
                    </a:lnTo>
                    <a:lnTo>
                      <a:pt x="430" y="3123"/>
                    </a:lnTo>
                    <a:lnTo>
                      <a:pt x="432" y="3114"/>
                    </a:lnTo>
                    <a:lnTo>
                      <a:pt x="434" y="3105"/>
                    </a:lnTo>
                    <a:lnTo>
                      <a:pt x="435" y="3096"/>
                    </a:lnTo>
                    <a:lnTo>
                      <a:pt x="435" y="3070"/>
                    </a:lnTo>
                    <a:lnTo>
                      <a:pt x="434" y="3042"/>
                    </a:lnTo>
                    <a:lnTo>
                      <a:pt x="431" y="3014"/>
                    </a:lnTo>
                    <a:lnTo>
                      <a:pt x="427" y="2987"/>
                    </a:lnTo>
                    <a:lnTo>
                      <a:pt x="425" y="2960"/>
                    </a:lnTo>
                    <a:lnTo>
                      <a:pt x="421" y="2931"/>
                    </a:lnTo>
                    <a:lnTo>
                      <a:pt x="419" y="2904"/>
                    </a:lnTo>
                    <a:lnTo>
                      <a:pt x="418" y="2875"/>
                    </a:lnTo>
                    <a:lnTo>
                      <a:pt x="419" y="2846"/>
                    </a:lnTo>
                    <a:lnTo>
                      <a:pt x="423" y="2816"/>
                    </a:lnTo>
                    <a:lnTo>
                      <a:pt x="427" y="2785"/>
                    </a:lnTo>
                    <a:lnTo>
                      <a:pt x="428" y="2755"/>
                    </a:lnTo>
                    <a:lnTo>
                      <a:pt x="428" y="2720"/>
                    </a:lnTo>
                    <a:lnTo>
                      <a:pt x="425" y="2685"/>
                    </a:lnTo>
                    <a:lnTo>
                      <a:pt x="425" y="2668"/>
                    </a:lnTo>
                    <a:lnTo>
                      <a:pt x="425" y="2650"/>
                    </a:lnTo>
                    <a:lnTo>
                      <a:pt x="426" y="2633"/>
                    </a:lnTo>
                    <a:lnTo>
                      <a:pt x="428" y="2615"/>
                    </a:lnTo>
                    <a:lnTo>
                      <a:pt x="443" y="2590"/>
                    </a:lnTo>
                    <a:lnTo>
                      <a:pt x="457" y="2564"/>
                    </a:lnTo>
                    <a:lnTo>
                      <a:pt x="471" y="2535"/>
                    </a:lnTo>
                    <a:lnTo>
                      <a:pt x="485" y="2505"/>
                    </a:lnTo>
                    <a:lnTo>
                      <a:pt x="500" y="2474"/>
                    </a:lnTo>
                    <a:lnTo>
                      <a:pt x="515" y="2443"/>
                    </a:lnTo>
                    <a:lnTo>
                      <a:pt x="531" y="2412"/>
                    </a:lnTo>
                    <a:lnTo>
                      <a:pt x="549" y="2382"/>
                    </a:lnTo>
                    <a:lnTo>
                      <a:pt x="558" y="2369"/>
                    </a:lnTo>
                    <a:lnTo>
                      <a:pt x="567" y="2355"/>
                    </a:lnTo>
                    <a:lnTo>
                      <a:pt x="576" y="2342"/>
                    </a:lnTo>
                    <a:lnTo>
                      <a:pt x="586" y="2330"/>
                    </a:lnTo>
                    <a:lnTo>
                      <a:pt x="597" y="2318"/>
                    </a:lnTo>
                    <a:lnTo>
                      <a:pt x="608" y="2308"/>
                    </a:lnTo>
                    <a:lnTo>
                      <a:pt x="619" y="2299"/>
                    </a:lnTo>
                    <a:lnTo>
                      <a:pt x="632" y="2291"/>
                    </a:lnTo>
                    <a:lnTo>
                      <a:pt x="643" y="2283"/>
                    </a:lnTo>
                    <a:lnTo>
                      <a:pt x="656" y="2278"/>
                    </a:lnTo>
                    <a:lnTo>
                      <a:pt x="671" y="2273"/>
                    </a:lnTo>
                    <a:lnTo>
                      <a:pt x="684" y="2270"/>
                    </a:lnTo>
                    <a:lnTo>
                      <a:pt x="699" y="2269"/>
                    </a:lnTo>
                    <a:lnTo>
                      <a:pt x="715" y="2269"/>
                    </a:lnTo>
                    <a:lnTo>
                      <a:pt x="730" y="2270"/>
                    </a:lnTo>
                    <a:lnTo>
                      <a:pt x="747" y="2274"/>
                    </a:lnTo>
                    <a:lnTo>
                      <a:pt x="770" y="2279"/>
                    </a:lnTo>
                    <a:lnTo>
                      <a:pt x="792" y="2283"/>
                    </a:lnTo>
                    <a:lnTo>
                      <a:pt x="812" y="2286"/>
                    </a:lnTo>
                    <a:lnTo>
                      <a:pt x="829" y="2286"/>
                    </a:lnTo>
                    <a:lnTo>
                      <a:pt x="843" y="2285"/>
                    </a:lnTo>
                    <a:lnTo>
                      <a:pt x="856" y="2282"/>
                    </a:lnTo>
                    <a:lnTo>
                      <a:pt x="866" y="2277"/>
                    </a:lnTo>
                    <a:lnTo>
                      <a:pt x="874" y="2272"/>
                    </a:lnTo>
                    <a:lnTo>
                      <a:pt x="882" y="2265"/>
                    </a:lnTo>
                    <a:lnTo>
                      <a:pt x="887" y="2256"/>
                    </a:lnTo>
                    <a:lnTo>
                      <a:pt x="891" y="2247"/>
                    </a:lnTo>
                    <a:lnTo>
                      <a:pt x="893" y="2237"/>
                    </a:lnTo>
                    <a:lnTo>
                      <a:pt x="895" y="2225"/>
                    </a:lnTo>
                    <a:lnTo>
                      <a:pt x="896" y="2213"/>
                    </a:lnTo>
                    <a:lnTo>
                      <a:pt x="895" y="2200"/>
                    </a:lnTo>
                    <a:lnTo>
                      <a:pt x="893" y="2187"/>
                    </a:lnTo>
                    <a:lnTo>
                      <a:pt x="884" y="2128"/>
                    </a:lnTo>
                    <a:lnTo>
                      <a:pt x="873" y="2064"/>
                    </a:lnTo>
                    <a:lnTo>
                      <a:pt x="871" y="2049"/>
                    </a:lnTo>
                    <a:lnTo>
                      <a:pt x="870" y="2033"/>
                    </a:lnTo>
                    <a:lnTo>
                      <a:pt x="869" y="2018"/>
                    </a:lnTo>
                    <a:lnTo>
                      <a:pt x="869" y="2002"/>
                    </a:lnTo>
                    <a:lnTo>
                      <a:pt x="870" y="1988"/>
                    </a:lnTo>
                    <a:lnTo>
                      <a:pt x="871" y="1974"/>
                    </a:lnTo>
                    <a:lnTo>
                      <a:pt x="875" y="1959"/>
                    </a:lnTo>
                    <a:lnTo>
                      <a:pt x="881" y="1947"/>
                    </a:lnTo>
                    <a:lnTo>
                      <a:pt x="903" y="1912"/>
                    </a:lnTo>
                    <a:lnTo>
                      <a:pt x="925" y="1877"/>
                    </a:lnTo>
                    <a:lnTo>
                      <a:pt x="945" y="1842"/>
                    </a:lnTo>
                    <a:lnTo>
                      <a:pt x="965" y="1807"/>
                    </a:lnTo>
                    <a:lnTo>
                      <a:pt x="974" y="1788"/>
                    </a:lnTo>
                    <a:lnTo>
                      <a:pt x="982" y="1770"/>
                    </a:lnTo>
                    <a:lnTo>
                      <a:pt x="988" y="1751"/>
                    </a:lnTo>
                    <a:lnTo>
                      <a:pt x="995" y="1733"/>
                    </a:lnTo>
                    <a:lnTo>
                      <a:pt x="1000" y="1713"/>
                    </a:lnTo>
                    <a:lnTo>
                      <a:pt x="1004" y="1693"/>
                    </a:lnTo>
                    <a:lnTo>
                      <a:pt x="1006" y="1672"/>
                    </a:lnTo>
                    <a:lnTo>
                      <a:pt x="1007" y="1651"/>
                    </a:lnTo>
                    <a:lnTo>
                      <a:pt x="1009" y="1608"/>
                    </a:lnTo>
                    <a:lnTo>
                      <a:pt x="1009" y="1566"/>
                    </a:lnTo>
                    <a:lnTo>
                      <a:pt x="1010" y="1545"/>
                    </a:lnTo>
                    <a:lnTo>
                      <a:pt x="1013" y="1524"/>
                    </a:lnTo>
                    <a:lnTo>
                      <a:pt x="1015" y="1504"/>
                    </a:lnTo>
                    <a:lnTo>
                      <a:pt x="1018" y="1481"/>
                    </a:lnTo>
                    <a:lnTo>
                      <a:pt x="1023" y="1457"/>
                    </a:lnTo>
                    <a:lnTo>
                      <a:pt x="1030" y="1432"/>
                    </a:lnTo>
                    <a:lnTo>
                      <a:pt x="1036" y="1406"/>
                    </a:lnTo>
                    <a:lnTo>
                      <a:pt x="1044" y="1383"/>
                    </a:lnTo>
                    <a:lnTo>
                      <a:pt x="1050" y="1358"/>
                    </a:lnTo>
                    <a:lnTo>
                      <a:pt x="1058" y="1334"/>
                    </a:lnTo>
                    <a:lnTo>
                      <a:pt x="1064" y="1309"/>
                    </a:lnTo>
                    <a:lnTo>
                      <a:pt x="1070" y="1283"/>
                    </a:lnTo>
                    <a:lnTo>
                      <a:pt x="1124" y="1268"/>
                    </a:lnTo>
                    <a:lnTo>
                      <a:pt x="1173" y="1252"/>
                    </a:lnTo>
                    <a:lnTo>
                      <a:pt x="1184" y="1247"/>
                    </a:lnTo>
                    <a:lnTo>
                      <a:pt x="1193" y="1241"/>
                    </a:lnTo>
                    <a:lnTo>
                      <a:pt x="1202" y="1234"/>
                    </a:lnTo>
                    <a:lnTo>
                      <a:pt x="1208" y="1225"/>
                    </a:lnTo>
                    <a:lnTo>
                      <a:pt x="1215" y="1215"/>
                    </a:lnTo>
                    <a:lnTo>
                      <a:pt x="1220" y="1203"/>
                    </a:lnTo>
                    <a:lnTo>
                      <a:pt x="1224" y="1189"/>
                    </a:lnTo>
                    <a:lnTo>
                      <a:pt x="1225" y="1172"/>
                    </a:lnTo>
                    <a:lnTo>
                      <a:pt x="1226" y="1156"/>
                    </a:lnTo>
                    <a:lnTo>
                      <a:pt x="1230" y="1143"/>
                    </a:lnTo>
                    <a:lnTo>
                      <a:pt x="1234" y="1132"/>
                    </a:lnTo>
                    <a:lnTo>
                      <a:pt x="1238" y="1123"/>
                    </a:lnTo>
                    <a:lnTo>
                      <a:pt x="1245" y="1114"/>
                    </a:lnTo>
                    <a:lnTo>
                      <a:pt x="1251" y="1106"/>
                    </a:lnTo>
                    <a:lnTo>
                      <a:pt x="1259" y="1099"/>
                    </a:lnTo>
                    <a:lnTo>
                      <a:pt x="1267" y="1094"/>
                    </a:lnTo>
                    <a:lnTo>
                      <a:pt x="1283" y="1082"/>
                    </a:lnTo>
                    <a:lnTo>
                      <a:pt x="1300" y="1071"/>
                    </a:lnTo>
                    <a:lnTo>
                      <a:pt x="1309" y="1063"/>
                    </a:lnTo>
                    <a:lnTo>
                      <a:pt x="1317" y="1055"/>
                    </a:lnTo>
                    <a:lnTo>
                      <a:pt x="1326" y="1048"/>
                    </a:lnTo>
                    <a:lnTo>
                      <a:pt x="1334" y="1037"/>
                    </a:lnTo>
                    <a:lnTo>
                      <a:pt x="1352" y="1010"/>
                    </a:lnTo>
                    <a:lnTo>
                      <a:pt x="1368" y="983"/>
                    </a:lnTo>
                    <a:lnTo>
                      <a:pt x="1382" y="956"/>
                    </a:lnTo>
                    <a:lnTo>
                      <a:pt x="1394" y="930"/>
                    </a:lnTo>
                    <a:lnTo>
                      <a:pt x="1399" y="915"/>
                    </a:lnTo>
                    <a:lnTo>
                      <a:pt x="1403" y="901"/>
                    </a:lnTo>
                    <a:lnTo>
                      <a:pt x="1406" y="887"/>
                    </a:lnTo>
                    <a:lnTo>
                      <a:pt x="1410" y="873"/>
                    </a:lnTo>
                    <a:lnTo>
                      <a:pt x="1413" y="857"/>
                    </a:lnTo>
                    <a:lnTo>
                      <a:pt x="1414" y="842"/>
                    </a:lnTo>
                    <a:lnTo>
                      <a:pt x="1416" y="825"/>
                    </a:lnTo>
                    <a:lnTo>
                      <a:pt x="1416" y="808"/>
                    </a:lnTo>
                    <a:lnTo>
                      <a:pt x="1416" y="788"/>
                    </a:lnTo>
                    <a:lnTo>
                      <a:pt x="1417" y="770"/>
                    </a:lnTo>
                    <a:lnTo>
                      <a:pt x="1418" y="753"/>
                    </a:lnTo>
                    <a:lnTo>
                      <a:pt x="1419" y="738"/>
                    </a:lnTo>
                    <a:lnTo>
                      <a:pt x="1422" y="724"/>
                    </a:lnTo>
                    <a:lnTo>
                      <a:pt x="1426" y="711"/>
                    </a:lnTo>
                    <a:lnTo>
                      <a:pt x="1430" y="698"/>
                    </a:lnTo>
                    <a:lnTo>
                      <a:pt x="1435" y="686"/>
                    </a:lnTo>
                    <a:lnTo>
                      <a:pt x="1440" y="676"/>
                    </a:lnTo>
                    <a:lnTo>
                      <a:pt x="1448" y="664"/>
                    </a:lnTo>
                    <a:lnTo>
                      <a:pt x="1456" y="652"/>
                    </a:lnTo>
                    <a:lnTo>
                      <a:pt x="1465" y="641"/>
                    </a:lnTo>
                    <a:lnTo>
                      <a:pt x="1487" y="617"/>
                    </a:lnTo>
                    <a:lnTo>
                      <a:pt x="1514" y="589"/>
                    </a:lnTo>
                    <a:lnTo>
                      <a:pt x="1522" y="584"/>
                    </a:lnTo>
                    <a:lnTo>
                      <a:pt x="1530" y="577"/>
                    </a:lnTo>
                    <a:lnTo>
                      <a:pt x="1536" y="571"/>
                    </a:lnTo>
                    <a:lnTo>
                      <a:pt x="1543" y="562"/>
                    </a:lnTo>
                    <a:lnTo>
                      <a:pt x="1554" y="544"/>
                    </a:lnTo>
                    <a:lnTo>
                      <a:pt x="1566" y="524"/>
                    </a:lnTo>
                    <a:lnTo>
                      <a:pt x="1579" y="506"/>
                    </a:lnTo>
                    <a:lnTo>
                      <a:pt x="1592" y="489"/>
                    </a:lnTo>
                    <a:lnTo>
                      <a:pt x="1598" y="481"/>
                    </a:lnTo>
                    <a:lnTo>
                      <a:pt x="1606" y="475"/>
                    </a:lnTo>
                    <a:lnTo>
                      <a:pt x="1614" y="470"/>
                    </a:lnTo>
                    <a:lnTo>
                      <a:pt x="1622" y="467"/>
                    </a:lnTo>
                    <a:lnTo>
                      <a:pt x="1629" y="465"/>
                    </a:lnTo>
                    <a:lnTo>
                      <a:pt x="1636" y="465"/>
                    </a:lnTo>
                    <a:lnTo>
                      <a:pt x="1642" y="465"/>
                    </a:lnTo>
                    <a:lnTo>
                      <a:pt x="1649" y="467"/>
                    </a:lnTo>
                    <a:lnTo>
                      <a:pt x="1660" y="472"/>
                    </a:lnTo>
                    <a:lnTo>
                      <a:pt x="1672" y="481"/>
                    </a:lnTo>
                    <a:lnTo>
                      <a:pt x="1684" y="490"/>
                    </a:lnTo>
                    <a:lnTo>
                      <a:pt x="1695" y="498"/>
                    </a:lnTo>
                    <a:lnTo>
                      <a:pt x="1701" y="502"/>
                    </a:lnTo>
                    <a:lnTo>
                      <a:pt x="1707" y="505"/>
                    </a:lnTo>
                    <a:lnTo>
                      <a:pt x="1714" y="507"/>
                    </a:lnTo>
                    <a:lnTo>
                      <a:pt x="1721" y="509"/>
                    </a:lnTo>
                    <a:lnTo>
                      <a:pt x="1725" y="507"/>
                    </a:lnTo>
                    <a:lnTo>
                      <a:pt x="1730" y="506"/>
                    </a:lnTo>
                    <a:lnTo>
                      <a:pt x="1734" y="503"/>
                    </a:lnTo>
                    <a:lnTo>
                      <a:pt x="1738" y="501"/>
                    </a:lnTo>
                    <a:lnTo>
                      <a:pt x="1746" y="490"/>
                    </a:lnTo>
                    <a:lnTo>
                      <a:pt x="1752" y="478"/>
                    </a:lnTo>
                    <a:lnTo>
                      <a:pt x="1759" y="462"/>
                    </a:lnTo>
                    <a:lnTo>
                      <a:pt x="1765" y="444"/>
                    </a:lnTo>
                    <a:lnTo>
                      <a:pt x="1772" y="424"/>
                    </a:lnTo>
                    <a:lnTo>
                      <a:pt x="1777" y="405"/>
                    </a:lnTo>
                    <a:lnTo>
                      <a:pt x="1789" y="362"/>
                    </a:lnTo>
                    <a:lnTo>
                      <a:pt x="1800" y="323"/>
                    </a:lnTo>
                    <a:lnTo>
                      <a:pt x="1808" y="307"/>
                    </a:lnTo>
                    <a:lnTo>
                      <a:pt x="1815" y="291"/>
                    </a:lnTo>
                    <a:lnTo>
                      <a:pt x="1818" y="285"/>
                    </a:lnTo>
                    <a:lnTo>
                      <a:pt x="1822" y="279"/>
                    </a:lnTo>
                    <a:lnTo>
                      <a:pt x="1826" y="274"/>
                    </a:lnTo>
                    <a:lnTo>
                      <a:pt x="1831" y="270"/>
                    </a:lnTo>
                    <a:lnTo>
                      <a:pt x="1838" y="266"/>
                    </a:lnTo>
                    <a:lnTo>
                      <a:pt x="1847" y="264"/>
                    </a:lnTo>
                    <a:lnTo>
                      <a:pt x="1856" y="262"/>
                    </a:lnTo>
                    <a:lnTo>
                      <a:pt x="1868" y="261"/>
                    </a:lnTo>
                    <a:lnTo>
                      <a:pt x="1894" y="262"/>
                    </a:lnTo>
                    <a:lnTo>
                      <a:pt x="1921" y="268"/>
                    </a:lnTo>
                    <a:lnTo>
                      <a:pt x="1977" y="279"/>
                    </a:lnTo>
                    <a:lnTo>
                      <a:pt x="2019" y="290"/>
                    </a:lnTo>
                    <a:lnTo>
                      <a:pt x="2034" y="294"/>
                    </a:lnTo>
                    <a:lnTo>
                      <a:pt x="2048" y="300"/>
                    </a:lnTo>
                    <a:lnTo>
                      <a:pt x="2061" y="307"/>
                    </a:lnTo>
                    <a:lnTo>
                      <a:pt x="2074" y="314"/>
                    </a:lnTo>
                    <a:lnTo>
                      <a:pt x="2097" y="330"/>
                    </a:lnTo>
                    <a:lnTo>
                      <a:pt x="2119" y="340"/>
                    </a:lnTo>
                    <a:lnTo>
                      <a:pt x="2129" y="343"/>
                    </a:lnTo>
                    <a:lnTo>
                      <a:pt x="2138" y="343"/>
                    </a:lnTo>
                    <a:lnTo>
                      <a:pt x="2144" y="342"/>
                    </a:lnTo>
                    <a:lnTo>
                      <a:pt x="2148" y="339"/>
                    </a:lnTo>
                    <a:lnTo>
                      <a:pt x="2153" y="336"/>
                    </a:lnTo>
                    <a:lnTo>
                      <a:pt x="2157" y="332"/>
                    </a:lnTo>
                    <a:lnTo>
                      <a:pt x="2160" y="327"/>
                    </a:lnTo>
                    <a:lnTo>
                      <a:pt x="2164" y="321"/>
                    </a:lnTo>
                    <a:lnTo>
                      <a:pt x="2168" y="314"/>
                    </a:lnTo>
                    <a:lnTo>
                      <a:pt x="2172" y="305"/>
                    </a:lnTo>
                    <a:lnTo>
                      <a:pt x="2180" y="285"/>
                    </a:lnTo>
                    <a:lnTo>
                      <a:pt x="2186" y="257"/>
                    </a:lnTo>
                    <a:lnTo>
                      <a:pt x="2216" y="126"/>
                    </a:lnTo>
                    <a:lnTo>
                      <a:pt x="2217" y="119"/>
                    </a:lnTo>
                    <a:lnTo>
                      <a:pt x="2217" y="111"/>
                    </a:lnTo>
                    <a:lnTo>
                      <a:pt x="2217" y="104"/>
                    </a:lnTo>
                    <a:lnTo>
                      <a:pt x="2216" y="98"/>
                    </a:lnTo>
                    <a:lnTo>
                      <a:pt x="2211" y="85"/>
                    </a:lnTo>
                    <a:lnTo>
                      <a:pt x="2206" y="73"/>
                    </a:lnTo>
                    <a:lnTo>
                      <a:pt x="2199" y="60"/>
                    </a:lnTo>
                    <a:lnTo>
                      <a:pt x="2193" y="49"/>
                    </a:lnTo>
                    <a:lnTo>
                      <a:pt x="2192" y="41"/>
                    </a:lnTo>
                    <a:lnTo>
                      <a:pt x="2189" y="35"/>
                    </a:lnTo>
                    <a:lnTo>
                      <a:pt x="2188" y="28"/>
                    </a:lnTo>
                    <a:lnTo>
                      <a:pt x="2188" y="20"/>
                    </a:lnTo>
                    <a:lnTo>
                      <a:pt x="2214" y="0"/>
                    </a:lnTo>
                    <a:lnTo>
                      <a:pt x="2239" y="32"/>
                    </a:lnTo>
                    <a:lnTo>
                      <a:pt x="2264" y="68"/>
                    </a:lnTo>
                    <a:lnTo>
                      <a:pt x="2287" y="104"/>
                    </a:lnTo>
                    <a:lnTo>
                      <a:pt x="2311" y="139"/>
                    </a:lnTo>
                    <a:lnTo>
                      <a:pt x="2319" y="151"/>
                    </a:lnTo>
                    <a:lnTo>
                      <a:pt x="2328" y="161"/>
                    </a:lnTo>
                    <a:lnTo>
                      <a:pt x="2337" y="171"/>
                    </a:lnTo>
                    <a:lnTo>
                      <a:pt x="2346" y="180"/>
                    </a:lnTo>
                    <a:lnTo>
                      <a:pt x="2366" y="194"/>
                    </a:lnTo>
                    <a:lnTo>
                      <a:pt x="2387" y="207"/>
                    </a:lnTo>
                    <a:lnTo>
                      <a:pt x="2434" y="231"/>
                    </a:lnTo>
                    <a:lnTo>
                      <a:pt x="2479" y="257"/>
                    </a:lnTo>
                    <a:lnTo>
                      <a:pt x="2487" y="274"/>
                    </a:lnTo>
                    <a:lnTo>
                      <a:pt x="2496" y="291"/>
                    </a:lnTo>
                    <a:lnTo>
                      <a:pt x="2506" y="308"/>
                    </a:lnTo>
                    <a:lnTo>
                      <a:pt x="2518" y="325"/>
                    </a:lnTo>
                    <a:lnTo>
                      <a:pt x="2540" y="358"/>
                    </a:lnTo>
                    <a:lnTo>
                      <a:pt x="2562" y="388"/>
                    </a:lnTo>
                    <a:lnTo>
                      <a:pt x="2574" y="402"/>
                    </a:lnTo>
                    <a:lnTo>
                      <a:pt x="2585" y="415"/>
                    </a:lnTo>
                    <a:lnTo>
                      <a:pt x="2593" y="421"/>
                    </a:lnTo>
                    <a:lnTo>
                      <a:pt x="2601" y="426"/>
                    </a:lnTo>
                    <a:lnTo>
                      <a:pt x="2609" y="428"/>
                    </a:lnTo>
                    <a:lnTo>
                      <a:pt x="2618" y="430"/>
                    </a:lnTo>
                    <a:lnTo>
                      <a:pt x="2633" y="427"/>
                    </a:lnTo>
                    <a:lnTo>
                      <a:pt x="2653" y="423"/>
                    </a:lnTo>
                    <a:lnTo>
                      <a:pt x="2663" y="422"/>
                    </a:lnTo>
                    <a:lnTo>
                      <a:pt x="2672" y="421"/>
                    </a:lnTo>
                    <a:lnTo>
                      <a:pt x="2680" y="421"/>
                    </a:lnTo>
                    <a:lnTo>
                      <a:pt x="2686" y="422"/>
                    </a:lnTo>
                    <a:lnTo>
                      <a:pt x="2692" y="440"/>
                    </a:lnTo>
                    <a:lnTo>
                      <a:pt x="2697" y="459"/>
                    </a:lnTo>
                    <a:lnTo>
                      <a:pt x="2703" y="478"/>
                    </a:lnTo>
                    <a:lnTo>
                      <a:pt x="2710" y="497"/>
                    </a:lnTo>
                    <a:lnTo>
                      <a:pt x="2716" y="516"/>
                    </a:lnTo>
                    <a:lnTo>
                      <a:pt x="2721" y="535"/>
                    </a:lnTo>
                    <a:lnTo>
                      <a:pt x="2725" y="554"/>
                    </a:lnTo>
                    <a:lnTo>
                      <a:pt x="2728" y="573"/>
                    </a:lnTo>
                    <a:lnTo>
                      <a:pt x="2723" y="610"/>
                    </a:lnTo>
                    <a:lnTo>
                      <a:pt x="2718" y="649"/>
                    </a:lnTo>
                    <a:lnTo>
                      <a:pt x="2718" y="656"/>
                    </a:lnTo>
                    <a:lnTo>
                      <a:pt x="2718" y="665"/>
                    </a:lnTo>
                    <a:lnTo>
                      <a:pt x="2720" y="672"/>
                    </a:lnTo>
                    <a:lnTo>
                      <a:pt x="2723" y="680"/>
                    </a:lnTo>
                    <a:lnTo>
                      <a:pt x="2728" y="685"/>
                    </a:lnTo>
                    <a:lnTo>
                      <a:pt x="2734" y="690"/>
                    </a:lnTo>
                    <a:lnTo>
                      <a:pt x="2742" y="694"/>
                    </a:lnTo>
                    <a:lnTo>
                      <a:pt x="2753" y="696"/>
                    </a:lnTo>
                    <a:lnTo>
                      <a:pt x="2758" y="706"/>
                    </a:lnTo>
                    <a:lnTo>
                      <a:pt x="2760" y="715"/>
                    </a:lnTo>
                    <a:lnTo>
                      <a:pt x="2760" y="724"/>
                    </a:lnTo>
                    <a:lnTo>
                      <a:pt x="2759" y="734"/>
                    </a:lnTo>
                    <a:lnTo>
                      <a:pt x="2754" y="753"/>
                    </a:lnTo>
                    <a:lnTo>
                      <a:pt x="2746" y="773"/>
                    </a:lnTo>
                    <a:lnTo>
                      <a:pt x="2737" y="800"/>
                    </a:lnTo>
                    <a:lnTo>
                      <a:pt x="2732" y="817"/>
                    </a:lnTo>
                    <a:lnTo>
                      <a:pt x="2732" y="825"/>
                    </a:lnTo>
                    <a:lnTo>
                      <a:pt x="2732" y="835"/>
                    </a:lnTo>
                    <a:lnTo>
                      <a:pt x="2732" y="847"/>
                    </a:lnTo>
                    <a:lnTo>
                      <a:pt x="2733" y="862"/>
                    </a:lnTo>
                    <a:lnTo>
                      <a:pt x="2742" y="877"/>
                    </a:lnTo>
                    <a:lnTo>
                      <a:pt x="2753" y="888"/>
                    </a:lnTo>
                    <a:lnTo>
                      <a:pt x="2764" y="899"/>
                    </a:lnTo>
                    <a:lnTo>
                      <a:pt x="2775" y="909"/>
                    </a:lnTo>
                    <a:lnTo>
                      <a:pt x="2785" y="918"/>
                    </a:lnTo>
                    <a:lnTo>
                      <a:pt x="2795" y="928"/>
                    </a:lnTo>
                    <a:lnTo>
                      <a:pt x="2800" y="935"/>
                    </a:lnTo>
                    <a:lnTo>
                      <a:pt x="2804" y="941"/>
                    </a:lnTo>
                    <a:lnTo>
                      <a:pt x="2808" y="949"/>
                    </a:lnTo>
                    <a:lnTo>
                      <a:pt x="2812" y="957"/>
                    </a:lnTo>
                    <a:lnTo>
                      <a:pt x="2816" y="968"/>
                    </a:lnTo>
                    <a:lnTo>
                      <a:pt x="2817" y="981"/>
                    </a:lnTo>
                    <a:lnTo>
                      <a:pt x="2819" y="993"/>
                    </a:lnTo>
                    <a:lnTo>
                      <a:pt x="2819" y="1005"/>
                    </a:lnTo>
                    <a:lnTo>
                      <a:pt x="2815" y="1029"/>
                    </a:lnTo>
                    <a:lnTo>
                      <a:pt x="2810" y="1054"/>
                    </a:lnTo>
                    <a:lnTo>
                      <a:pt x="2803" y="1079"/>
                    </a:lnTo>
                    <a:lnTo>
                      <a:pt x="2797" y="1103"/>
                    </a:lnTo>
                    <a:lnTo>
                      <a:pt x="2794" y="1116"/>
                    </a:lnTo>
                    <a:lnTo>
                      <a:pt x="2791" y="1128"/>
                    </a:lnTo>
                    <a:lnTo>
                      <a:pt x="2790" y="1139"/>
                    </a:lnTo>
                    <a:lnTo>
                      <a:pt x="2789" y="1152"/>
                    </a:lnTo>
                    <a:lnTo>
                      <a:pt x="2790" y="1168"/>
                    </a:lnTo>
                    <a:lnTo>
                      <a:pt x="2793" y="1185"/>
                    </a:lnTo>
                    <a:lnTo>
                      <a:pt x="2797" y="1200"/>
                    </a:lnTo>
                    <a:lnTo>
                      <a:pt x="2800" y="1215"/>
                    </a:lnTo>
                    <a:lnTo>
                      <a:pt x="2812" y="1244"/>
                    </a:lnTo>
                    <a:lnTo>
                      <a:pt x="2825" y="1273"/>
                    </a:lnTo>
                    <a:lnTo>
                      <a:pt x="2839" y="1301"/>
                    </a:lnTo>
                    <a:lnTo>
                      <a:pt x="2851" y="1330"/>
                    </a:lnTo>
                    <a:lnTo>
                      <a:pt x="2856" y="1344"/>
                    </a:lnTo>
                    <a:lnTo>
                      <a:pt x="2860" y="1358"/>
                    </a:lnTo>
                    <a:lnTo>
                      <a:pt x="2863" y="1373"/>
                    </a:lnTo>
                    <a:lnTo>
                      <a:pt x="2865" y="1387"/>
                    </a:lnTo>
                    <a:lnTo>
                      <a:pt x="2863" y="1432"/>
                    </a:lnTo>
                    <a:lnTo>
                      <a:pt x="2856" y="1432"/>
                    </a:lnTo>
                    <a:lnTo>
                      <a:pt x="2846" y="1435"/>
                    </a:lnTo>
                    <a:lnTo>
                      <a:pt x="2835" y="1437"/>
                    </a:lnTo>
                    <a:lnTo>
                      <a:pt x="2822" y="1443"/>
                    </a:lnTo>
                    <a:lnTo>
                      <a:pt x="2800" y="1450"/>
                    </a:lnTo>
                    <a:lnTo>
                      <a:pt x="2784" y="1456"/>
                    </a:lnTo>
                    <a:lnTo>
                      <a:pt x="2755" y="1454"/>
                    </a:lnTo>
                    <a:lnTo>
                      <a:pt x="2728" y="1450"/>
                    </a:lnTo>
                    <a:lnTo>
                      <a:pt x="2714" y="1449"/>
                    </a:lnTo>
                    <a:lnTo>
                      <a:pt x="2699" y="1450"/>
                    </a:lnTo>
                    <a:lnTo>
                      <a:pt x="2693" y="1452"/>
                    </a:lnTo>
                    <a:lnTo>
                      <a:pt x="2686" y="1454"/>
                    </a:lnTo>
                    <a:lnTo>
                      <a:pt x="2679" y="1457"/>
                    </a:lnTo>
                    <a:lnTo>
                      <a:pt x="2672" y="1461"/>
                    </a:lnTo>
                    <a:lnTo>
                      <a:pt x="2662" y="1465"/>
                    </a:lnTo>
                    <a:lnTo>
                      <a:pt x="2654" y="1467"/>
                    </a:lnTo>
                    <a:lnTo>
                      <a:pt x="2646" y="1467"/>
                    </a:lnTo>
                    <a:lnTo>
                      <a:pt x="2641" y="1466"/>
                    </a:lnTo>
                    <a:lnTo>
                      <a:pt x="2636" y="1463"/>
                    </a:lnTo>
                    <a:lnTo>
                      <a:pt x="2631" y="1459"/>
                    </a:lnTo>
                    <a:lnTo>
                      <a:pt x="2627" y="1454"/>
                    </a:lnTo>
                    <a:lnTo>
                      <a:pt x="2623" y="1449"/>
                    </a:lnTo>
                    <a:lnTo>
                      <a:pt x="2616" y="1437"/>
                    </a:lnTo>
                    <a:lnTo>
                      <a:pt x="2610" y="1428"/>
                    </a:lnTo>
                    <a:lnTo>
                      <a:pt x="2606" y="1424"/>
                    </a:lnTo>
                    <a:lnTo>
                      <a:pt x="2602" y="1423"/>
                    </a:lnTo>
                    <a:lnTo>
                      <a:pt x="2597" y="1422"/>
                    </a:lnTo>
                    <a:lnTo>
                      <a:pt x="2592" y="1423"/>
                    </a:lnTo>
                    <a:lnTo>
                      <a:pt x="2589" y="1424"/>
                    </a:lnTo>
                    <a:lnTo>
                      <a:pt x="2587" y="1427"/>
                    </a:lnTo>
                    <a:lnTo>
                      <a:pt x="2585" y="1430"/>
                    </a:lnTo>
                    <a:lnTo>
                      <a:pt x="2584" y="1432"/>
                    </a:lnTo>
                    <a:lnTo>
                      <a:pt x="2582" y="1440"/>
                    </a:lnTo>
                    <a:lnTo>
                      <a:pt x="2580" y="1448"/>
                    </a:lnTo>
                    <a:lnTo>
                      <a:pt x="2580" y="1456"/>
                    </a:lnTo>
                    <a:lnTo>
                      <a:pt x="2578" y="1462"/>
                    </a:lnTo>
                    <a:lnTo>
                      <a:pt x="2576" y="1465"/>
                    </a:lnTo>
                    <a:lnTo>
                      <a:pt x="2574" y="1467"/>
                    </a:lnTo>
                    <a:lnTo>
                      <a:pt x="2571" y="1469"/>
                    </a:lnTo>
                    <a:lnTo>
                      <a:pt x="2569" y="1469"/>
                    </a:lnTo>
                    <a:lnTo>
                      <a:pt x="2562" y="1467"/>
                    </a:lnTo>
                    <a:lnTo>
                      <a:pt x="2556" y="1463"/>
                    </a:lnTo>
                    <a:lnTo>
                      <a:pt x="2548" y="1457"/>
                    </a:lnTo>
                    <a:lnTo>
                      <a:pt x="2541" y="1450"/>
                    </a:lnTo>
                    <a:lnTo>
                      <a:pt x="2528" y="1434"/>
                    </a:lnTo>
                    <a:lnTo>
                      <a:pt x="2521" y="1421"/>
                    </a:lnTo>
                    <a:lnTo>
                      <a:pt x="2519" y="1423"/>
                    </a:lnTo>
                    <a:lnTo>
                      <a:pt x="2515" y="1430"/>
                    </a:lnTo>
                    <a:lnTo>
                      <a:pt x="2512" y="1439"/>
                    </a:lnTo>
                    <a:lnTo>
                      <a:pt x="2506" y="1449"/>
                    </a:lnTo>
                    <a:lnTo>
                      <a:pt x="2500" y="1469"/>
                    </a:lnTo>
                    <a:lnTo>
                      <a:pt x="2496" y="1476"/>
                    </a:lnTo>
                    <a:lnTo>
                      <a:pt x="2513" y="1488"/>
                    </a:lnTo>
                    <a:lnTo>
                      <a:pt x="2539" y="1502"/>
                    </a:lnTo>
                    <a:lnTo>
                      <a:pt x="2544" y="1506"/>
                    </a:lnTo>
                    <a:lnTo>
                      <a:pt x="2549" y="1510"/>
                    </a:lnTo>
                    <a:lnTo>
                      <a:pt x="2552" y="1513"/>
                    </a:lnTo>
                    <a:lnTo>
                      <a:pt x="2554" y="1516"/>
                    </a:lnTo>
                    <a:lnTo>
                      <a:pt x="2553" y="1520"/>
                    </a:lnTo>
                    <a:lnTo>
                      <a:pt x="2550" y="1524"/>
                    </a:lnTo>
                    <a:lnTo>
                      <a:pt x="2545" y="1528"/>
                    </a:lnTo>
                    <a:lnTo>
                      <a:pt x="2536" y="1531"/>
                    </a:lnTo>
                    <a:lnTo>
                      <a:pt x="2525" y="1533"/>
                    </a:lnTo>
                    <a:lnTo>
                      <a:pt x="2514" y="1533"/>
                    </a:lnTo>
                    <a:lnTo>
                      <a:pt x="2504" y="1531"/>
                    </a:lnTo>
                    <a:lnTo>
                      <a:pt x="2492" y="1527"/>
                    </a:lnTo>
                    <a:lnTo>
                      <a:pt x="2482" y="1522"/>
                    </a:lnTo>
                    <a:lnTo>
                      <a:pt x="2471" y="1515"/>
                    </a:lnTo>
                    <a:lnTo>
                      <a:pt x="2461" y="1509"/>
                    </a:lnTo>
                    <a:lnTo>
                      <a:pt x="2451" y="1501"/>
                    </a:lnTo>
                    <a:lnTo>
                      <a:pt x="2431" y="1485"/>
                    </a:lnTo>
                    <a:lnTo>
                      <a:pt x="2412" y="1471"/>
                    </a:lnTo>
                    <a:lnTo>
                      <a:pt x="2403" y="1466"/>
                    </a:lnTo>
                    <a:lnTo>
                      <a:pt x="2392" y="1462"/>
                    </a:lnTo>
                    <a:lnTo>
                      <a:pt x="2383" y="1459"/>
                    </a:lnTo>
                    <a:lnTo>
                      <a:pt x="2374" y="1458"/>
                    </a:lnTo>
                    <a:lnTo>
                      <a:pt x="2376" y="1467"/>
                    </a:lnTo>
                    <a:lnTo>
                      <a:pt x="2379" y="1476"/>
                    </a:lnTo>
                    <a:lnTo>
                      <a:pt x="2385" y="1484"/>
                    </a:lnTo>
                    <a:lnTo>
                      <a:pt x="2391" y="1491"/>
                    </a:lnTo>
                    <a:lnTo>
                      <a:pt x="2408" y="1502"/>
                    </a:lnTo>
                    <a:lnTo>
                      <a:pt x="2427" y="1514"/>
                    </a:lnTo>
                    <a:lnTo>
                      <a:pt x="2436" y="1519"/>
                    </a:lnTo>
                    <a:lnTo>
                      <a:pt x="2445" y="1526"/>
                    </a:lnTo>
                    <a:lnTo>
                      <a:pt x="2455" y="1532"/>
                    </a:lnTo>
                    <a:lnTo>
                      <a:pt x="2461" y="1540"/>
                    </a:lnTo>
                    <a:lnTo>
                      <a:pt x="2466" y="1548"/>
                    </a:lnTo>
                    <a:lnTo>
                      <a:pt x="2470" y="1557"/>
                    </a:lnTo>
                    <a:lnTo>
                      <a:pt x="2473" y="1568"/>
                    </a:lnTo>
                    <a:lnTo>
                      <a:pt x="2471" y="1580"/>
                    </a:lnTo>
                    <a:lnTo>
                      <a:pt x="2469" y="1585"/>
                    </a:lnTo>
                    <a:lnTo>
                      <a:pt x="2469" y="1590"/>
                    </a:lnTo>
                    <a:lnTo>
                      <a:pt x="2469" y="1595"/>
                    </a:lnTo>
                    <a:lnTo>
                      <a:pt x="2469" y="1599"/>
                    </a:lnTo>
                    <a:lnTo>
                      <a:pt x="2473" y="1610"/>
                    </a:lnTo>
                    <a:lnTo>
                      <a:pt x="2477" y="1619"/>
                    </a:lnTo>
                    <a:lnTo>
                      <a:pt x="2480" y="1627"/>
                    </a:lnTo>
                    <a:lnTo>
                      <a:pt x="2482" y="1636"/>
                    </a:lnTo>
                    <a:lnTo>
                      <a:pt x="2480" y="1640"/>
                    </a:lnTo>
                    <a:lnTo>
                      <a:pt x="2479" y="1643"/>
                    </a:lnTo>
                    <a:lnTo>
                      <a:pt x="2477" y="1646"/>
                    </a:lnTo>
                    <a:lnTo>
                      <a:pt x="2471" y="1650"/>
                    </a:lnTo>
                    <a:lnTo>
                      <a:pt x="2462" y="1655"/>
                    </a:lnTo>
                    <a:lnTo>
                      <a:pt x="2452" y="1659"/>
                    </a:lnTo>
                    <a:lnTo>
                      <a:pt x="2440" y="1663"/>
                    </a:lnTo>
                    <a:lnTo>
                      <a:pt x="2429" y="1665"/>
                    </a:lnTo>
                    <a:lnTo>
                      <a:pt x="2404" y="1672"/>
                    </a:lnTo>
                    <a:lnTo>
                      <a:pt x="2382" y="1678"/>
                    </a:lnTo>
                    <a:lnTo>
                      <a:pt x="2370" y="1684"/>
                    </a:lnTo>
                    <a:lnTo>
                      <a:pt x="2364" y="1689"/>
                    </a:lnTo>
                    <a:lnTo>
                      <a:pt x="2361" y="1693"/>
                    </a:lnTo>
                    <a:lnTo>
                      <a:pt x="2359" y="1695"/>
                    </a:lnTo>
                    <a:lnTo>
                      <a:pt x="2359" y="1699"/>
                    </a:lnTo>
                    <a:lnTo>
                      <a:pt x="2359" y="1703"/>
                    </a:lnTo>
                    <a:lnTo>
                      <a:pt x="2360" y="1709"/>
                    </a:lnTo>
                    <a:lnTo>
                      <a:pt x="2364" y="1717"/>
                    </a:lnTo>
                    <a:lnTo>
                      <a:pt x="2369" y="1725"/>
                    </a:lnTo>
                    <a:lnTo>
                      <a:pt x="2376" y="1734"/>
                    </a:lnTo>
                    <a:lnTo>
                      <a:pt x="2390" y="1751"/>
                    </a:lnTo>
                    <a:lnTo>
                      <a:pt x="2403" y="1769"/>
                    </a:lnTo>
                    <a:lnTo>
                      <a:pt x="2408" y="1778"/>
                    </a:lnTo>
                    <a:lnTo>
                      <a:pt x="2411" y="1786"/>
                    </a:lnTo>
                    <a:lnTo>
                      <a:pt x="2412" y="1790"/>
                    </a:lnTo>
                    <a:lnTo>
                      <a:pt x="2412" y="1795"/>
                    </a:lnTo>
                    <a:lnTo>
                      <a:pt x="2412" y="1799"/>
                    </a:lnTo>
                    <a:lnTo>
                      <a:pt x="2411" y="1803"/>
                    </a:lnTo>
                    <a:lnTo>
                      <a:pt x="2404" y="1814"/>
                    </a:lnTo>
                    <a:lnTo>
                      <a:pt x="2398" y="1826"/>
                    </a:lnTo>
                    <a:lnTo>
                      <a:pt x="2388" y="1838"/>
                    </a:lnTo>
                    <a:lnTo>
                      <a:pt x="2378" y="1848"/>
                    </a:lnTo>
                    <a:lnTo>
                      <a:pt x="2368" y="1860"/>
                    </a:lnTo>
                    <a:lnTo>
                      <a:pt x="2357" y="1871"/>
                    </a:lnTo>
                    <a:lnTo>
                      <a:pt x="2348" y="1883"/>
                    </a:lnTo>
                    <a:lnTo>
                      <a:pt x="2341" y="1895"/>
                    </a:lnTo>
                    <a:lnTo>
                      <a:pt x="2333" y="1909"/>
                    </a:lnTo>
                    <a:lnTo>
                      <a:pt x="2328" y="1921"/>
                    </a:lnTo>
                    <a:lnTo>
                      <a:pt x="2325" y="1930"/>
                    </a:lnTo>
                    <a:lnTo>
                      <a:pt x="2322" y="1937"/>
                    </a:lnTo>
                    <a:lnTo>
                      <a:pt x="2322" y="1944"/>
                    </a:lnTo>
                    <a:lnTo>
                      <a:pt x="2324" y="1949"/>
                    </a:lnTo>
                    <a:lnTo>
                      <a:pt x="2326" y="1953"/>
                    </a:lnTo>
                    <a:lnTo>
                      <a:pt x="2329" y="1956"/>
                    </a:lnTo>
                    <a:lnTo>
                      <a:pt x="2337" y="1962"/>
                    </a:lnTo>
                    <a:lnTo>
                      <a:pt x="2346" y="1970"/>
                    </a:lnTo>
                    <a:lnTo>
                      <a:pt x="2350" y="1975"/>
                    </a:lnTo>
                    <a:lnTo>
                      <a:pt x="2354" y="1982"/>
                    </a:lnTo>
                    <a:lnTo>
                      <a:pt x="2357" y="1989"/>
                    </a:lnTo>
                    <a:lnTo>
                      <a:pt x="2360" y="2000"/>
                    </a:lnTo>
                    <a:lnTo>
                      <a:pt x="2361" y="2007"/>
                    </a:lnTo>
                    <a:lnTo>
                      <a:pt x="2360" y="2013"/>
                    </a:lnTo>
                    <a:lnTo>
                      <a:pt x="2359" y="2016"/>
                    </a:lnTo>
                    <a:lnTo>
                      <a:pt x="2355" y="2020"/>
                    </a:lnTo>
                    <a:lnTo>
                      <a:pt x="2351" y="2022"/>
                    </a:lnTo>
                    <a:lnTo>
                      <a:pt x="2346" y="2023"/>
                    </a:lnTo>
                    <a:lnTo>
                      <a:pt x="2341" y="2023"/>
                    </a:lnTo>
                    <a:lnTo>
                      <a:pt x="2335" y="2023"/>
                    </a:lnTo>
                    <a:lnTo>
                      <a:pt x="2309" y="2019"/>
                    </a:lnTo>
                    <a:lnTo>
                      <a:pt x="2290" y="2018"/>
                    </a:lnTo>
                    <a:lnTo>
                      <a:pt x="2290" y="2020"/>
                    </a:lnTo>
                    <a:lnTo>
                      <a:pt x="2295" y="2023"/>
                    </a:lnTo>
                    <a:lnTo>
                      <a:pt x="2304" y="2028"/>
                    </a:lnTo>
                    <a:lnTo>
                      <a:pt x="2315" y="2037"/>
                    </a:lnTo>
                    <a:lnTo>
                      <a:pt x="2325" y="2046"/>
                    </a:lnTo>
                    <a:lnTo>
                      <a:pt x="2347" y="2066"/>
                    </a:lnTo>
                    <a:lnTo>
                      <a:pt x="2361" y="2079"/>
                    </a:lnTo>
                    <a:lnTo>
                      <a:pt x="2385" y="2099"/>
                    </a:lnTo>
                    <a:lnTo>
                      <a:pt x="2407" y="2123"/>
                    </a:lnTo>
                    <a:lnTo>
                      <a:pt x="2412" y="2129"/>
                    </a:lnTo>
                    <a:lnTo>
                      <a:pt x="2416" y="2136"/>
                    </a:lnTo>
                    <a:lnTo>
                      <a:pt x="2418" y="2142"/>
                    </a:lnTo>
                    <a:lnTo>
                      <a:pt x="2420" y="2149"/>
                    </a:lnTo>
                    <a:lnTo>
                      <a:pt x="2420" y="2155"/>
                    </a:lnTo>
                    <a:lnTo>
                      <a:pt x="2420" y="2163"/>
                    </a:lnTo>
                    <a:lnTo>
                      <a:pt x="2417" y="2169"/>
                    </a:lnTo>
                    <a:lnTo>
                      <a:pt x="2413" y="2176"/>
                    </a:lnTo>
                    <a:lnTo>
                      <a:pt x="2399" y="2195"/>
                    </a:lnTo>
                    <a:lnTo>
                      <a:pt x="2382" y="2212"/>
                    </a:lnTo>
                    <a:lnTo>
                      <a:pt x="2364" y="2230"/>
                    </a:lnTo>
                    <a:lnTo>
                      <a:pt x="2346" y="2247"/>
                    </a:lnTo>
                    <a:lnTo>
                      <a:pt x="2329" y="2264"/>
                    </a:lnTo>
                    <a:lnTo>
                      <a:pt x="2313" y="2281"/>
                    </a:lnTo>
                    <a:lnTo>
                      <a:pt x="2307" y="2290"/>
                    </a:lnTo>
                    <a:lnTo>
                      <a:pt x="2300" y="2299"/>
                    </a:lnTo>
                    <a:lnTo>
                      <a:pt x="2297" y="2308"/>
                    </a:lnTo>
                    <a:lnTo>
                      <a:pt x="2293" y="2318"/>
                    </a:lnTo>
                    <a:lnTo>
                      <a:pt x="2286" y="2353"/>
                    </a:lnTo>
                    <a:lnTo>
                      <a:pt x="2280" y="2393"/>
                    </a:lnTo>
                    <a:lnTo>
                      <a:pt x="2278" y="2404"/>
                    </a:lnTo>
                    <a:lnTo>
                      <a:pt x="2274" y="2413"/>
                    </a:lnTo>
                    <a:lnTo>
                      <a:pt x="2272" y="2422"/>
                    </a:lnTo>
                    <a:lnTo>
                      <a:pt x="2267" y="2430"/>
                    </a:lnTo>
                    <a:lnTo>
                      <a:pt x="2262" y="2437"/>
                    </a:lnTo>
                    <a:lnTo>
                      <a:pt x="2256" y="2445"/>
                    </a:lnTo>
                    <a:lnTo>
                      <a:pt x="2249" y="2450"/>
                    </a:lnTo>
                    <a:lnTo>
                      <a:pt x="2239" y="2456"/>
                    </a:lnTo>
                    <a:lnTo>
                      <a:pt x="2233" y="2458"/>
                    </a:lnTo>
                    <a:lnTo>
                      <a:pt x="2228" y="2460"/>
                    </a:lnTo>
                    <a:lnTo>
                      <a:pt x="2224" y="2460"/>
                    </a:lnTo>
                    <a:lnTo>
                      <a:pt x="2219" y="2458"/>
                    </a:lnTo>
                    <a:lnTo>
                      <a:pt x="2212" y="2456"/>
                    </a:lnTo>
                    <a:lnTo>
                      <a:pt x="2206" y="2452"/>
                    </a:lnTo>
                    <a:lnTo>
                      <a:pt x="2203" y="2452"/>
                    </a:lnTo>
                    <a:lnTo>
                      <a:pt x="2201" y="2450"/>
                    </a:lnTo>
                    <a:lnTo>
                      <a:pt x="2197" y="2452"/>
                    </a:lnTo>
                    <a:lnTo>
                      <a:pt x="2194" y="2454"/>
                    </a:lnTo>
                    <a:lnTo>
                      <a:pt x="2190" y="2457"/>
                    </a:lnTo>
                    <a:lnTo>
                      <a:pt x="2185" y="2462"/>
                    </a:lnTo>
                    <a:lnTo>
                      <a:pt x="2181" y="2470"/>
                    </a:lnTo>
                    <a:lnTo>
                      <a:pt x="2175" y="2480"/>
                    </a:lnTo>
                    <a:lnTo>
                      <a:pt x="2164" y="2498"/>
                    </a:lnTo>
                    <a:lnTo>
                      <a:pt x="2154" y="2513"/>
                    </a:lnTo>
                    <a:lnTo>
                      <a:pt x="2145" y="2523"/>
                    </a:lnTo>
                    <a:lnTo>
                      <a:pt x="2135" y="2532"/>
                    </a:lnTo>
                    <a:lnTo>
                      <a:pt x="2113" y="2545"/>
                    </a:lnTo>
                    <a:lnTo>
                      <a:pt x="2080" y="2564"/>
                    </a:lnTo>
                    <a:lnTo>
                      <a:pt x="2072" y="2571"/>
                    </a:lnTo>
                    <a:lnTo>
                      <a:pt x="2067" y="2577"/>
                    </a:lnTo>
                    <a:lnTo>
                      <a:pt x="2062" y="2584"/>
                    </a:lnTo>
                    <a:lnTo>
                      <a:pt x="2059" y="2592"/>
                    </a:lnTo>
                    <a:lnTo>
                      <a:pt x="2057" y="2599"/>
                    </a:lnTo>
                    <a:lnTo>
                      <a:pt x="2053" y="2606"/>
                    </a:lnTo>
                    <a:lnTo>
                      <a:pt x="2049" y="2612"/>
                    </a:lnTo>
                    <a:lnTo>
                      <a:pt x="2043" y="2619"/>
                    </a:lnTo>
                    <a:lnTo>
                      <a:pt x="2036" y="2623"/>
                    </a:lnTo>
                    <a:lnTo>
                      <a:pt x="2031" y="2624"/>
                    </a:lnTo>
                    <a:lnTo>
                      <a:pt x="2026" y="2624"/>
                    </a:lnTo>
                    <a:lnTo>
                      <a:pt x="2021" y="2623"/>
                    </a:lnTo>
                    <a:lnTo>
                      <a:pt x="2017" y="2620"/>
                    </a:lnTo>
                    <a:lnTo>
                      <a:pt x="2013" y="2616"/>
                    </a:lnTo>
                    <a:lnTo>
                      <a:pt x="2009" y="2611"/>
                    </a:lnTo>
                    <a:lnTo>
                      <a:pt x="2005" y="2606"/>
                    </a:lnTo>
                    <a:lnTo>
                      <a:pt x="1999" y="2596"/>
                    </a:lnTo>
                    <a:lnTo>
                      <a:pt x="1992" y="2586"/>
                    </a:lnTo>
                    <a:lnTo>
                      <a:pt x="1989" y="2583"/>
                    </a:lnTo>
                    <a:lnTo>
                      <a:pt x="1986" y="2580"/>
                    </a:lnTo>
                    <a:lnTo>
                      <a:pt x="1983" y="2579"/>
                    </a:lnTo>
                    <a:lnTo>
                      <a:pt x="1979" y="2579"/>
                    </a:lnTo>
                    <a:lnTo>
                      <a:pt x="1975" y="2596"/>
                    </a:lnTo>
                    <a:lnTo>
                      <a:pt x="1970" y="2618"/>
                    </a:lnTo>
                    <a:lnTo>
                      <a:pt x="1962" y="2641"/>
                    </a:lnTo>
                    <a:lnTo>
                      <a:pt x="1954" y="2665"/>
                    </a:lnTo>
                    <a:lnTo>
                      <a:pt x="1951" y="2677"/>
                    </a:lnTo>
                    <a:lnTo>
                      <a:pt x="1945" y="2689"/>
                    </a:lnTo>
                    <a:lnTo>
                      <a:pt x="1939" y="2699"/>
                    </a:lnTo>
                    <a:lnTo>
                      <a:pt x="1932" y="2708"/>
                    </a:lnTo>
                    <a:lnTo>
                      <a:pt x="1926" y="2717"/>
                    </a:lnTo>
                    <a:lnTo>
                      <a:pt x="1920" y="2724"/>
                    </a:lnTo>
                    <a:lnTo>
                      <a:pt x="1912" y="2730"/>
                    </a:lnTo>
                    <a:lnTo>
                      <a:pt x="1903" y="2733"/>
                    </a:lnTo>
                    <a:lnTo>
                      <a:pt x="1890" y="2746"/>
                    </a:lnTo>
                    <a:lnTo>
                      <a:pt x="1874" y="2763"/>
                    </a:lnTo>
                    <a:lnTo>
                      <a:pt x="1866" y="2770"/>
                    </a:lnTo>
                    <a:lnTo>
                      <a:pt x="1859" y="2778"/>
                    </a:lnTo>
                    <a:lnTo>
                      <a:pt x="1852" y="2783"/>
                    </a:lnTo>
                    <a:lnTo>
                      <a:pt x="1846" y="2786"/>
                    </a:lnTo>
                    <a:lnTo>
                      <a:pt x="1838" y="2787"/>
                    </a:lnTo>
                    <a:lnTo>
                      <a:pt x="1830" y="2785"/>
                    </a:lnTo>
                    <a:lnTo>
                      <a:pt x="1822" y="2781"/>
                    </a:lnTo>
                    <a:lnTo>
                      <a:pt x="1813" y="2777"/>
                    </a:lnTo>
                    <a:lnTo>
                      <a:pt x="1806" y="2773"/>
                    </a:lnTo>
                    <a:lnTo>
                      <a:pt x="1799" y="2772"/>
                    </a:lnTo>
                    <a:lnTo>
                      <a:pt x="1796" y="2772"/>
                    </a:lnTo>
                    <a:lnTo>
                      <a:pt x="1793" y="2773"/>
                    </a:lnTo>
                    <a:lnTo>
                      <a:pt x="1791" y="2776"/>
                    </a:lnTo>
                    <a:lnTo>
                      <a:pt x="1789" y="2778"/>
                    </a:lnTo>
                    <a:lnTo>
                      <a:pt x="1785" y="2789"/>
                    </a:lnTo>
                    <a:lnTo>
                      <a:pt x="1782" y="2799"/>
                    </a:lnTo>
                    <a:lnTo>
                      <a:pt x="1782" y="2808"/>
                    </a:lnTo>
                    <a:lnTo>
                      <a:pt x="1783" y="2816"/>
                    </a:lnTo>
                    <a:lnTo>
                      <a:pt x="1790" y="2830"/>
                    </a:lnTo>
                    <a:lnTo>
                      <a:pt x="1796" y="2843"/>
                    </a:lnTo>
                    <a:lnTo>
                      <a:pt x="1800" y="2848"/>
                    </a:lnTo>
                    <a:lnTo>
                      <a:pt x="1803" y="2853"/>
                    </a:lnTo>
                    <a:lnTo>
                      <a:pt x="1804" y="2859"/>
                    </a:lnTo>
                    <a:lnTo>
                      <a:pt x="1804" y="2865"/>
                    </a:lnTo>
                    <a:lnTo>
                      <a:pt x="1803" y="2870"/>
                    </a:lnTo>
                    <a:lnTo>
                      <a:pt x="1799" y="2877"/>
                    </a:lnTo>
                    <a:lnTo>
                      <a:pt x="1793" y="2883"/>
                    </a:lnTo>
                    <a:lnTo>
                      <a:pt x="1783" y="2890"/>
                    </a:lnTo>
                    <a:lnTo>
                      <a:pt x="1773" y="2896"/>
                    </a:lnTo>
                    <a:lnTo>
                      <a:pt x="1764" y="2901"/>
                    </a:lnTo>
                    <a:lnTo>
                      <a:pt x="1756" y="2904"/>
                    </a:lnTo>
                    <a:lnTo>
                      <a:pt x="1750" y="2906"/>
                    </a:lnTo>
                    <a:lnTo>
                      <a:pt x="1745" y="2906"/>
                    </a:lnTo>
                    <a:lnTo>
                      <a:pt x="1741" y="2905"/>
                    </a:lnTo>
                    <a:lnTo>
                      <a:pt x="1737" y="2903"/>
                    </a:lnTo>
                    <a:lnTo>
                      <a:pt x="1734" y="2900"/>
                    </a:lnTo>
                    <a:lnTo>
                      <a:pt x="1728" y="2893"/>
                    </a:lnTo>
                    <a:lnTo>
                      <a:pt x="1721" y="2886"/>
                    </a:lnTo>
                    <a:lnTo>
                      <a:pt x="1716" y="2882"/>
                    </a:lnTo>
                    <a:lnTo>
                      <a:pt x="1711" y="2878"/>
                    </a:lnTo>
                    <a:lnTo>
                      <a:pt x="1706" y="2875"/>
                    </a:lnTo>
                    <a:lnTo>
                      <a:pt x="1698" y="2873"/>
                    </a:lnTo>
                    <a:lnTo>
                      <a:pt x="1680" y="2869"/>
                    </a:lnTo>
                    <a:lnTo>
                      <a:pt x="1668" y="2866"/>
                    </a:lnTo>
                    <a:lnTo>
                      <a:pt x="1659" y="2860"/>
                    </a:lnTo>
                    <a:lnTo>
                      <a:pt x="1645" y="2848"/>
                    </a:lnTo>
                    <a:lnTo>
                      <a:pt x="1637" y="2839"/>
                    </a:lnTo>
                    <a:lnTo>
                      <a:pt x="1627" y="2826"/>
                    </a:lnTo>
                    <a:lnTo>
                      <a:pt x="1623" y="2821"/>
                    </a:lnTo>
                    <a:lnTo>
                      <a:pt x="1618" y="2816"/>
                    </a:lnTo>
                    <a:lnTo>
                      <a:pt x="1612" y="2813"/>
                    </a:lnTo>
                    <a:lnTo>
                      <a:pt x="1607" y="2813"/>
                    </a:lnTo>
                    <a:lnTo>
                      <a:pt x="1605" y="2816"/>
                    </a:lnTo>
                    <a:lnTo>
                      <a:pt x="1602" y="2817"/>
                    </a:lnTo>
                    <a:lnTo>
                      <a:pt x="1601" y="2818"/>
                    </a:lnTo>
                    <a:lnTo>
                      <a:pt x="1600" y="2821"/>
                    </a:lnTo>
                    <a:lnTo>
                      <a:pt x="1600" y="2827"/>
                    </a:lnTo>
                    <a:lnTo>
                      <a:pt x="1601" y="2834"/>
                    </a:lnTo>
                    <a:lnTo>
                      <a:pt x="1607" y="2851"/>
                    </a:lnTo>
                    <a:lnTo>
                      <a:pt x="1618" y="2869"/>
                    </a:lnTo>
                    <a:lnTo>
                      <a:pt x="1631" y="2888"/>
                    </a:lnTo>
                    <a:lnTo>
                      <a:pt x="1642" y="2905"/>
                    </a:lnTo>
                    <a:lnTo>
                      <a:pt x="1651" y="2921"/>
                    </a:lnTo>
                    <a:lnTo>
                      <a:pt x="1655" y="2931"/>
                    </a:lnTo>
                    <a:lnTo>
                      <a:pt x="1655" y="2944"/>
                    </a:lnTo>
                    <a:lnTo>
                      <a:pt x="1653" y="2956"/>
                    </a:lnTo>
                    <a:lnTo>
                      <a:pt x="1649" y="2966"/>
                    </a:lnTo>
                    <a:lnTo>
                      <a:pt x="1645" y="2975"/>
                    </a:lnTo>
                    <a:lnTo>
                      <a:pt x="1641" y="2985"/>
                    </a:lnTo>
                    <a:lnTo>
                      <a:pt x="1637" y="2995"/>
                    </a:lnTo>
                    <a:lnTo>
                      <a:pt x="1635" y="3004"/>
                    </a:lnTo>
                    <a:lnTo>
                      <a:pt x="1635" y="3014"/>
                    </a:lnTo>
                    <a:lnTo>
                      <a:pt x="1637" y="3024"/>
                    </a:lnTo>
                    <a:lnTo>
                      <a:pt x="1641" y="3036"/>
                    </a:lnTo>
                    <a:lnTo>
                      <a:pt x="1642" y="3041"/>
                    </a:lnTo>
                    <a:lnTo>
                      <a:pt x="1644" y="3046"/>
                    </a:lnTo>
                    <a:lnTo>
                      <a:pt x="1644" y="3053"/>
                    </a:lnTo>
                    <a:lnTo>
                      <a:pt x="1641" y="3058"/>
                    </a:lnTo>
                    <a:lnTo>
                      <a:pt x="1633" y="3071"/>
                    </a:lnTo>
                    <a:lnTo>
                      <a:pt x="1625" y="3080"/>
                    </a:lnTo>
                    <a:lnTo>
                      <a:pt x="1619" y="3087"/>
                    </a:lnTo>
                    <a:lnTo>
                      <a:pt x="1614" y="3090"/>
                    </a:lnTo>
                    <a:lnTo>
                      <a:pt x="1607" y="3093"/>
                    </a:lnTo>
                    <a:lnTo>
                      <a:pt x="1602" y="3093"/>
                    </a:lnTo>
                    <a:lnTo>
                      <a:pt x="1597" y="3092"/>
                    </a:lnTo>
                    <a:lnTo>
                      <a:pt x="1592" y="3089"/>
                    </a:lnTo>
                    <a:lnTo>
                      <a:pt x="1572" y="3068"/>
                    </a:lnTo>
                    <a:lnTo>
                      <a:pt x="1552" y="3046"/>
                    </a:lnTo>
                    <a:lnTo>
                      <a:pt x="1544" y="3041"/>
                    </a:lnTo>
                    <a:lnTo>
                      <a:pt x="1537" y="3040"/>
                    </a:lnTo>
                    <a:lnTo>
                      <a:pt x="1532" y="3041"/>
                    </a:lnTo>
                    <a:lnTo>
                      <a:pt x="1527" y="3045"/>
                    </a:lnTo>
                    <a:lnTo>
                      <a:pt x="1523" y="3050"/>
                    </a:lnTo>
                    <a:lnTo>
                      <a:pt x="1520" y="3057"/>
                    </a:lnTo>
                    <a:lnTo>
                      <a:pt x="1518" y="3066"/>
                    </a:lnTo>
                    <a:lnTo>
                      <a:pt x="1515" y="3075"/>
                    </a:lnTo>
                    <a:lnTo>
                      <a:pt x="1513" y="3094"/>
                    </a:lnTo>
                    <a:lnTo>
                      <a:pt x="1513" y="3112"/>
                    </a:lnTo>
                    <a:lnTo>
                      <a:pt x="1513" y="3128"/>
                    </a:lnTo>
                    <a:lnTo>
                      <a:pt x="1515" y="3137"/>
                    </a:lnTo>
                    <a:lnTo>
                      <a:pt x="1523" y="3142"/>
                    </a:lnTo>
                    <a:lnTo>
                      <a:pt x="1537" y="3153"/>
                    </a:lnTo>
                    <a:lnTo>
                      <a:pt x="1555" y="3164"/>
                    </a:lnTo>
                    <a:lnTo>
                      <a:pt x="1574" y="3177"/>
                    </a:lnTo>
                    <a:lnTo>
                      <a:pt x="1583" y="3184"/>
                    </a:lnTo>
                    <a:lnTo>
                      <a:pt x="1588" y="3189"/>
                    </a:lnTo>
                    <a:lnTo>
                      <a:pt x="1593" y="3194"/>
                    </a:lnTo>
                    <a:lnTo>
                      <a:pt x="1594" y="3199"/>
                    </a:lnTo>
                    <a:lnTo>
                      <a:pt x="1594" y="3200"/>
                    </a:lnTo>
                    <a:lnTo>
                      <a:pt x="1594" y="3203"/>
                    </a:lnTo>
                    <a:lnTo>
                      <a:pt x="1592" y="3204"/>
                    </a:lnTo>
                    <a:lnTo>
                      <a:pt x="1589" y="3204"/>
                    </a:lnTo>
                    <a:lnTo>
                      <a:pt x="1581" y="3206"/>
                    </a:lnTo>
                    <a:lnTo>
                      <a:pt x="1568" y="3204"/>
                    </a:lnTo>
                    <a:lnTo>
                      <a:pt x="1562" y="3204"/>
                    </a:lnTo>
                    <a:lnTo>
                      <a:pt x="1558" y="3206"/>
                    </a:lnTo>
                    <a:lnTo>
                      <a:pt x="1555" y="3208"/>
                    </a:lnTo>
                    <a:lnTo>
                      <a:pt x="1553" y="3211"/>
                    </a:lnTo>
                    <a:lnTo>
                      <a:pt x="1552" y="3220"/>
                    </a:lnTo>
                    <a:lnTo>
                      <a:pt x="1552" y="3230"/>
                    </a:lnTo>
                    <a:lnTo>
                      <a:pt x="1557" y="3252"/>
                    </a:lnTo>
                    <a:lnTo>
                      <a:pt x="1559" y="3272"/>
                    </a:lnTo>
                    <a:lnTo>
                      <a:pt x="1549" y="3294"/>
                    </a:lnTo>
                    <a:lnTo>
                      <a:pt x="1536" y="3321"/>
                    </a:lnTo>
                    <a:lnTo>
                      <a:pt x="1531" y="3334"/>
                    </a:lnTo>
                    <a:lnTo>
                      <a:pt x="1526" y="3348"/>
                    </a:lnTo>
                    <a:lnTo>
                      <a:pt x="1524" y="3361"/>
                    </a:lnTo>
                    <a:lnTo>
                      <a:pt x="1524" y="3371"/>
                    </a:lnTo>
                    <a:lnTo>
                      <a:pt x="1526" y="3378"/>
                    </a:lnTo>
                    <a:lnTo>
                      <a:pt x="1530" y="3386"/>
                    </a:lnTo>
                    <a:lnTo>
                      <a:pt x="1535" y="3392"/>
                    </a:lnTo>
                    <a:lnTo>
                      <a:pt x="1540" y="3399"/>
                    </a:lnTo>
                    <a:lnTo>
                      <a:pt x="1545" y="3406"/>
                    </a:lnTo>
                    <a:lnTo>
                      <a:pt x="1550" y="3413"/>
                    </a:lnTo>
                    <a:lnTo>
                      <a:pt x="1555" y="3421"/>
                    </a:lnTo>
                    <a:lnTo>
                      <a:pt x="1559" y="3428"/>
                    </a:lnTo>
                    <a:lnTo>
                      <a:pt x="1559" y="3432"/>
                    </a:lnTo>
                    <a:lnTo>
                      <a:pt x="1559" y="3436"/>
                    </a:lnTo>
                    <a:lnTo>
                      <a:pt x="1559" y="3438"/>
                    </a:lnTo>
                    <a:lnTo>
                      <a:pt x="1558" y="3440"/>
                    </a:lnTo>
                    <a:lnTo>
                      <a:pt x="1554" y="3440"/>
                    </a:lnTo>
                    <a:lnTo>
                      <a:pt x="1548" y="3438"/>
                    </a:lnTo>
                    <a:lnTo>
                      <a:pt x="1530" y="3427"/>
                    </a:lnTo>
                    <a:lnTo>
                      <a:pt x="1509" y="3413"/>
                    </a:lnTo>
                    <a:lnTo>
                      <a:pt x="1489" y="3400"/>
                    </a:lnTo>
                    <a:lnTo>
                      <a:pt x="1474" y="3392"/>
                    </a:lnTo>
                    <a:lnTo>
                      <a:pt x="1471" y="3392"/>
                    </a:lnTo>
                    <a:lnTo>
                      <a:pt x="1469" y="3392"/>
                    </a:lnTo>
                    <a:lnTo>
                      <a:pt x="1467" y="3392"/>
                    </a:lnTo>
                    <a:lnTo>
                      <a:pt x="1466" y="3395"/>
                    </a:lnTo>
                    <a:lnTo>
                      <a:pt x="1466" y="3400"/>
                    </a:lnTo>
                    <a:lnTo>
                      <a:pt x="1470" y="3410"/>
                    </a:lnTo>
                    <a:lnTo>
                      <a:pt x="1479" y="3430"/>
                    </a:lnTo>
                    <a:lnTo>
                      <a:pt x="1486" y="3444"/>
                    </a:lnTo>
                    <a:lnTo>
                      <a:pt x="1487" y="3451"/>
                    </a:lnTo>
                    <a:lnTo>
                      <a:pt x="1486" y="3458"/>
                    </a:lnTo>
                    <a:lnTo>
                      <a:pt x="1483" y="3467"/>
                    </a:lnTo>
                    <a:lnTo>
                      <a:pt x="1476" y="3479"/>
                    </a:lnTo>
                    <a:lnTo>
                      <a:pt x="1469" y="3492"/>
                    </a:lnTo>
                    <a:lnTo>
                      <a:pt x="1465" y="3506"/>
                    </a:lnTo>
                    <a:lnTo>
                      <a:pt x="1461" y="3522"/>
                    </a:lnTo>
                    <a:lnTo>
                      <a:pt x="1461" y="3537"/>
                    </a:lnTo>
                    <a:lnTo>
                      <a:pt x="1461" y="3553"/>
                    </a:lnTo>
                    <a:lnTo>
                      <a:pt x="1463" y="3570"/>
                    </a:lnTo>
                    <a:lnTo>
                      <a:pt x="1469" y="3584"/>
                    </a:lnTo>
                    <a:lnTo>
                      <a:pt x="1474" y="3598"/>
                    </a:lnTo>
                    <a:lnTo>
                      <a:pt x="1478" y="3607"/>
                    </a:lnTo>
                    <a:lnTo>
                      <a:pt x="1479" y="3614"/>
                    </a:lnTo>
                    <a:lnTo>
                      <a:pt x="1479" y="3620"/>
                    </a:lnTo>
                    <a:lnTo>
                      <a:pt x="1476" y="3627"/>
                    </a:lnTo>
                    <a:lnTo>
                      <a:pt x="1474" y="3632"/>
                    </a:lnTo>
                    <a:lnTo>
                      <a:pt x="1470" y="3636"/>
                    </a:lnTo>
                    <a:lnTo>
                      <a:pt x="1466" y="3640"/>
                    </a:lnTo>
                    <a:lnTo>
                      <a:pt x="1461" y="3644"/>
                    </a:lnTo>
                    <a:lnTo>
                      <a:pt x="1449" y="3650"/>
                    </a:lnTo>
                    <a:lnTo>
                      <a:pt x="1439" y="3655"/>
                    </a:lnTo>
                    <a:lnTo>
                      <a:pt x="1435" y="3658"/>
                    </a:lnTo>
                    <a:lnTo>
                      <a:pt x="1431" y="3660"/>
                    </a:lnTo>
                    <a:lnTo>
                      <a:pt x="1430" y="3663"/>
                    </a:lnTo>
                    <a:lnTo>
                      <a:pt x="1429" y="3666"/>
                    </a:lnTo>
                    <a:lnTo>
                      <a:pt x="1434" y="3669"/>
                    </a:lnTo>
                    <a:lnTo>
                      <a:pt x="1444" y="3672"/>
                    </a:lnTo>
                    <a:lnTo>
                      <a:pt x="1454" y="3675"/>
                    </a:lnTo>
                    <a:lnTo>
                      <a:pt x="1462" y="3676"/>
                    </a:lnTo>
                    <a:lnTo>
                      <a:pt x="1460" y="3690"/>
                    </a:lnTo>
                    <a:lnTo>
                      <a:pt x="1456" y="3707"/>
                    </a:lnTo>
                    <a:lnTo>
                      <a:pt x="1452" y="3723"/>
                    </a:lnTo>
                    <a:lnTo>
                      <a:pt x="1448" y="3737"/>
                    </a:lnTo>
                    <a:lnTo>
                      <a:pt x="1447" y="3743"/>
                    </a:lnTo>
                    <a:lnTo>
                      <a:pt x="1448" y="3750"/>
                    </a:lnTo>
                    <a:lnTo>
                      <a:pt x="1449" y="3759"/>
                    </a:lnTo>
                    <a:lnTo>
                      <a:pt x="1451" y="3769"/>
                    </a:lnTo>
                    <a:lnTo>
                      <a:pt x="1457" y="3790"/>
                    </a:lnTo>
                    <a:lnTo>
                      <a:pt x="1466" y="3813"/>
                    </a:lnTo>
                    <a:lnTo>
                      <a:pt x="1475" y="3835"/>
                    </a:lnTo>
                    <a:lnTo>
                      <a:pt x="1487" y="3855"/>
                    </a:lnTo>
                    <a:lnTo>
                      <a:pt x="1492" y="3864"/>
                    </a:lnTo>
                    <a:lnTo>
                      <a:pt x="1497" y="3870"/>
                    </a:lnTo>
                    <a:lnTo>
                      <a:pt x="1502" y="3875"/>
                    </a:lnTo>
                    <a:lnTo>
                      <a:pt x="1508" y="3879"/>
                    </a:lnTo>
                    <a:lnTo>
                      <a:pt x="1514" y="3883"/>
                    </a:lnTo>
                    <a:lnTo>
                      <a:pt x="1519" y="3887"/>
                    </a:lnTo>
                    <a:lnTo>
                      <a:pt x="1523" y="3892"/>
                    </a:lnTo>
                    <a:lnTo>
                      <a:pt x="1527" y="3896"/>
                    </a:lnTo>
                    <a:lnTo>
                      <a:pt x="1528" y="3901"/>
                    </a:lnTo>
                    <a:lnTo>
                      <a:pt x="1530" y="3906"/>
                    </a:lnTo>
                    <a:lnTo>
                      <a:pt x="1530" y="3913"/>
                    </a:lnTo>
                    <a:lnTo>
                      <a:pt x="1528" y="3918"/>
                    </a:lnTo>
                    <a:lnTo>
                      <a:pt x="1526" y="3930"/>
                    </a:lnTo>
                    <a:lnTo>
                      <a:pt x="1519" y="3941"/>
                    </a:lnTo>
                    <a:lnTo>
                      <a:pt x="1513" y="3953"/>
                    </a:lnTo>
                    <a:lnTo>
                      <a:pt x="1506" y="3963"/>
                    </a:lnTo>
                    <a:lnTo>
                      <a:pt x="1501" y="3971"/>
                    </a:lnTo>
                    <a:lnTo>
                      <a:pt x="1498" y="3979"/>
                    </a:lnTo>
                    <a:lnTo>
                      <a:pt x="1496" y="3987"/>
                    </a:lnTo>
                    <a:lnTo>
                      <a:pt x="1495" y="3995"/>
                    </a:lnTo>
                    <a:lnTo>
                      <a:pt x="1492" y="4010"/>
                    </a:lnTo>
                    <a:lnTo>
                      <a:pt x="1488" y="4027"/>
                    </a:lnTo>
                    <a:lnTo>
                      <a:pt x="1483" y="4036"/>
                    </a:lnTo>
                    <a:lnTo>
                      <a:pt x="1476" y="4044"/>
                    </a:lnTo>
                    <a:lnTo>
                      <a:pt x="1470" y="4052"/>
                    </a:lnTo>
                    <a:lnTo>
                      <a:pt x="1463" y="4059"/>
                    </a:lnTo>
                    <a:lnTo>
                      <a:pt x="1447" y="4071"/>
                    </a:lnTo>
                    <a:lnTo>
                      <a:pt x="1430" y="4083"/>
                    </a:lnTo>
                    <a:lnTo>
                      <a:pt x="1412" y="4093"/>
                    </a:lnTo>
                    <a:lnTo>
                      <a:pt x="1395" y="4103"/>
                    </a:lnTo>
                    <a:lnTo>
                      <a:pt x="1387" y="4110"/>
                    </a:lnTo>
                    <a:lnTo>
                      <a:pt x="1379" y="4115"/>
                    </a:lnTo>
                    <a:lnTo>
                      <a:pt x="1373" y="4122"/>
                    </a:lnTo>
                    <a:lnTo>
                      <a:pt x="1366" y="4128"/>
                    </a:lnTo>
                    <a:lnTo>
                      <a:pt x="1362" y="4133"/>
                    </a:lnTo>
                    <a:lnTo>
                      <a:pt x="1361" y="4137"/>
                    </a:lnTo>
                    <a:lnTo>
                      <a:pt x="1361" y="4138"/>
                    </a:lnTo>
                    <a:lnTo>
                      <a:pt x="1364" y="4140"/>
                    </a:lnTo>
                    <a:lnTo>
                      <a:pt x="1373" y="4138"/>
                    </a:lnTo>
                    <a:lnTo>
                      <a:pt x="1386" y="4134"/>
                    </a:lnTo>
                    <a:lnTo>
                      <a:pt x="1413" y="4122"/>
                    </a:lnTo>
                    <a:lnTo>
                      <a:pt x="1430" y="4114"/>
                    </a:lnTo>
                    <a:lnTo>
                      <a:pt x="1447" y="4102"/>
                    </a:lnTo>
                    <a:lnTo>
                      <a:pt x="1462" y="4092"/>
                    </a:lnTo>
                    <a:lnTo>
                      <a:pt x="1475" y="4081"/>
                    </a:lnTo>
                    <a:lnTo>
                      <a:pt x="1488" y="4070"/>
                    </a:lnTo>
                    <a:lnTo>
                      <a:pt x="1498" y="4058"/>
                    </a:lnTo>
                    <a:lnTo>
                      <a:pt x="1509" y="4044"/>
                    </a:lnTo>
                    <a:lnTo>
                      <a:pt x="1520" y="4027"/>
                    </a:lnTo>
                    <a:lnTo>
                      <a:pt x="1531" y="4008"/>
                    </a:lnTo>
                    <a:lnTo>
                      <a:pt x="1539" y="3988"/>
                    </a:lnTo>
                    <a:lnTo>
                      <a:pt x="1546" y="3963"/>
                    </a:lnTo>
                    <a:lnTo>
                      <a:pt x="1550" y="3951"/>
                    </a:lnTo>
                    <a:lnTo>
                      <a:pt x="1557" y="3940"/>
                    </a:lnTo>
                    <a:lnTo>
                      <a:pt x="1559" y="3935"/>
                    </a:lnTo>
                    <a:lnTo>
                      <a:pt x="1563" y="3931"/>
                    </a:lnTo>
                    <a:lnTo>
                      <a:pt x="1567" y="3927"/>
                    </a:lnTo>
                    <a:lnTo>
                      <a:pt x="1571" y="3925"/>
                    </a:lnTo>
                    <a:lnTo>
                      <a:pt x="1577" y="3923"/>
                    </a:lnTo>
                    <a:lnTo>
                      <a:pt x="1583" y="3925"/>
                    </a:lnTo>
                    <a:lnTo>
                      <a:pt x="1588" y="3927"/>
                    </a:lnTo>
                    <a:lnTo>
                      <a:pt x="1593" y="3932"/>
                    </a:lnTo>
                    <a:lnTo>
                      <a:pt x="1598" y="3939"/>
                    </a:lnTo>
                    <a:lnTo>
                      <a:pt x="1602" y="3945"/>
                    </a:lnTo>
                    <a:lnTo>
                      <a:pt x="1606" y="3954"/>
                    </a:lnTo>
                    <a:lnTo>
                      <a:pt x="1610" y="3962"/>
                    </a:lnTo>
                    <a:lnTo>
                      <a:pt x="1624" y="4000"/>
                    </a:lnTo>
                    <a:lnTo>
                      <a:pt x="1635" y="4026"/>
                    </a:lnTo>
                    <a:lnTo>
                      <a:pt x="1638" y="4032"/>
                    </a:lnTo>
                    <a:lnTo>
                      <a:pt x="1642" y="4039"/>
                    </a:lnTo>
                    <a:lnTo>
                      <a:pt x="1646" y="4043"/>
                    </a:lnTo>
                    <a:lnTo>
                      <a:pt x="1650" y="4045"/>
                    </a:lnTo>
                    <a:lnTo>
                      <a:pt x="1654" y="4048"/>
                    </a:lnTo>
                    <a:lnTo>
                      <a:pt x="1657" y="4049"/>
                    </a:lnTo>
                    <a:lnTo>
                      <a:pt x="1660" y="4049"/>
                    </a:lnTo>
                    <a:lnTo>
                      <a:pt x="1664" y="4048"/>
                    </a:lnTo>
                    <a:lnTo>
                      <a:pt x="1671" y="4045"/>
                    </a:lnTo>
                    <a:lnTo>
                      <a:pt x="1676" y="4039"/>
                    </a:lnTo>
                    <a:lnTo>
                      <a:pt x="1682" y="4032"/>
                    </a:lnTo>
                    <a:lnTo>
                      <a:pt x="1688" y="4023"/>
                    </a:lnTo>
                    <a:lnTo>
                      <a:pt x="1697" y="4008"/>
                    </a:lnTo>
                    <a:lnTo>
                      <a:pt x="1707" y="3995"/>
                    </a:lnTo>
                    <a:lnTo>
                      <a:pt x="1708" y="3993"/>
                    </a:lnTo>
                    <a:lnTo>
                      <a:pt x="1711" y="3992"/>
                    </a:lnTo>
                    <a:lnTo>
                      <a:pt x="1714" y="3992"/>
                    </a:lnTo>
                    <a:lnTo>
                      <a:pt x="1715" y="3993"/>
                    </a:lnTo>
                    <a:lnTo>
                      <a:pt x="1720" y="3997"/>
                    </a:lnTo>
                    <a:lnTo>
                      <a:pt x="1724" y="4006"/>
                    </a:lnTo>
                    <a:lnTo>
                      <a:pt x="1733" y="4032"/>
                    </a:lnTo>
                    <a:lnTo>
                      <a:pt x="1742" y="4054"/>
                    </a:lnTo>
                    <a:lnTo>
                      <a:pt x="1747" y="4063"/>
                    </a:lnTo>
                    <a:lnTo>
                      <a:pt x="1755" y="4071"/>
                    </a:lnTo>
                    <a:lnTo>
                      <a:pt x="1765" y="4079"/>
                    </a:lnTo>
                    <a:lnTo>
                      <a:pt x="1780" y="4085"/>
                    </a:lnTo>
                    <a:lnTo>
                      <a:pt x="1796" y="4093"/>
                    </a:lnTo>
                    <a:lnTo>
                      <a:pt x="1822" y="4106"/>
                    </a:lnTo>
                    <a:lnTo>
                      <a:pt x="1835" y="4112"/>
                    </a:lnTo>
                    <a:lnTo>
                      <a:pt x="1847" y="4119"/>
                    </a:lnTo>
                    <a:lnTo>
                      <a:pt x="1853" y="4124"/>
                    </a:lnTo>
                    <a:lnTo>
                      <a:pt x="1856" y="4129"/>
                    </a:lnTo>
                    <a:lnTo>
                      <a:pt x="1856" y="4131"/>
                    </a:lnTo>
                    <a:lnTo>
                      <a:pt x="1834" y="4132"/>
                    </a:lnTo>
                    <a:lnTo>
                      <a:pt x="1802" y="4133"/>
                    </a:lnTo>
                    <a:lnTo>
                      <a:pt x="1773" y="4134"/>
                    </a:lnTo>
                    <a:lnTo>
                      <a:pt x="1756" y="4137"/>
                    </a:lnTo>
                    <a:lnTo>
                      <a:pt x="1758" y="4142"/>
                    </a:lnTo>
                    <a:lnTo>
                      <a:pt x="1759" y="4147"/>
                    </a:lnTo>
                    <a:lnTo>
                      <a:pt x="1760" y="4151"/>
                    </a:lnTo>
                    <a:lnTo>
                      <a:pt x="1764" y="4154"/>
                    </a:lnTo>
                    <a:lnTo>
                      <a:pt x="1771" y="4160"/>
                    </a:lnTo>
                    <a:lnTo>
                      <a:pt x="1780" y="4166"/>
                    </a:lnTo>
                    <a:lnTo>
                      <a:pt x="1787" y="4171"/>
                    </a:lnTo>
                    <a:lnTo>
                      <a:pt x="1796" y="4176"/>
                    </a:lnTo>
                    <a:lnTo>
                      <a:pt x="1803" y="4181"/>
                    </a:lnTo>
                    <a:lnTo>
                      <a:pt x="1807" y="4188"/>
                    </a:lnTo>
                    <a:lnTo>
                      <a:pt x="1811" y="4199"/>
                    </a:lnTo>
                    <a:lnTo>
                      <a:pt x="1816" y="4207"/>
                    </a:lnTo>
                    <a:lnTo>
                      <a:pt x="1818" y="4210"/>
                    </a:lnTo>
                    <a:lnTo>
                      <a:pt x="1821" y="4212"/>
                    </a:lnTo>
                    <a:lnTo>
                      <a:pt x="1824" y="4214"/>
                    </a:lnTo>
                    <a:lnTo>
                      <a:pt x="1828" y="4215"/>
                    </a:lnTo>
                    <a:lnTo>
                      <a:pt x="1834" y="4214"/>
                    </a:lnTo>
                    <a:lnTo>
                      <a:pt x="1842" y="4210"/>
                    </a:lnTo>
                    <a:lnTo>
                      <a:pt x="1850" y="4204"/>
                    </a:lnTo>
                    <a:lnTo>
                      <a:pt x="1859" y="4197"/>
                    </a:lnTo>
                    <a:lnTo>
                      <a:pt x="1861" y="4194"/>
                    </a:lnTo>
                    <a:lnTo>
                      <a:pt x="1863" y="4195"/>
                    </a:lnTo>
                    <a:lnTo>
                      <a:pt x="1864" y="4197"/>
                    </a:lnTo>
                    <a:lnTo>
                      <a:pt x="1865" y="4199"/>
                    </a:lnTo>
                    <a:lnTo>
                      <a:pt x="1865" y="4208"/>
                    </a:lnTo>
                    <a:lnTo>
                      <a:pt x="1865" y="4219"/>
                    </a:lnTo>
                    <a:lnTo>
                      <a:pt x="1864" y="4243"/>
                    </a:lnTo>
                    <a:lnTo>
                      <a:pt x="1860" y="4259"/>
                    </a:lnTo>
                    <a:lnTo>
                      <a:pt x="1840" y="4277"/>
                    </a:lnTo>
                    <a:lnTo>
                      <a:pt x="1815" y="4298"/>
                    </a:lnTo>
                    <a:lnTo>
                      <a:pt x="1802" y="4308"/>
                    </a:lnTo>
                    <a:lnTo>
                      <a:pt x="1793" y="4316"/>
                    </a:lnTo>
                    <a:lnTo>
                      <a:pt x="1790" y="4318"/>
                    </a:lnTo>
                    <a:lnTo>
                      <a:pt x="1787" y="4322"/>
                    </a:lnTo>
                    <a:lnTo>
                      <a:pt x="1787" y="4324"/>
                    </a:lnTo>
                    <a:lnTo>
                      <a:pt x="1787" y="4325"/>
                    </a:lnTo>
                    <a:lnTo>
                      <a:pt x="1809" y="4329"/>
                    </a:lnTo>
                    <a:lnTo>
                      <a:pt x="1838" y="4333"/>
                    </a:lnTo>
                    <a:lnTo>
                      <a:pt x="1852" y="4334"/>
                    </a:lnTo>
                    <a:lnTo>
                      <a:pt x="1864" y="4337"/>
                    </a:lnTo>
                    <a:lnTo>
                      <a:pt x="1868" y="4338"/>
                    </a:lnTo>
                    <a:lnTo>
                      <a:pt x="1870" y="4339"/>
                    </a:lnTo>
                    <a:lnTo>
                      <a:pt x="1873" y="4342"/>
                    </a:lnTo>
                    <a:lnTo>
                      <a:pt x="1873" y="4344"/>
                    </a:lnTo>
                    <a:lnTo>
                      <a:pt x="1870" y="4348"/>
                    </a:lnTo>
                    <a:lnTo>
                      <a:pt x="1865" y="4353"/>
                    </a:lnTo>
                    <a:lnTo>
                      <a:pt x="1860" y="4357"/>
                    </a:lnTo>
                    <a:lnTo>
                      <a:pt x="1853" y="4360"/>
                    </a:lnTo>
                    <a:lnTo>
                      <a:pt x="1840" y="4366"/>
                    </a:lnTo>
                    <a:lnTo>
                      <a:pt x="1829" y="4372"/>
                    </a:lnTo>
                    <a:lnTo>
                      <a:pt x="1822" y="4374"/>
                    </a:lnTo>
                    <a:lnTo>
                      <a:pt x="1818" y="4379"/>
                    </a:lnTo>
                    <a:lnTo>
                      <a:pt x="1815" y="4386"/>
                    </a:lnTo>
                    <a:lnTo>
                      <a:pt x="1812" y="4394"/>
                    </a:lnTo>
                    <a:lnTo>
                      <a:pt x="1808" y="4400"/>
                    </a:lnTo>
                    <a:lnTo>
                      <a:pt x="1803" y="4408"/>
                    </a:lnTo>
                    <a:lnTo>
                      <a:pt x="1798" y="4416"/>
                    </a:lnTo>
                    <a:lnTo>
                      <a:pt x="1790" y="4422"/>
                    </a:lnTo>
                    <a:lnTo>
                      <a:pt x="1776" y="4431"/>
                    </a:lnTo>
                    <a:lnTo>
                      <a:pt x="1761" y="4439"/>
                    </a:lnTo>
                    <a:lnTo>
                      <a:pt x="1749" y="4444"/>
                    </a:lnTo>
                    <a:lnTo>
                      <a:pt x="1734" y="4448"/>
                    </a:lnTo>
                    <a:lnTo>
                      <a:pt x="1707" y="4456"/>
                    </a:lnTo>
                    <a:lnTo>
                      <a:pt x="1676" y="4466"/>
                    </a:lnTo>
                    <a:lnTo>
                      <a:pt x="1673" y="4467"/>
                    </a:lnTo>
                    <a:lnTo>
                      <a:pt x="1672" y="4469"/>
                    </a:lnTo>
                    <a:lnTo>
                      <a:pt x="1672" y="4471"/>
                    </a:lnTo>
                    <a:lnTo>
                      <a:pt x="1672" y="4475"/>
                    </a:lnTo>
                    <a:lnTo>
                      <a:pt x="1676" y="4482"/>
                    </a:lnTo>
                    <a:lnTo>
                      <a:pt x="1681" y="4489"/>
                    </a:lnTo>
                    <a:lnTo>
                      <a:pt x="1686" y="4496"/>
                    </a:lnTo>
                    <a:lnTo>
                      <a:pt x="1693" y="4502"/>
                    </a:lnTo>
                    <a:lnTo>
                      <a:pt x="1699" y="4508"/>
                    </a:lnTo>
                    <a:lnTo>
                      <a:pt x="1703" y="4510"/>
                    </a:lnTo>
                    <a:lnTo>
                      <a:pt x="1711" y="4511"/>
                    </a:lnTo>
                    <a:lnTo>
                      <a:pt x="1721" y="4511"/>
                    </a:lnTo>
                    <a:lnTo>
                      <a:pt x="1730" y="4510"/>
                    </a:lnTo>
                    <a:lnTo>
                      <a:pt x="1741" y="4509"/>
                    </a:lnTo>
                    <a:lnTo>
                      <a:pt x="1751" y="4509"/>
                    </a:lnTo>
                    <a:lnTo>
                      <a:pt x="1759" y="4509"/>
                    </a:lnTo>
                    <a:lnTo>
                      <a:pt x="1763" y="4509"/>
                    </a:lnTo>
                    <a:lnTo>
                      <a:pt x="1767" y="4510"/>
                    </a:lnTo>
                    <a:lnTo>
                      <a:pt x="1769" y="4511"/>
                    </a:lnTo>
                    <a:lnTo>
                      <a:pt x="1772" y="4514"/>
                    </a:lnTo>
                    <a:lnTo>
                      <a:pt x="1774" y="4518"/>
                    </a:lnTo>
                    <a:lnTo>
                      <a:pt x="1774" y="4522"/>
                    </a:lnTo>
                    <a:lnTo>
                      <a:pt x="1774" y="4526"/>
                    </a:lnTo>
                    <a:lnTo>
                      <a:pt x="1773" y="4528"/>
                    </a:lnTo>
                    <a:lnTo>
                      <a:pt x="1772" y="4531"/>
                    </a:lnTo>
                    <a:lnTo>
                      <a:pt x="1768" y="4535"/>
                    </a:lnTo>
                    <a:lnTo>
                      <a:pt x="1765" y="4536"/>
                    </a:lnTo>
                    <a:lnTo>
                      <a:pt x="1760" y="4539"/>
                    </a:lnTo>
                    <a:lnTo>
                      <a:pt x="1751" y="4541"/>
                    </a:lnTo>
                    <a:lnTo>
                      <a:pt x="1741" y="4543"/>
                    </a:lnTo>
                    <a:lnTo>
                      <a:pt x="1730" y="4543"/>
                    </a:lnTo>
                    <a:lnTo>
                      <a:pt x="1721" y="4540"/>
                    </a:lnTo>
                    <a:lnTo>
                      <a:pt x="1710" y="4535"/>
                    </a:lnTo>
                    <a:lnTo>
                      <a:pt x="1698" y="4532"/>
                    </a:lnTo>
                    <a:lnTo>
                      <a:pt x="1693" y="4532"/>
                    </a:lnTo>
                    <a:lnTo>
                      <a:pt x="1688" y="4532"/>
                    </a:lnTo>
                    <a:lnTo>
                      <a:pt x="1684" y="4533"/>
                    </a:lnTo>
                    <a:lnTo>
                      <a:pt x="1680" y="4535"/>
                    </a:lnTo>
                    <a:lnTo>
                      <a:pt x="1677" y="4536"/>
                    </a:lnTo>
                    <a:lnTo>
                      <a:pt x="1676" y="4539"/>
                    </a:lnTo>
                    <a:lnTo>
                      <a:pt x="1675" y="4543"/>
                    </a:lnTo>
                    <a:lnTo>
                      <a:pt x="1676" y="4546"/>
                    </a:lnTo>
                    <a:lnTo>
                      <a:pt x="1677" y="4550"/>
                    </a:lnTo>
                    <a:lnTo>
                      <a:pt x="1681" y="4556"/>
                    </a:lnTo>
                    <a:lnTo>
                      <a:pt x="1686" y="4561"/>
                    </a:lnTo>
                    <a:lnTo>
                      <a:pt x="1693" y="4566"/>
                    </a:lnTo>
                    <a:lnTo>
                      <a:pt x="1698" y="4571"/>
                    </a:lnTo>
                    <a:lnTo>
                      <a:pt x="1702" y="4576"/>
                    </a:lnTo>
                    <a:lnTo>
                      <a:pt x="1703" y="4580"/>
                    </a:lnTo>
                    <a:lnTo>
                      <a:pt x="1704" y="4585"/>
                    </a:lnTo>
                    <a:lnTo>
                      <a:pt x="1703" y="4590"/>
                    </a:lnTo>
                    <a:lnTo>
                      <a:pt x="1701" y="4594"/>
                    </a:lnTo>
                    <a:lnTo>
                      <a:pt x="1698" y="4600"/>
                    </a:lnTo>
                    <a:lnTo>
                      <a:pt x="1694" y="4603"/>
                    </a:lnTo>
                    <a:lnTo>
                      <a:pt x="1673" y="4623"/>
                    </a:lnTo>
                    <a:lnTo>
                      <a:pt x="1653" y="4641"/>
                    </a:lnTo>
                    <a:lnTo>
                      <a:pt x="1649" y="4646"/>
                    </a:lnTo>
                    <a:lnTo>
                      <a:pt x="1645" y="4653"/>
                    </a:lnTo>
                    <a:lnTo>
                      <a:pt x="1641" y="4662"/>
                    </a:lnTo>
                    <a:lnTo>
                      <a:pt x="1638" y="4672"/>
                    </a:lnTo>
                    <a:lnTo>
                      <a:pt x="1631" y="4693"/>
                    </a:lnTo>
                    <a:lnTo>
                      <a:pt x="1623" y="4715"/>
                    </a:lnTo>
                    <a:lnTo>
                      <a:pt x="1619" y="4724"/>
                    </a:lnTo>
                    <a:lnTo>
                      <a:pt x="1614" y="4733"/>
                    </a:lnTo>
                    <a:lnTo>
                      <a:pt x="1609" y="4741"/>
                    </a:lnTo>
                    <a:lnTo>
                      <a:pt x="1603" y="4746"/>
                    </a:lnTo>
                    <a:lnTo>
                      <a:pt x="1598" y="4750"/>
                    </a:lnTo>
                    <a:lnTo>
                      <a:pt x="1592" y="4751"/>
                    </a:lnTo>
                    <a:lnTo>
                      <a:pt x="1588" y="4750"/>
                    </a:lnTo>
                    <a:lnTo>
                      <a:pt x="1584" y="4749"/>
                    </a:lnTo>
                    <a:lnTo>
                      <a:pt x="1580" y="4747"/>
                    </a:lnTo>
                    <a:lnTo>
                      <a:pt x="1576" y="4745"/>
                    </a:lnTo>
                    <a:lnTo>
                      <a:pt x="1572" y="4739"/>
                    </a:lnTo>
                    <a:lnTo>
                      <a:pt x="1568" y="4734"/>
                    </a:lnTo>
                    <a:lnTo>
                      <a:pt x="1565" y="4726"/>
                    </a:lnTo>
                    <a:lnTo>
                      <a:pt x="1562" y="4719"/>
                    </a:lnTo>
                    <a:lnTo>
                      <a:pt x="1557" y="4702"/>
                    </a:lnTo>
                    <a:lnTo>
                      <a:pt x="1553" y="4684"/>
                    </a:lnTo>
                    <a:lnTo>
                      <a:pt x="1550" y="4666"/>
                    </a:lnTo>
                    <a:lnTo>
                      <a:pt x="1548" y="4650"/>
                    </a:lnTo>
                    <a:lnTo>
                      <a:pt x="1545" y="4640"/>
                    </a:lnTo>
                    <a:lnTo>
                      <a:pt x="1543" y="4636"/>
                    </a:lnTo>
                    <a:lnTo>
                      <a:pt x="1536" y="4658"/>
                    </a:lnTo>
                    <a:lnTo>
                      <a:pt x="1528" y="4677"/>
                    </a:lnTo>
                    <a:lnTo>
                      <a:pt x="1524" y="4688"/>
                    </a:lnTo>
                    <a:lnTo>
                      <a:pt x="1520" y="4698"/>
                    </a:lnTo>
                    <a:lnTo>
                      <a:pt x="1518" y="4710"/>
                    </a:lnTo>
                    <a:lnTo>
                      <a:pt x="1515" y="4723"/>
                    </a:lnTo>
                    <a:lnTo>
                      <a:pt x="1514" y="4729"/>
                    </a:lnTo>
                    <a:lnTo>
                      <a:pt x="1511" y="4736"/>
                    </a:lnTo>
                    <a:lnTo>
                      <a:pt x="1508" y="4741"/>
                    </a:lnTo>
                    <a:lnTo>
                      <a:pt x="1502" y="4745"/>
                    </a:lnTo>
                    <a:lnTo>
                      <a:pt x="1489" y="4751"/>
                    </a:lnTo>
                    <a:lnTo>
                      <a:pt x="1475" y="4756"/>
                    </a:lnTo>
                    <a:lnTo>
                      <a:pt x="1460" y="4760"/>
                    </a:lnTo>
                    <a:lnTo>
                      <a:pt x="1445" y="4764"/>
                    </a:lnTo>
                    <a:lnTo>
                      <a:pt x="1432" y="4768"/>
                    </a:lnTo>
                    <a:lnTo>
                      <a:pt x="1421" y="4772"/>
                    </a:lnTo>
                    <a:lnTo>
                      <a:pt x="1406" y="4783"/>
                    </a:lnTo>
                    <a:lnTo>
                      <a:pt x="1394" y="4796"/>
                    </a:lnTo>
                    <a:lnTo>
                      <a:pt x="1379" y="4808"/>
                    </a:lnTo>
                    <a:lnTo>
                      <a:pt x="1364" y="4820"/>
                    </a:lnTo>
                    <a:lnTo>
                      <a:pt x="1359" y="4822"/>
                    </a:lnTo>
                    <a:lnTo>
                      <a:pt x="1352" y="4825"/>
                    </a:lnTo>
                    <a:lnTo>
                      <a:pt x="1346" y="4826"/>
                    </a:lnTo>
                    <a:lnTo>
                      <a:pt x="1338" y="4826"/>
                    </a:lnTo>
                    <a:lnTo>
                      <a:pt x="1322" y="4826"/>
                    </a:lnTo>
                    <a:lnTo>
                      <a:pt x="1307" y="4825"/>
                    </a:lnTo>
                    <a:lnTo>
                      <a:pt x="1290" y="4822"/>
                    </a:lnTo>
                    <a:lnTo>
                      <a:pt x="1274" y="4821"/>
                    </a:lnTo>
                    <a:lnTo>
                      <a:pt x="1259" y="4820"/>
                    </a:lnTo>
                    <a:lnTo>
                      <a:pt x="1246" y="4822"/>
                    </a:lnTo>
                    <a:lnTo>
                      <a:pt x="1247" y="4828"/>
                    </a:lnTo>
                    <a:lnTo>
                      <a:pt x="1248" y="4831"/>
                    </a:lnTo>
                    <a:lnTo>
                      <a:pt x="1252" y="4835"/>
                    </a:lnTo>
                    <a:lnTo>
                      <a:pt x="1258" y="4839"/>
                    </a:lnTo>
                    <a:lnTo>
                      <a:pt x="1269" y="4844"/>
                    </a:lnTo>
                    <a:lnTo>
                      <a:pt x="1283" y="4850"/>
                    </a:lnTo>
                    <a:lnTo>
                      <a:pt x="1313" y="4856"/>
                    </a:lnTo>
                    <a:lnTo>
                      <a:pt x="1337" y="4861"/>
                    </a:lnTo>
                    <a:lnTo>
                      <a:pt x="1343" y="4865"/>
                    </a:lnTo>
                    <a:lnTo>
                      <a:pt x="1349" y="4870"/>
                    </a:lnTo>
                    <a:lnTo>
                      <a:pt x="1355" y="4875"/>
                    </a:lnTo>
                    <a:lnTo>
                      <a:pt x="1361" y="4881"/>
                    </a:lnTo>
                    <a:lnTo>
                      <a:pt x="1365" y="4887"/>
                    </a:lnTo>
                    <a:lnTo>
                      <a:pt x="1369" y="4894"/>
                    </a:lnTo>
                    <a:lnTo>
                      <a:pt x="1373" y="4899"/>
                    </a:lnTo>
                    <a:lnTo>
                      <a:pt x="1374" y="4905"/>
                    </a:lnTo>
                    <a:lnTo>
                      <a:pt x="1375" y="4910"/>
                    </a:lnTo>
                    <a:lnTo>
                      <a:pt x="1374" y="4916"/>
                    </a:lnTo>
                    <a:lnTo>
                      <a:pt x="1372" y="4920"/>
                    </a:lnTo>
                    <a:lnTo>
                      <a:pt x="1368" y="4923"/>
                    </a:lnTo>
                    <a:lnTo>
                      <a:pt x="1362" y="4926"/>
                    </a:lnTo>
                    <a:lnTo>
                      <a:pt x="1355" y="4927"/>
                    </a:lnTo>
                    <a:lnTo>
                      <a:pt x="1346" y="4927"/>
                    </a:lnTo>
                    <a:lnTo>
                      <a:pt x="1334" y="4925"/>
                    </a:lnTo>
                    <a:lnTo>
                      <a:pt x="1292" y="4923"/>
                    </a:lnTo>
                    <a:lnTo>
                      <a:pt x="1291" y="4929"/>
                    </a:lnTo>
                    <a:lnTo>
                      <a:pt x="1292" y="4932"/>
                    </a:lnTo>
                    <a:lnTo>
                      <a:pt x="1294" y="4936"/>
                    </a:lnTo>
                    <a:lnTo>
                      <a:pt x="1296" y="4939"/>
                    </a:lnTo>
                    <a:lnTo>
                      <a:pt x="1304" y="4947"/>
                    </a:lnTo>
                    <a:lnTo>
                      <a:pt x="1313" y="4953"/>
                    </a:lnTo>
                    <a:lnTo>
                      <a:pt x="1333" y="4966"/>
                    </a:lnTo>
                    <a:lnTo>
                      <a:pt x="1348" y="4979"/>
                    </a:lnTo>
                    <a:lnTo>
                      <a:pt x="1353" y="4986"/>
                    </a:lnTo>
                    <a:lnTo>
                      <a:pt x="1356" y="4992"/>
                    </a:lnTo>
                    <a:lnTo>
                      <a:pt x="1359" y="4996"/>
                    </a:lnTo>
                    <a:lnTo>
                      <a:pt x="1359" y="5001"/>
                    </a:lnTo>
                    <a:lnTo>
                      <a:pt x="1357" y="5005"/>
                    </a:lnTo>
                    <a:lnTo>
                      <a:pt x="1356" y="5008"/>
                    </a:lnTo>
                    <a:lnTo>
                      <a:pt x="1353" y="5010"/>
                    </a:lnTo>
                    <a:lnTo>
                      <a:pt x="1351" y="5013"/>
                    </a:lnTo>
                    <a:lnTo>
                      <a:pt x="1334" y="5019"/>
                    </a:lnTo>
                    <a:lnTo>
                      <a:pt x="1317" y="5023"/>
                    </a:lnTo>
                    <a:lnTo>
                      <a:pt x="1317" y="5030"/>
                    </a:lnTo>
                    <a:lnTo>
                      <a:pt x="1318" y="5040"/>
                    </a:lnTo>
                    <a:lnTo>
                      <a:pt x="1321" y="5050"/>
                    </a:lnTo>
                    <a:lnTo>
                      <a:pt x="1325" y="5062"/>
                    </a:lnTo>
                    <a:lnTo>
                      <a:pt x="1333" y="5087"/>
                    </a:lnTo>
                    <a:lnTo>
                      <a:pt x="1340" y="5110"/>
                    </a:lnTo>
                    <a:lnTo>
                      <a:pt x="1342" y="5122"/>
                    </a:lnTo>
                    <a:lnTo>
                      <a:pt x="1343" y="5132"/>
                    </a:lnTo>
                    <a:lnTo>
                      <a:pt x="1343" y="5140"/>
                    </a:lnTo>
                    <a:lnTo>
                      <a:pt x="1339" y="5146"/>
                    </a:lnTo>
                    <a:lnTo>
                      <a:pt x="1338" y="5149"/>
                    </a:lnTo>
                    <a:lnTo>
                      <a:pt x="1334" y="5151"/>
                    </a:lnTo>
                    <a:lnTo>
                      <a:pt x="1331" y="5153"/>
                    </a:lnTo>
                    <a:lnTo>
                      <a:pt x="1326" y="5153"/>
                    </a:lnTo>
                    <a:lnTo>
                      <a:pt x="1316" y="5153"/>
                    </a:lnTo>
                    <a:lnTo>
                      <a:pt x="1300" y="5149"/>
                    </a:lnTo>
                    <a:lnTo>
                      <a:pt x="1290" y="5141"/>
                    </a:lnTo>
                    <a:lnTo>
                      <a:pt x="1278" y="5131"/>
                    </a:lnTo>
                    <a:lnTo>
                      <a:pt x="1273" y="5127"/>
                    </a:lnTo>
                    <a:lnTo>
                      <a:pt x="1268" y="5125"/>
                    </a:lnTo>
                    <a:lnTo>
                      <a:pt x="1267" y="5127"/>
                    </a:lnTo>
                    <a:lnTo>
                      <a:pt x="1265" y="5128"/>
                    </a:lnTo>
                    <a:lnTo>
                      <a:pt x="1264" y="5131"/>
                    </a:lnTo>
                    <a:lnTo>
                      <a:pt x="1264" y="5135"/>
                    </a:lnTo>
                    <a:lnTo>
                      <a:pt x="1265" y="5142"/>
                    </a:lnTo>
                    <a:lnTo>
                      <a:pt x="1267" y="5150"/>
                    </a:lnTo>
                    <a:lnTo>
                      <a:pt x="1270" y="5158"/>
                    </a:lnTo>
                    <a:lnTo>
                      <a:pt x="1273" y="5166"/>
                    </a:lnTo>
                    <a:lnTo>
                      <a:pt x="1281" y="5181"/>
                    </a:lnTo>
                    <a:lnTo>
                      <a:pt x="1286" y="5195"/>
                    </a:lnTo>
                    <a:lnTo>
                      <a:pt x="1289" y="5207"/>
                    </a:lnTo>
                    <a:lnTo>
                      <a:pt x="1289" y="5220"/>
                    </a:lnTo>
                    <a:lnTo>
                      <a:pt x="1287" y="5232"/>
                    </a:lnTo>
                    <a:lnTo>
                      <a:pt x="1285" y="5245"/>
                    </a:lnTo>
                    <a:lnTo>
                      <a:pt x="1281" y="5271"/>
                    </a:lnTo>
                    <a:lnTo>
                      <a:pt x="1280" y="5295"/>
                    </a:lnTo>
                    <a:lnTo>
                      <a:pt x="1282" y="5329"/>
                    </a:lnTo>
                    <a:lnTo>
                      <a:pt x="1286" y="5365"/>
                    </a:lnTo>
                    <a:lnTo>
                      <a:pt x="1287" y="5385"/>
                    </a:lnTo>
                    <a:lnTo>
                      <a:pt x="1287" y="5403"/>
                    </a:lnTo>
                    <a:lnTo>
                      <a:pt x="1287" y="5410"/>
                    </a:lnTo>
                    <a:lnTo>
                      <a:pt x="1286" y="5420"/>
                    </a:lnTo>
                    <a:lnTo>
                      <a:pt x="1283" y="5427"/>
                    </a:lnTo>
                    <a:lnTo>
                      <a:pt x="1281" y="5435"/>
                    </a:lnTo>
                    <a:lnTo>
                      <a:pt x="1276" y="5447"/>
                    </a:lnTo>
                    <a:lnTo>
                      <a:pt x="1269" y="5458"/>
                    </a:lnTo>
                    <a:lnTo>
                      <a:pt x="1260" y="5470"/>
                    </a:lnTo>
                    <a:lnTo>
                      <a:pt x="1251" y="5480"/>
                    </a:lnTo>
                    <a:lnTo>
                      <a:pt x="1232" y="5504"/>
                    </a:lnTo>
                    <a:lnTo>
                      <a:pt x="1215" y="5524"/>
                    </a:lnTo>
                    <a:lnTo>
                      <a:pt x="1216" y="5544"/>
                    </a:lnTo>
                    <a:lnTo>
                      <a:pt x="1213" y="5563"/>
                    </a:lnTo>
                    <a:lnTo>
                      <a:pt x="1211" y="5583"/>
                    </a:lnTo>
                    <a:lnTo>
                      <a:pt x="1208" y="5601"/>
                    </a:lnTo>
                    <a:lnTo>
                      <a:pt x="1206" y="5620"/>
                    </a:lnTo>
                    <a:lnTo>
                      <a:pt x="1203" y="5640"/>
                    </a:lnTo>
                    <a:lnTo>
                      <a:pt x="1201" y="5658"/>
                    </a:lnTo>
                    <a:lnTo>
                      <a:pt x="1202" y="5679"/>
                    </a:lnTo>
                    <a:lnTo>
                      <a:pt x="1201" y="5685"/>
                    </a:lnTo>
                    <a:lnTo>
                      <a:pt x="1201" y="5693"/>
                    </a:lnTo>
                    <a:lnTo>
                      <a:pt x="1199" y="5699"/>
                    </a:lnTo>
                    <a:lnTo>
                      <a:pt x="1197" y="5706"/>
                    </a:lnTo>
                    <a:lnTo>
                      <a:pt x="1190" y="5719"/>
                    </a:lnTo>
                    <a:lnTo>
                      <a:pt x="1182" y="5730"/>
                    </a:lnTo>
                    <a:lnTo>
                      <a:pt x="1175" y="5742"/>
                    </a:lnTo>
                    <a:lnTo>
                      <a:pt x="1167" y="5754"/>
                    </a:lnTo>
                    <a:lnTo>
                      <a:pt x="1159" y="5765"/>
                    </a:lnTo>
                    <a:lnTo>
                      <a:pt x="1154" y="5778"/>
                    </a:lnTo>
                    <a:lnTo>
                      <a:pt x="1125" y="5868"/>
                    </a:lnTo>
                    <a:lnTo>
                      <a:pt x="1116" y="5894"/>
                    </a:lnTo>
                    <a:lnTo>
                      <a:pt x="1106" y="5920"/>
                    </a:lnTo>
                    <a:lnTo>
                      <a:pt x="1101" y="5933"/>
                    </a:lnTo>
                    <a:lnTo>
                      <a:pt x="1096" y="5945"/>
                    </a:lnTo>
                    <a:lnTo>
                      <a:pt x="1092" y="5960"/>
                    </a:lnTo>
                    <a:lnTo>
                      <a:pt x="1089" y="5973"/>
                    </a:lnTo>
                    <a:lnTo>
                      <a:pt x="1088" y="5983"/>
                    </a:lnTo>
                    <a:lnTo>
                      <a:pt x="1084" y="5992"/>
                    </a:lnTo>
                    <a:lnTo>
                      <a:pt x="1079" y="6000"/>
                    </a:lnTo>
                    <a:lnTo>
                      <a:pt x="1074" y="6005"/>
                    </a:lnTo>
                    <a:lnTo>
                      <a:pt x="1067" y="6009"/>
                    </a:lnTo>
                    <a:lnTo>
                      <a:pt x="1061" y="6012"/>
                    </a:lnTo>
                    <a:lnTo>
                      <a:pt x="1053" y="6013"/>
                    </a:lnTo>
                    <a:lnTo>
                      <a:pt x="1045" y="6013"/>
                    </a:lnTo>
                    <a:lnTo>
                      <a:pt x="1028" y="6010"/>
                    </a:lnTo>
                    <a:lnTo>
                      <a:pt x="1010" y="6004"/>
                    </a:lnTo>
                    <a:lnTo>
                      <a:pt x="995" y="5997"/>
                    </a:lnTo>
                    <a:lnTo>
                      <a:pt x="979" y="5990"/>
                    </a:lnTo>
                    <a:lnTo>
                      <a:pt x="966" y="5983"/>
                    </a:lnTo>
                    <a:lnTo>
                      <a:pt x="954" y="5979"/>
                    </a:lnTo>
                    <a:lnTo>
                      <a:pt x="943" y="5975"/>
                    </a:lnTo>
                    <a:lnTo>
                      <a:pt x="931" y="5973"/>
                    </a:lnTo>
                    <a:lnTo>
                      <a:pt x="908" y="5968"/>
                    </a:lnTo>
                    <a:lnTo>
                      <a:pt x="881" y="5962"/>
                    </a:lnTo>
                    <a:lnTo>
                      <a:pt x="848" y="5949"/>
                    </a:lnTo>
                    <a:lnTo>
                      <a:pt x="798" y="5933"/>
                    </a:lnTo>
                    <a:lnTo>
                      <a:pt x="785" y="5930"/>
                    </a:lnTo>
                    <a:lnTo>
                      <a:pt x="773" y="5929"/>
                    </a:lnTo>
                    <a:lnTo>
                      <a:pt x="763" y="5929"/>
                    </a:lnTo>
                    <a:lnTo>
                      <a:pt x="755" y="5931"/>
                    </a:lnTo>
                    <a:lnTo>
                      <a:pt x="751" y="5934"/>
                    </a:lnTo>
                    <a:lnTo>
                      <a:pt x="748" y="5936"/>
                    </a:lnTo>
                    <a:lnTo>
                      <a:pt x="747" y="5940"/>
                    </a:lnTo>
                    <a:lnTo>
                      <a:pt x="746" y="5944"/>
                    </a:lnTo>
                    <a:lnTo>
                      <a:pt x="746" y="5949"/>
                    </a:lnTo>
                    <a:lnTo>
                      <a:pt x="746" y="5956"/>
                    </a:lnTo>
                    <a:lnTo>
                      <a:pt x="747" y="5962"/>
                    </a:lnTo>
                    <a:lnTo>
                      <a:pt x="750" y="5970"/>
                    </a:lnTo>
                    <a:lnTo>
                      <a:pt x="755" y="5983"/>
                    </a:lnTo>
                    <a:lnTo>
                      <a:pt x="757" y="5993"/>
                    </a:lnTo>
                    <a:lnTo>
                      <a:pt x="757" y="6000"/>
                    </a:lnTo>
                    <a:lnTo>
                      <a:pt x="757" y="6005"/>
                    </a:lnTo>
                    <a:lnTo>
                      <a:pt x="755" y="6008"/>
                    </a:lnTo>
                    <a:lnTo>
                      <a:pt x="751" y="6008"/>
                    </a:lnTo>
                    <a:lnTo>
                      <a:pt x="747" y="6008"/>
                    </a:lnTo>
                    <a:lnTo>
                      <a:pt x="742" y="6006"/>
                    </a:lnTo>
                    <a:lnTo>
                      <a:pt x="729" y="6001"/>
                    </a:lnTo>
                    <a:lnTo>
                      <a:pt x="715" y="5996"/>
                    </a:lnTo>
                    <a:lnTo>
                      <a:pt x="708" y="5995"/>
                    </a:lnTo>
                    <a:lnTo>
                      <a:pt x="702" y="5995"/>
                    </a:lnTo>
                    <a:lnTo>
                      <a:pt x="695" y="5996"/>
                    </a:lnTo>
                    <a:lnTo>
                      <a:pt x="690" y="5999"/>
                    </a:lnTo>
                    <a:lnTo>
                      <a:pt x="676" y="6012"/>
                    </a:lnTo>
                    <a:lnTo>
                      <a:pt x="663" y="6025"/>
                    </a:lnTo>
                    <a:lnTo>
                      <a:pt x="654" y="6039"/>
                    </a:lnTo>
                    <a:lnTo>
                      <a:pt x="646" y="6054"/>
                    </a:lnTo>
                    <a:lnTo>
                      <a:pt x="640" y="6070"/>
                    </a:lnTo>
                    <a:lnTo>
                      <a:pt x="634" y="6085"/>
                    </a:lnTo>
                    <a:lnTo>
                      <a:pt x="630" y="6104"/>
                    </a:lnTo>
                    <a:lnTo>
                      <a:pt x="628" y="6120"/>
                    </a:lnTo>
                    <a:lnTo>
                      <a:pt x="627" y="6133"/>
                    </a:lnTo>
                    <a:lnTo>
                      <a:pt x="627" y="6146"/>
                    </a:lnTo>
                    <a:lnTo>
                      <a:pt x="628" y="6157"/>
                    </a:lnTo>
                    <a:lnTo>
                      <a:pt x="630" y="6167"/>
                    </a:lnTo>
                    <a:lnTo>
                      <a:pt x="640" y="6184"/>
                    </a:lnTo>
                    <a:lnTo>
                      <a:pt x="649" y="6201"/>
                    </a:lnTo>
                    <a:lnTo>
                      <a:pt x="653" y="6207"/>
                    </a:lnTo>
                    <a:lnTo>
                      <a:pt x="656" y="6215"/>
                    </a:lnTo>
                    <a:lnTo>
                      <a:pt x="659" y="6223"/>
                    </a:lnTo>
                    <a:lnTo>
                      <a:pt x="660" y="6230"/>
                    </a:lnTo>
                    <a:lnTo>
                      <a:pt x="660" y="6240"/>
                    </a:lnTo>
                    <a:lnTo>
                      <a:pt x="659" y="6249"/>
                    </a:lnTo>
                    <a:lnTo>
                      <a:pt x="656" y="6259"/>
                    </a:lnTo>
                    <a:lnTo>
                      <a:pt x="650" y="6269"/>
                    </a:lnTo>
                    <a:lnTo>
                      <a:pt x="640" y="6285"/>
                    </a:lnTo>
                    <a:lnTo>
                      <a:pt x="632" y="6297"/>
                    </a:lnTo>
                    <a:lnTo>
                      <a:pt x="625" y="6306"/>
                    </a:lnTo>
                    <a:lnTo>
                      <a:pt x="619" y="6312"/>
                    </a:lnTo>
                    <a:lnTo>
                      <a:pt x="615" y="6316"/>
                    </a:lnTo>
                    <a:lnTo>
                      <a:pt x="610" y="6317"/>
                    </a:lnTo>
                    <a:lnTo>
                      <a:pt x="606" y="6317"/>
                    </a:lnTo>
                    <a:lnTo>
                      <a:pt x="602" y="6315"/>
                    </a:lnTo>
                    <a:lnTo>
                      <a:pt x="592" y="6307"/>
                    </a:lnTo>
                    <a:lnTo>
                      <a:pt x="577" y="6297"/>
                    </a:lnTo>
                    <a:lnTo>
                      <a:pt x="568" y="6291"/>
                    </a:lnTo>
                    <a:lnTo>
                      <a:pt x="558" y="6286"/>
                    </a:lnTo>
                    <a:lnTo>
                      <a:pt x="545" y="6281"/>
                    </a:lnTo>
                    <a:lnTo>
                      <a:pt x="529" y="6277"/>
                    </a:lnTo>
                    <a:lnTo>
                      <a:pt x="518" y="6275"/>
                    </a:lnTo>
                    <a:lnTo>
                      <a:pt x="507" y="6275"/>
                    </a:lnTo>
                    <a:lnTo>
                      <a:pt x="498" y="6275"/>
                    </a:lnTo>
                    <a:lnTo>
                      <a:pt x="488" y="6275"/>
                    </a:lnTo>
                    <a:lnTo>
                      <a:pt x="470" y="6280"/>
                    </a:lnTo>
                    <a:lnTo>
                      <a:pt x="452" y="6285"/>
                    </a:lnTo>
                    <a:lnTo>
                      <a:pt x="435" y="6293"/>
                    </a:lnTo>
                    <a:lnTo>
                      <a:pt x="417" y="6299"/>
                    </a:lnTo>
                    <a:lnTo>
                      <a:pt x="397" y="6306"/>
                    </a:lnTo>
                    <a:lnTo>
                      <a:pt x="378" y="6309"/>
                    </a:lnTo>
                    <a:lnTo>
                      <a:pt x="369" y="6311"/>
                    </a:lnTo>
                    <a:lnTo>
                      <a:pt x="361" y="6311"/>
                    </a:lnTo>
                    <a:lnTo>
                      <a:pt x="352" y="6309"/>
                    </a:lnTo>
                    <a:lnTo>
                      <a:pt x="343" y="6308"/>
                    </a:lnTo>
                    <a:lnTo>
                      <a:pt x="326" y="6304"/>
                    </a:lnTo>
                    <a:lnTo>
                      <a:pt x="309" y="6298"/>
                    </a:lnTo>
                    <a:lnTo>
                      <a:pt x="294" y="6289"/>
                    </a:lnTo>
                    <a:lnTo>
                      <a:pt x="278" y="6280"/>
                    </a:lnTo>
                    <a:lnTo>
                      <a:pt x="263" y="6271"/>
                    </a:lnTo>
                    <a:lnTo>
                      <a:pt x="248" y="6262"/>
                    </a:lnTo>
                    <a:lnTo>
                      <a:pt x="247" y="6259"/>
                    </a:lnTo>
                    <a:lnTo>
                      <a:pt x="247" y="6255"/>
                    </a:lnTo>
                    <a:lnTo>
                      <a:pt x="248" y="6251"/>
                    </a:lnTo>
                    <a:lnTo>
                      <a:pt x="250" y="6245"/>
                    </a:lnTo>
                    <a:lnTo>
                      <a:pt x="256" y="6232"/>
                    </a:lnTo>
                    <a:lnTo>
                      <a:pt x="263" y="6216"/>
                    </a:lnTo>
                    <a:lnTo>
                      <a:pt x="270" y="6201"/>
                    </a:lnTo>
                    <a:lnTo>
                      <a:pt x="277" y="6186"/>
                    </a:lnTo>
                    <a:lnTo>
                      <a:pt x="282" y="6173"/>
                    </a:lnTo>
                    <a:lnTo>
                      <a:pt x="285" y="6167"/>
                    </a:lnTo>
                    <a:lnTo>
                      <a:pt x="283" y="6161"/>
                    </a:lnTo>
                    <a:lnTo>
                      <a:pt x="283" y="6155"/>
                    </a:lnTo>
                    <a:lnTo>
                      <a:pt x="281" y="6150"/>
                    </a:lnTo>
                    <a:lnTo>
                      <a:pt x="278" y="6146"/>
                    </a:lnTo>
                    <a:lnTo>
                      <a:pt x="273" y="6137"/>
                    </a:lnTo>
                    <a:lnTo>
                      <a:pt x="265" y="6128"/>
                    </a:lnTo>
                    <a:lnTo>
                      <a:pt x="257" y="6120"/>
                    </a:lnTo>
                    <a:lnTo>
                      <a:pt x="250" y="6111"/>
                    </a:lnTo>
                    <a:lnTo>
                      <a:pt x="243" y="6104"/>
                    </a:lnTo>
                    <a:lnTo>
                      <a:pt x="237" y="6093"/>
                    </a:lnTo>
                    <a:lnTo>
                      <a:pt x="233" y="6082"/>
                    </a:lnTo>
                    <a:lnTo>
                      <a:pt x="229" y="6069"/>
                    </a:lnTo>
                    <a:lnTo>
                      <a:pt x="228" y="6054"/>
                    </a:lnTo>
                    <a:lnTo>
                      <a:pt x="225" y="6039"/>
                    </a:lnTo>
                    <a:lnTo>
                      <a:pt x="224" y="6005"/>
                    </a:lnTo>
                    <a:lnTo>
                      <a:pt x="224" y="5971"/>
                    </a:lnTo>
                    <a:lnTo>
                      <a:pt x="222" y="5939"/>
                    </a:lnTo>
                    <a:lnTo>
                      <a:pt x="220" y="5908"/>
                    </a:lnTo>
                    <a:lnTo>
                      <a:pt x="216" y="5895"/>
                    </a:lnTo>
                    <a:lnTo>
                      <a:pt x="212" y="5883"/>
                    </a:lnTo>
                    <a:lnTo>
                      <a:pt x="207" y="5873"/>
                    </a:lnTo>
                    <a:lnTo>
                      <a:pt x="200" y="5864"/>
                    </a:lnTo>
                    <a:lnTo>
                      <a:pt x="184" y="5848"/>
                    </a:lnTo>
                    <a:lnTo>
                      <a:pt x="167" y="5831"/>
                    </a:lnTo>
                    <a:lnTo>
                      <a:pt x="164" y="5828"/>
                    </a:lnTo>
                    <a:lnTo>
                      <a:pt x="163" y="5824"/>
                    </a:lnTo>
                    <a:lnTo>
                      <a:pt x="163" y="5820"/>
                    </a:lnTo>
                    <a:lnTo>
                      <a:pt x="164" y="5817"/>
                    </a:lnTo>
                    <a:lnTo>
                      <a:pt x="168" y="5816"/>
                    </a:lnTo>
                    <a:lnTo>
                      <a:pt x="172" y="5815"/>
                    </a:lnTo>
                    <a:lnTo>
                      <a:pt x="180" y="5813"/>
                    </a:lnTo>
                    <a:lnTo>
                      <a:pt x="189" y="5813"/>
                    </a:lnTo>
                    <a:lnTo>
                      <a:pt x="196" y="5815"/>
                    </a:lnTo>
                    <a:lnTo>
                      <a:pt x="202" y="5816"/>
                    </a:lnTo>
                    <a:lnTo>
                      <a:pt x="207" y="5819"/>
                    </a:lnTo>
                    <a:lnTo>
                      <a:pt x="211" y="5821"/>
                    </a:lnTo>
                    <a:lnTo>
                      <a:pt x="219" y="5829"/>
                    </a:lnTo>
                    <a:lnTo>
                      <a:pt x="224" y="5838"/>
                    </a:lnTo>
                    <a:lnTo>
                      <a:pt x="229" y="5848"/>
                    </a:lnTo>
                    <a:lnTo>
                      <a:pt x="235" y="5856"/>
                    </a:lnTo>
                    <a:lnTo>
                      <a:pt x="238" y="5860"/>
                    </a:lnTo>
                    <a:lnTo>
                      <a:pt x="242" y="5864"/>
                    </a:lnTo>
                    <a:lnTo>
                      <a:pt x="247" y="5866"/>
                    </a:lnTo>
                    <a:lnTo>
                      <a:pt x="252" y="5868"/>
                    </a:lnTo>
                    <a:lnTo>
                      <a:pt x="256" y="5868"/>
                    </a:lnTo>
                    <a:lnTo>
                      <a:pt x="257" y="5866"/>
                    </a:lnTo>
                    <a:lnTo>
                      <a:pt x="260" y="5863"/>
                    </a:lnTo>
                    <a:lnTo>
                      <a:pt x="261" y="5859"/>
                    </a:lnTo>
                    <a:lnTo>
                      <a:pt x="263" y="5847"/>
                    </a:lnTo>
                    <a:lnTo>
                      <a:pt x="263" y="5833"/>
                    </a:lnTo>
                    <a:lnTo>
                      <a:pt x="261" y="5819"/>
                    </a:lnTo>
                    <a:lnTo>
                      <a:pt x="259" y="5806"/>
                    </a:lnTo>
                    <a:lnTo>
                      <a:pt x="257" y="5794"/>
                    </a:lnTo>
                    <a:lnTo>
                      <a:pt x="255" y="5787"/>
                    </a:lnTo>
                    <a:lnTo>
                      <a:pt x="246" y="5776"/>
                    </a:lnTo>
                    <a:lnTo>
                      <a:pt x="238" y="5767"/>
                    </a:lnTo>
                    <a:lnTo>
                      <a:pt x="234" y="5762"/>
                    </a:lnTo>
                    <a:lnTo>
                      <a:pt x="230" y="5756"/>
                    </a:lnTo>
                    <a:lnTo>
                      <a:pt x="229" y="5750"/>
                    </a:lnTo>
                    <a:lnTo>
                      <a:pt x="228" y="5743"/>
                    </a:lnTo>
                    <a:lnTo>
                      <a:pt x="243" y="5741"/>
                    </a:lnTo>
                    <a:lnTo>
                      <a:pt x="257" y="5741"/>
                    </a:lnTo>
                    <a:lnTo>
                      <a:pt x="269" y="5742"/>
                    </a:lnTo>
                    <a:lnTo>
                      <a:pt x="278" y="5743"/>
                    </a:lnTo>
                    <a:lnTo>
                      <a:pt x="282" y="5743"/>
                    </a:lnTo>
                    <a:lnTo>
                      <a:pt x="286" y="5742"/>
                    </a:lnTo>
                    <a:lnTo>
                      <a:pt x="288" y="5740"/>
                    </a:lnTo>
                    <a:lnTo>
                      <a:pt x="291" y="5736"/>
                    </a:lnTo>
                    <a:lnTo>
                      <a:pt x="294" y="5732"/>
                    </a:lnTo>
                    <a:lnTo>
                      <a:pt x="295" y="5725"/>
                    </a:lnTo>
                    <a:lnTo>
                      <a:pt x="296" y="5716"/>
                    </a:lnTo>
                    <a:lnTo>
                      <a:pt x="298" y="5706"/>
                    </a:lnTo>
                    <a:lnTo>
                      <a:pt x="296" y="5693"/>
                    </a:lnTo>
                    <a:lnTo>
                      <a:pt x="294" y="5683"/>
                    </a:lnTo>
                    <a:lnTo>
                      <a:pt x="290" y="5673"/>
                    </a:lnTo>
                    <a:lnTo>
                      <a:pt x="285" y="5667"/>
                    </a:lnTo>
                    <a:lnTo>
                      <a:pt x="277" y="5660"/>
                    </a:lnTo>
                    <a:lnTo>
                      <a:pt x="269" y="5654"/>
                    </a:lnTo>
                    <a:lnTo>
                      <a:pt x="259" y="5649"/>
                    </a:lnTo>
                    <a:lnTo>
                      <a:pt x="248" y="5644"/>
                    </a:lnTo>
                    <a:lnTo>
                      <a:pt x="243" y="5640"/>
                    </a:lnTo>
                    <a:lnTo>
                      <a:pt x="239" y="5637"/>
                    </a:lnTo>
                    <a:lnTo>
                      <a:pt x="235" y="5632"/>
                    </a:lnTo>
                    <a:lnTo>
                      <a:pt x="233" y="5628"/>
                    </a:lnTo>
                    <a:lnTo>
                      <a:pt x="230" y="5618"/>
                    </a:lnTo>
                    <a:lnTo>
                      <a:pt x="229" y="5606"/>
                    </a:lnTo>
                    <a:lnTo>
                      <a:pt x="229" y="5596"/>
                    </a:lnTo>
                    <a:lnTo>
                      <a:pt x="226" y="5584"/>
                    </a:lnTo>
                    <a:lnTo>
                      <a:pt x="225" y="5579"/>
                    </a:lnTo>
                    <a:lnTo>
                      <a:pt x="224" y="5574"/>
                    </a:lnTo>
                    <a:lnTo>
                      <a:pt x="221" y="5569"/>
                    </a:lnTo>
                    <a:lnTo>
                      <a:pt x="219" y="5565"/>
                    </a:lnTo>
                    <a:lnTo>
                      <a:pt x="206" y="5553"/>
                    </a:lnTo>
                    <a:lnTo>
                      <a:pt x="196" y="5543"/>
                    </a:lnTo>
                    <a:lnTo>
                      <a:pt x="191" y="5536"/>
                    </a:lnTo>
                    <a:lnTo>
                      <a:pt x="187" y="5530"/>
                    </a:lnTo>
                    <a:lnTo>
                      <a:pt x="185" y="5522"/>
                    </a:lnTo>
                    <a:lnTo>
                      <a:pt x="181" y="5513"/>
                    </a:lnTo>
                    <a:lnTo>
                      <a:pt x="159" y="5426"/>
                    </a:lnTo>
                    <a:lnTo>
                      <a:pt x="147" y="5392"/>
                    </a:lnTo>
                    <a:lnTo>
                      <a:pt x="136" y="5360"/>
                    </a:lnTo>
                    <a:lnTo>
                      <a:pt x="124" y="5328"/>
                    </a:lnTo>
                    <a:lnTo>
                      <a:pt x="112" y="5295"/>
                    </a:lnTo>
                    <a:lnTo>
                      <a:pt x="110" y="5282"/>
                    </a:lnTo>
                    <a:lnTo>
                      <a:pt x="108" y="5271"/>
                    </a:lnTo>
                    <a:lnTo>
                      <a:pt x="107" y="5258"/>
                    </a:lnTo>
                    <a:lnTo>
                      <a:pt x="107" y="5246"/>
                    </a:lnTo>
                    <a:lnTo>
                      <a:pt x="108" y="5223"/>
                    </a:lnTo>
                    <a:lnTo>
                      <a:pt x="112" y="5199"/>
                    </a:lnTo>
                    <a:lnTo>
                      <a:pt x="116" y="5176"/>
                    </a:lnTo>
                    <a:lnTo>
                      <a:pt x="119" y="5153"/>
                    </a:lnTo>
                    <a:lnTo>
                      <a:pt x="120" y="5141"/>
                    </a:lnTo>
                    <a:lnTo>
                      <a:pt x="120" y="5129"/>
                    </a:lnTo>
                    <a:lnTo>
                      <a:pt x="120" y="5118"/>
                    </a:lnTo>
                    <a:lnTo>
                      <a:pt x="117" y="5106"/>
                    </a:lnTo>
                    <a:lnTo>
                      <a:pt x="115" y="5089"/>
                    </a:lnTo>
                    <a:lnTo>
                      <a:pt x="112" y="5075"/>
                    </a:lnTo>
                    <a:lnTo>
                      <a:pt x="114" y="5065"/>
                    </a:lnTo>
                    <a:lnTo>
                      <a:pt x="116" y="5056"/>
                    </a:lnTo>
                    <a:lnTo>
                      <a:pt x="125" y="5037"/>
                    </a:lnTo>
                    <a:lnTo>
                      <a:pt x="138" y="5011"/>
                    </a:lnTo>
                    <a:lnTo>
                      <a:pt x="142" y="5000"/>
                    </a:lnTo>
                    <a:lnTo>
                      <a:pt x="145" y="4988"/>
                    </a:lnTo>
                    <a:lnTo>
                      <a:pt x="146" y="4977"/>
                    </a:lnTo>
                    <a:lnTo>
                      <a:pt x="147" y="4965"/>
                    </a:lnTo>
                    <a:lnTo>
                      <a:pt x="147" y="4940"/>
                    </a:lnTo>
                    <a:lnTo>
                      <a:pt x="149" y="4917"/>
                    </a:lnTo>
                    <a:lnTo>
                      <a:pt x="152" y="4903"/>
                    </a:lnTo>
                    <a:lnTo>
                      <a:pt x="159" y="4890"/>
                    </a:lnTo>
                    <a:lnTo>
                      <a:pt x="165" y="4877"/>
                    </a:lnTo>
                    <a:lnTo>
                      <a:pt x="171" y="4863"/>
                    </a:lnTo>
                    <a:lnTo>
                      <a:pt x="171" y="4860"/>
                    </a:lnTo>
                    <a:lnTo>
                      <a:pt x="171" y="4856"/>
                    </a:lnTo>
                    <a:lnTo>
                      <a:pt x="169" y="4853"/>
                    </a:lnTo>
                    <a:lnTo>
                      <a:pt x="168" y="4851"/>
                    </a:lnTo>
                    <a:lnTo>
                      <a:pt x="163" y="4847"/>
                    </a:lnTo>
                    <a:lnTo>
                      <a:pt x="156" y="4843"/>
                    </a:lnTo>
                    <a:lnTo>
                      <a:pt x="142" y="4838"/>
                    </a:lnTo>
                    <a:lnTo>
                      <a:pt x="129" y="4831"/>
                    </a:lnTo>
                    <a:lnTo>
                      <a:pt x="128" y="4825"/>
                    </a:lnTo>
                    <a:lnTo>
                      <a:pt x="125" y="4821"/>
                    </a:lnTo>
                    <a:lnTo>
                      <a:pt x="121" y="4820"/>
                    </a:lnTo>
                    <a:lnTo>
                      <a:pt x="117" y="4820"/>
                    </a:lnTo>
                    <a:lnTo>
                      <a:pt x="107" y="4825"/>
                    </a:lnTo>
                    <a:lnTo>
                      <a:pt x="95" y="4833"/>
                    </a:lnTo>
                    <a:lnTo>
                      <a:pt x="89" y="4835"/>
                    </a:lnTo>
                    <a:lnTo>
                      <a:pt x="84" y="4838"/>
                    </a:lnTo>
                    <a:lnTo>
                      <a:pt x="79" y="4839"/>
                    </a:lnTo>
                    <a:lnTo>
                      <a:pt x="73" y="4839"/>
                    </a:lnTo>
                    <a:lnTo>
                      <a:pt x="70" y="4837"/>
                    </a:lnTo>
                    <a:lnTo>
                      <a:pt x="67" y="4833"/>
                    </a:lnTo>
                    <a:lnTo>
                      <a:pt x="64" y="4825"/>
                    </a:lnTo>
                    <a:lnTo>
                      <a:pt x="64" y="4813"/>
                    </a:lnTo>
                    <a:lnTo>
                      <a:pt x="60" y="4812"/>
                    </a:lnTo>
                    <a:lnTo>
                      <a:pt x="57" y="4812"/>
                    </a:lnTo>
                    <a:lnTo>
                      <a:pt x="53" y="4813"/>
                    </a:lnTo>
                    <a:lnTo>
                      <a:pt x="48" y="4815"/>
                    </a:lnTo>
                    <a:lnTo>
                      <a:pt x="38" y="4820"/>
                    </a:lnTo>
                    <a:lnTo>
                      <a:pt x="31" y="4825"/>
                    </a:lnTo>
                    <a:lnTo>
                      <a:pt x="22" y="4830"/>
                    </a:lnTo>
                    <a:lnTo>
                      <a:pt x="14" y="4834"/>
                    </a:lnTo>
                    <a:lnTo>
                      <a:pt x="11" y="4834"/>
                    </a:lnTo>
                    <a:lnTo>
                      <a:pt x="7" y="4834"/>
                    </a:lnTo>
                    <a:lnTo>
                      <a:pt x="5" y="4831"/>
                    </a:lnTo>
                    <a:lnTo>
                      <a:pt x="2" y="4828"/>
                    </a:lnTo>
                    <a:lnTo>
                      <a:pt x="0" y="4820"/>
                    </a:lnTo>
                    <a:lnTo>
                      <a:pt x="0" y="4811"/>
                    </a:lnTo>
                    <a:lnTo>
                      <a:pt x="1" y="4800"/>
                    </a:lnTo>
                    <a:lnTo>
                      <a:pt x="2" y="4790"/>
                    </a:lnTo>
                    <a:lnTo>
                      <a:pt x="7" y="4769"/>
                    </a:lnTo>
                    <a:lnTo>
                      <a:pt x="13" y="4751"/>
                    </a:lnTo>
                    <a:lnTo>
                      <a:pt x="16" y="4728"/>
                    </a:lnTo>
                    <a:lnTo>
                      <a:pt x="20" y="4703"/>
                    </a:lnTo>
                    <a:lnTo>
                      <a:pt x="24" y="4677"/>
                    </a:lnTo>
                    <a:lnTo>
                      <a:pt x="25" y="4651"/>
                    </a:lnTo>
                    <a:lnTo>
                      <a:pt x="27" y="4625"/>
                    </a:lnTo>
                    <a:lnTo>
                      <a:pt x="27" y="4600"/>
                    </a:lnTo>
                    <a:lnTo>
                      <a:pt x="24" y="4575"/>
                    </a:lnTo>
                    <a:lnTo>
                      <a:pt x="20" y="4552"/>
                    </a:lnTo>
                    <a:lnTo>
                      <a:pt x="24" y="4545"/>
                    </a:lnTo>
                    <a:lnTo>
                      <a:pt x="31" y="4540"/>
                    </a:lnTo>
                    <a:lnTo>
                      <a:pt x="37" y="4536"/>
                    </a:lnTo>
                    <a:lnTo>
                      <a:pt x="45" y="4532"/>
                    </a:lnTo>
                    <a:lnTo>
                      <a:pt x="62" y="4528"/>
                    </a:lnTo>
                    <a:lnTo>
                      <a:pt x="76" y="452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45" name="Freeform 40"/>
              <p:cNvSpPr>
                <a:spLocks/>
              </p:cNvSpPr>
              <p:nvPr/>
            </p:nvSpPr>
            <p:spPr bwMode="auto">
              <a:xfrm>
                <a:off x="7581211" y="2279687"/>
                <a:ext cx="32790" cy="30708"/>
              </a:xfrm>
              <a:custGeom>
                <a:avLst/>
                <a:gdLst/>
                <a:ahLst/>
                <a:cxnLst>
                  <a:cxn ang="0">
                    <a:pos x="20" y="66"/>
                  </a:cxn>
                  <a:cxn ang="0">
                    <a:pos x="19" y="67"/>
                  </a:cxn>
                  <a:cxn ang="0">
                    <a:pos x="16" y="69"/>
                  </a:cxn>
                  <a:cxn ang="0">
                    <a:pos x="13" y="67"/>
                  </a:cxn>
                  <a:cxn ang="0">
                    <a:pos x="11" y="66"/>
                  </a:cxn>
                  <a:cxn ang="0">
                    <a:pos x="7" y="61"/>
                  </a:cxn>
                  <a:cxn ang="0">
                    <a:pos x="4" y="56"/>
                  </a:cxn>
                  <a:cxn ang="0">
                    <a:pos x="2" y="47"/>
                  </a:cxn>
                  <a:cxn ang="0">
                    <a:pos x="0" y="36"/>
                  </a:cxn>
                  <a:cxn ang="0">
                    <a:pos x="16" y="27"/>
                  </a:cxn>
                  <a:cxn ang="0">
                    <a:pos x="37" y="15"/>
                  </a:cxn>
                  <a:cxn ang="0">
                    <a:pos x="42" y="10"/>
                  </a:cxn>
                  <a:cxn ang="0">
                    <a:pos x="47" y="5"/>
                  </a:cxn>
                  <a:cxn ang="0">
                    <a:pos x="54" y="1"/>
                  </a:cxn>
                  <a:cxn ang="0">
                    <a:pos x="63" y="0"/>
                  </a:cxn>
                  <a:cxn ang="0">
                    <a:pos x="64" y="1"/>
                  </a:cxn>
                  <a:cxn ang="0">
                    <a:pos x="66" y="4"/>
                  </a:cxn>
                  <a:cxn ang="0">
                    <a:pos x="66" y="8"/>
                  </a:cxn>
                  <a:cxn ang="0">
                    <a:pos x="68" y="13"/>
                  </a:cxn>
                  <a:cxn ang="0">
                    <a:pos x="69" y="22"/>
                  </a:cxn>
                  <a:cxn ang="0">
                    <a:pos x="70" y="30"/>
                  </a:cxn>
                  <a:cxn ang="0">
                    <a:pos x="72" y="34"/>
                  </a:cxn>
                  <a:cxn ang="0">
                    <a:pos x="72" y="36"/>
                  </a:cxn>
                  <a:cxn ang="0">
                    <a:pos x="69" y="39"/>
                  </a:cxn>
                  <a:cxn ang="0">
                    <a:pos x="66" y="41"/>
                  </a:cxn>
                  <a:cxn ang="0">
                    <a:pos x="51" y="48"/>
                  </a:cxn>
                  <a:cxn ang="0">
                    <a:pos x="37" y="56"/>
                  </a:cxn>
                  <a:cxn ang="0">
                    <a:pos x="20" y="66"/>
                  </a:cxn>
                </a:cxnLst>
                <a:rect l="0" t="0" r="r" b="b"/>
                <a:pathLst>
                  <a:path w="72" h="69">
                    <a:moveTo>
                      <a:pt x="20" y="66"/>
                    </a:moveTo>
                    <a:lnTo>
                      <a:pt x="19" y="67"/>
                    </a:lnTo>
                    <a:lnTo>
                      <a:pt x="16" y="69"/>
                    </a:lnTo>
                    <a:lnTo>
                      <a:pt x="13" y="67"/>
                    </a:lnTo>
                    <a:lnTo>
                      <a:pt x="11" y="66"/>
                    </a:lnTo>
                    <a:lnTo>
                      <a:pt x="7" y="61"/>
                    </a:lnTo>
                    <a:lnTo>
                      <a:pt x="4" y="56"/>
                    </a:lnTo>
                    <a:lnTo>
                      <a:pt x="2" y="47"/>
                    </a:lnTo>
                    <a:lnTo>
                      <a:pt x="0" y="36"/>
                    </a:lnTo>
                    <a:lnTo>
                      <a:pt x="16" y="27"/>
                    </a:lnTo>
                    <a:lnTo>
                      <a:pt x="37" y="15"/>
                    </a:lnTo>
                    <a:lnTo>
                      <a:pt x="42" y="10"/>
                    </a:lnTo>
                    <a:lnTo>
                      <a:pt x="47" y="5"/>
                    </a:lnTo>
                    <a:lnTo>
                      <a:pt x="54" y="1"/>
                    </a:lnTo>
                    <a:lnTo>
                      <a:pt x="63" y="0"/>
                    </a:lnTo>
                    <a:lnTo>
                      <a:pt x="64" y="1"/>
                    </a:lnTo>
                    <a:lnTo>
                      <a:pt x="66" y="4"/>
                    </a:lnTo>
                    <a:lnTo>
                      <a:pt x="66" y="8"/>
                    </a:lnTo>
                    <a:lnTo>
                      <a:pt x="68" y="13"/>
                    </a:lnTo>
                    <a:lnTo>
                      <a:pt x="69" y="22"/>
                    </a:lnTo>
                    <a:lnTo>
                      <a:pt x="70" y="30"/>
                    </a:lnTo>
                    <a:lnTo>
                      <a:pt x="72" y="34"/>
                    </a:lnTo>
                    <a:lnTo>
                      <a:pt x="72" y="36"/>
                    </a:lnTo>
                    <a:lnTo>
                      <a:pt x="69" y="39"/>
                    </a:lnTo>
                    <a:lnTo>
                      <a:pt x="66" y="41"/>
                    </a:lnTo>
                    <a:lnTo>
                      <a:pt x="51" y="48"/>
                    </a:lnTo>
                    <a:lnTo>
                      <a:pt x="37" y="56"/>
                    </a:lnTo>
                    <a:lnTo>
                      <a:pt x="20" y="66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46" name="Freeform 41"/>
              <p:cNvSpPr>
                <a:spLocks/>
              </p:cNvSpPr>
              <p:nvPr/>
            </p:nvSpPr>
            <p:spPr bwMode="auto">
              <a:xfrm>
                <a:off x="8094927" y="2509088"/>
                <a:ext cx="96550" cy="243852"/>
              </a:xfrm>
              <a:custGeom>
                <a:avLst/>
                <a:gdLst/>
                <a:ahLst/>
                <a:cxnLst>
                  <a:cxn ang="0">
                    <a:pos x="15" y="414"/>
                  </a:cxn>
                  <a:cxn ang="0">
                    <a:pos x="17" y="397"/>
                  </a:cxn>
                  <a:cxn ang="0">
                    <a:pos x="21" y="381"/>
                  </a:cxn>
                  <a:cxn ang="0">
                    <a:pos x="28" y="362"/>
                  </a:cxn>
                  <a:cxn ang="0">
                    <a:pos x="34" y="343"/>
                  </a:cxn>
                  <a:cxn ang="0">
                    <a:pos x="48" y="305"/>
                  </a:cxn>
                  <a:cxn ang="0">
                    <a:pos x="60" y="272"/>
                  </a:cxn>
                  <a:cxn ang="0">
                    <a:pos x="64" y="254"/>
                  </a:cxn>
                  <a:cxn ang="0">
                    <a:pos x="70" y="239"/>
                  </a:cxn>
                  <a:cxn ang="0">
                    <a:pos x="78" y="226"/>
                  </a:cxn>
                  <a:cxn ang="0">
                    <a:pos x="86" y="215"/>
                  </a:cxn>
                  <a:cxn ang="0">
                    <a:pos x="104" y="190"/>
                  </a:cxn>
                  <a:cxn ang="0">
                    <a:pos x="122" y="163"/>
                  </a:cxn>
                  <a:cxn ang="0">
                    <a:pos x="137" y="127"/>
                  </a:cxn>
                  <a:cxn ang="0">
                    <a:pos x="157" y="72"/>
                  </a:cxn>
                  <a:cxn ang="0">
                    <a:pos x="169" y="45"/>
                  </a:cxn>
                  <a:cxn ang="0">
                    <a:pos x="181" y="22"/>
                  </a:cxn>
                  <a:cxn ang="0">
                    <a:pos x="187" y="13"/>
                  </a:cxn>
                  <a:cxn ang="0">
                    <a:pos x="192" y="6"/>
                  </a:cxn>
                  <a:cxn ang="0">
                    <a:pos x="199" y="1"/>
                  </a:cxn>
                  <a:cxn ang="0">
                    <a:pos x="204" y="0"/>
                  </a:cxn>
                  <a:cxn ang="0">
                    <a:pos x="208" y="1"/>
                  </a:cxn>
                  <a:cxn ang="0">
                    <a:pos x="209" y="2"/>
                  </a:cxn>
                  <a:cxn ang="0">
                    <a:pos x="212" y="6"/>
                  </a:cxn>
                  <a:cxn ang="0">
                    <a:pos x="212" y="10"/>
                  </a:cxn>
                  <a:cxn ang="0">
                    <a:pos x="213" y="20"/>
                  </a:cxn>
                  <a:cxn ang="0">
                    <a:pos x="213" y="32"/>
                  </a:cxn>
                  <a:cxn ang="0">
                    <a:pos x="210" y="45"/>
                  </a:cxn>
                  <a:cxn ang="0">
                    <a:pos x="208" y="57"/>
                  </a:cxn>
                  <a:cxn ang="0">
                    <a:pos x="206" y="67"/>
                  </a:cxn>
                  <a:cxn ang="0">
                    <a:pos x="204" y="72"/>
                  </a:cxn>
                  <a:cxn ang="0">
                    <a:pos x="186" y="105"/>
                  </a:cxn>
                  <a:cxn ang="0">
                    <a:pos x="171" y="138"/>
                  </a:cxn>
                  <a:cxn ang="0">
                    <a:pos x="157" y="173"/>
                  </a:cxn>
                  <a:cxn ang="0">
                    <a:pos x="146" y="207"/>
                  </a:cxn>
                  <a:cxn ang="0">
                    <a:pos x="133" y="242"/>
                  </a:cxn>
                  <a:cxn ang="0">
                    <a:pos x="118" y="276"/>
                  </a:cxn>
                  <a:cxn ang="0">
                    <a:pos x="104" y="309"/>
                  </a:cxn>
                  <a:cxn ang="0">
                    <a:pos x="87" y="342"/>
                  </a:cxn>
                  <a:cxn ang="0">
                    <a:pos x="82" y="351"/>
                  </a:cxn>
                  <a:cxn ang="0">
                    <a:pos x="77" y="362"/>
                  </a:cxn>
                  <a:cxn ang="0">
                    <a:pos x="73" y="375"/>
                  </a:cxn>
                  <a:cxn ang="0">
                    <a:pos x="69" y="390"/>
                  </a:cxn>
                  <a:cxn ang="0">
                    <a:pos x="61" y="421"/>
                  </a:cxn>
                  <a:cxn ang="0">
                    <a:pos x="52" y="453"/>
                  </a:cxn>
                  <a:cxn ang="0">
                    <a:pos x="48" y="469"/>
                  </a:cxn>
                  <a:cxn ang="0">
                    <a:pos x="43" y="483"/>
                  </a:cxn>
                  <a:cxn ang="0">
                    <a:pos x="38" y="497"/>
                  </a:cxn>
                  <a:cxn ang="0">
                    <a:pos x="32" y="510"/>
                  </a:cxn>
                  <a:cxn ang="0">
                    <a:pos x="25" y="520"/>
                  </a:cxn>
                  <a:cxn ang="0">
                    <a:pos x="17" y="530"/>
                  </a:cxn>
                  <a:cxn ang="0">
                    <a:pos x="10" y="537"/>
                  </a:cxn>
                  <a:cxn ang="0">
                    <a:pos x="0" y="541"/>
                  </a:cxn>
                  <a:cxn ang="0">
                    <a:pos x="2" y="519"/>
                  </a:cxn>
                  <a:cxn ang="0">
                    <a:pos x="6" y="498"/>
                  </a:cxn>
                  <a:cxn ang="0">
                    <a:pos x="10" y="476"/>
                  </a:cxn>
                  <a:cxn ang="0">
                    <a:pos x="12" y="456"/>
                  </a:cxn>
                  <a:cxn ang="0">
                    <a:pos x="15" y="414"/>
                  </a:cxn>
                </a:cxnLst>
                <a:rect l="0" t="0" r="r" b="b"/>
                <a:pathLst>
                  <a:path w="213" h="541">
                    <a:moveTo>
                      <a:pt x="15" y="414"/>
                    </a:moveTo>
                    <a:lnTo>
                      <a:pt x="17" y="397"/>
                    </a:lnTo>
                    <a:lnTo>
                      <a:pt x="21" y="381"/>
                    </a:lnTo>
                    <a:lnTo>
                      <a:pt x="28" y="362"/>
                    </a:lnTo>
                    <a:lnTo>
                      <a:pt x="34" y="343"/>
                    </a:lnTo>
                    <a:lnTo>
                      <a:pt x="48" y="305"/>
                    </a:lnTo>
                    <a:lnTo>
                      <a:pt x="60" y="272"/>
                    </a:lnTo>
                    <a:lnTo>
                      <a:pt x="64" y="254"/>
                    </a:lnTo>
                    <a:lnTo>
                      <a:pt x="70" y="239"/>
                    </a:lnTo>
                    <a:lnTo>
                      <a:pt x="78" y="226"/>
                    </a:lnTo>
                    <a:lnTo>
                      <a:pt x="86" y="215"/>
                    </a:lnTo>
                    <a:lnTo>
                      <a:pt x="104" y="190"/>
                    </a:lnTo>
                    <a:lnTo>
                      <a:pt x="122" y="163"/>
                    </a:lnTo>
                    <a:lnTo>
                      <a:pt x="137" y="127"/>
                    </a:lnTo>
                    <a:lnTo>
                      <a:pt x="157" y="72"/>
                    </a:lnTo>
                    <a:lnTo>
                      <a:pt x="169" y="45"/>
                    </a:lnTo>
                    <a:lnTo>
                      <a:pt x="181" y="22"/>
                    </a:lnTo>
                    <a:lnTo>
                      <a:pt x="187" y="13"/>
                    </a:lnTo>
                    <a:lnTo>
                      <a:pt x="192" y="6"/>
                    </a:lnTo>
                    <a:lnTo>
                      <a:pt x="199" y="1"/>
                    </a:lnTo>
                    <a:lnTo>
                      <a:pt x="204" y="0"/>
                    </a:lnTo>
                    <a:lnTo>
                      <a:pt x="208" y="1"/>
                    </a:lnTo>
                    <a:lnTo>
                      <a:pt x="209" y="2"/>
                    </a:lnTo>
                    <a:lnTo>
                      <a:pt x="212" y="6"/>
                    </a:lnTo>
                    <a:lnTo>
                      <a:pt x="212" y="10"/>
                    </a:lnTo>
                    <a:lnTo>
                      <a:pt x="213" y="20"/>
                    </a:lnTo>
                    <a:lnTo>
                      <a:pt x="213" y="32"/>
                    </a:lnTo>
                    <a:lnTo>
                      <a:pt x="210" y="45"/>
                    </a:lnTo>
                    <a:lnTo>
                      <a:pt x="208" y="57"/>
                    </a:lnTo>
                    <a:lnTo>
                      <a:pt x="206" y="67"/>
                    </a:lnTo>
                    <a:lnTo>
                      <a:pt x="204" y="72"/>
                    </a:lnTo>
                    <a:lnTo>
                      <a:pt x="186" y="105"/>
                    </a:lnTo>
                    <a:lnTo>
                      <a:pt x="171" y="138"/>
                    </a:lnTo>
                    <a:lnTo>
                      <a:pt x="157" y="173"/>
                    </a:lnTo>
                    <a:lnTo>
                      <a:pt x="146" y="207"/>
                    </a:lnTo>
                    <a:lnTo>
                      <a:pt x="133" y="242"/>
                    </a:lnTo>
                    <a:lnTo>
                      <a:pt x="118" y="276"/>
                    </a:lnTo>
                    <a:lnTo>
                      <a:pt x="104" y="309"/>
                    </a:lnTo>
                    <a:lnTo>
                      <a:pt x="87" y="342"/>
                    </a:lnTo>
                    <a:lnTo>
                      <a:pt x="82" y="351"/>
                    </a:lnTo>
                    <a:lnTo>
                      <a:pt x="77" y="362"/>
                    </a:lnTo>
                    <a:lnTo>
                      <a:pt x="73" y="375"/>
                    </a:lnTo>
                    <a:lnTo>
                      <a:pt x="69" y="390"/>
                    </a:lnTo>
                    <a:lnTo>
                      <a:pt x="61" y="421"/>
                    </a:lnTo>
                    <a:lnTo>
                      <a:pt x="52" y="453"/>
                    </a:lnTo>
                    <a:lnTo>
                      <a:pt x="48" y="469"/>
                    </a:lnTo>
                    <a:lnTo>
                      <a:pt x="43" y="483"/>
                    </a:lnTo>
                    <a:lnTo>
                      <a:pt x="38" y="497"/>
                    </a:lnTo>
                    <a:lnTo>
                      <a:pt x="32" y="510"/>
                    </a:lnTo>
                    <a:lnTo>
                      <a:pt x="25" y="520"/>
                    </a:lnTo>
                    <a:lnTo>
                      <a:pt x="17" y="530"/>
                    </a:lnTo>
                    <a:lnTo>
                      <a:pt x="10" y="537"/>
                    </a:lnTo>
                    <a:lnTo>
                      <a:pt x="0" y="541"/>
                    </a:lnTo>
                    <a:lnTo>
                      <a:pt x="2" y="519"/>
                    </a:lnTo>
                    <a:lnTo>
                      <a:pt x="6" y="498"/>
                    </a:lnTo>
                    <a:lnTo>
                      <a:pt x="10" y="476"/>
                    </a:lnTo>
                    <a:lnTo>
                      <a:pt x="12" y="456"/>
                    </a:lnTo>
                    <a:lnTo>
                      <a:pt x="15" y="414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47" name="Freeform 42"/>
              <p:cNvSpPr>
                <a:spLocks/>
              </p:cNvSpPr>
              <p:nvPr/>
            </p:nvSpPr>
            <p:spPr bwMode="auto">
              <a:xfrm>
                <a:off x="8302600" y="2386259"/>
                <a:ext cx="122054" cy="229401"/>
              </a:xfrm>
              <a:custGeom>
                <a:avLst/>
                <a:gdLst/>
                <a:ahLst/>
                <a:cxnLst>
                  <a:cxn ang="0">
                    <a:pos x="2" y="307"/>
                  </a:cxn>
                  <a:cxn ang="0">
                    <a:pos x="0" y="258"/>
                  </a:cxn>
                  <a:cxn ang="0">
                    <a:pos x="4" y="208"/>
                  </a:cxn>
                  <a:cxn ang="0">
                    <a:pos x="14" y="173"/>
                  </a:cxn>
                  <a:cxn ang="0">
                    <a:pos x="23" y="149"/>
                  </a:cxn>
                  <a:cxn ang="0">
                    <a:pos x="36" y="130"/>
                  </a:cxn>
                  <a:cxn ang="0">
                    <a:pos x="52" y="117"/>
                  </a:cxn>
                  <a:cxn ang="0">
                    <a:pos x="68" y="104"/>
                  </a:cxn>
                  <a:cxn ang="0">
                    <a:pos x="84" y="90"/>
                  </a:cxn>
                  <a:cxn ang="0">
                    <a:pos x="98" y="70"/>
                  </a:cxn>
                  <a:cxn ang="0">
                    <a:pos x="106" y="63"/>
                  </a:cxn>
                  <a:cxn ang="0">
                    <a:pos x="111" y="61"/>
                  </a:cxn>
                  <a:cxn ang="0">
                    <a:pos x="125" y="68"/>
                  </a:cxn>
                  <a:cxn ang="0">
                    <a:pos x="145" y="74"/>
                  </a:cxn>
                  <a:cxn ang="0">
                    <a:pos x="151" y="73"/>
                  </a:cxn>
                  <a:cxn ang="0">
                    <a:pos x="160" y="66"/>
                  </a:cxn>
                  <a:cxn ang="0">
                    <a:pos x="173" y="48"/>
                  </a:cxn>
                  <a:cxn ang="0">
                    <a:pos x="188" y="35"/>
                  </a:cxn>
                  <a:cxn ang="0">
                    <a:pos x="194" y="37"/>
                  </a:cxn>
                  <a:cxn ang="0">
                    <a:pos x="202" y="41"/>
                  </a:cxn>
                  <a:cxn ang="0">
                    <a:pos x="208" y="39"/>
                  </a:cxn>
                  <a:cxn ang="0">
                    <a:pos x="224" y="24"/>
                  </a:cxn>
                  <a:cxn ang="0">
                    <a:pos x="247" y="6"/>
                  </a:cxn>
                  <a:cxn ang="0">
                    <a:pos x="260" y="0"/>
                  </a:cxn>
                  <a:cxn ang="0">
                    <a:pos x="264" y="3"/>
                  </a:cxn>
                  <a:cxn ang="0">
                    <a:pos x="261" y="12"/>
                  </a:cxn>
                  <a:cxn ang="0">
                    <a:pos x="251" y="29"/>
                  </a:cxn>
                  <a:cxn ang="0">
                    <a:pos x="230" y="59"/>
                  </a:cxn>
                  <a:cxn ang="0">
                    <a:pos x="212" y="91"/>
                  </a:cxn>
                  <a:cxn ang="0">
                    <a:pos x="201" y="110"/>
                  </a:cxn>
                  <a:cxn ang="0">
                    <a:pos x="189" y="121"/>
                  </a:cxn>
                  <a:cxn ang="0">
                    <a:pos x="181" y="135"/>
                  </a:cxn>
                  <a:cxn ang="0">
                    <a:pos x="175" y="165"/>
                  </a:cxn>
                  <a:cxn ang="0">
                    <a:pos x="173" y="209"/>
                  </a:cxn>
                  <a:cxn ang="0">
                    <a:pos x="180" y="237"/>
                  </a:cxn>
                  <a:cxn ang="0">
                    <a:pos x="186" y="250"/>
                  </a:cxn>
                  <a:cxn ang="0">
                    <a:pos x="197" y="261"/>
                  </a:cxn>
                  <a:cxn ang="0">
                    <a:pos x="203" y="271"/>
                  </a:cxn>
                  <a:cxn ang="0">
                    <a:pos x="201" y="280"/>
                  </a:cxn>
                  <a:cxn ang="0">
                    <a:pos x="192" y="289"/>
                  </a:cxn>
                  <a:cxn ang="0">
                    <a:pos x="179" y="298"/>
                  </a:cxn>
                  <a:cxn ang="0">
                    <a:pos x="170" y="310"/>
                  </a:cxn>
                  <a:cxn ang="0">
                    <a:pos x="160" y="327"/>
                  </a:cxn>
                  <a:cxn ang="0">
                    <a:pos x="150" y="350"/>
                  </a:cxn>
                  <a:cxn ang="0">
                    <a:pos x="138" y="366"/>
                  </a:cxn>
                  <a:cxn ang="0">
                    <a:pos x="125" y="375"/>
                  </a:cxn>
                  <a:cxn ang="0">
                    <a:pos x="110" y="384"/>
                  </a:cxn>
                  <a:cxn ang="0">
                    <a:pos x="96" y="397"/>
                  </a:cxn>
                  <a:cxn ang="0">
                    <a:pos x="79" y="420"/>
                  </a:cxn>
                  <a:cxn ang="0">
                    <a:pos x="61" y="456"/>
                  </a:cxn>
                  <a:cxn ang="0">
                    <a:pos x="45" y="481"/>
                  </a:cxn>
                  <a:cxn ang="0">
                    <a:pos x="33" y="494"/>
                  </a:cxn>
                  <a:cxn ang="0">
                    <a:pos x="19" y="503"/>
                  </a:cxn>
                  <a:cxn ang="0">
                    <a:pos x="10" y="508"/>
                  </a:cxn>
                  <a:cxn ang="0">
                    <a:pos x="5" y="507"/>
                  </a:cxn>
                  <a:cxn ang="0">
                    <a:pos x="4" y="503"/>
                  </a:cxn>
                  <a:cxn ang="0">
                    <a:pos x="9" y="484"/>
                  </a:cxn>
                  <a:cxn ang="0">
                    <a:pos x="23" y="452"/>
                  </a:cxn>
                  <a:cxn ang="0">
                    <a:pos x="26" y="434"/>
                  </a:cxn>
                  <a:cxn ang="0">
                    <a:pos x="17" y="415"/>
                  </a:cxn>
                  <a:cxn ang="0">
                    <a:pos x="5" y="333"/>
                  </a:cxn>
                </a:cxnLst>
                <a:rect l="0" t="0" r="r" b="b"/>
                <a:pathLst>
                  <a:path w="264" h="508">
                    <a:moveTo>
                      <a:pt x="5" y="333"/>
                    </a:moveTo>
                    <a:lnTo>
                      <a:pt x="2" y="307"/>
                    </a:lnTo>
                    <a:lnTo>
                      <a:pt x="0" y="283"/>
                    </a:lnTo>
                    <a:lnTo>
                      <a:pt x="0" y="258"/>
                    </a:lnTo>
                    <a:lnTo>
                      <a:pt x="1" y="232"/>
                    </a:lnTo>
                    <a:lnTo>
                      <a:pt x="4" y="208"/>
                    </a:lnTo>
                    <a:lnTo>
                      <a:pt x="10" y="184"/>
                    </a:lnTo>
                    <a:lnTo>
                      <a:pt x="14" y="173"/>
                    </a:lnTo>
                    <a:lnTo>
                      <a:pt x="18" y="161"/>
                    </a:lnTo>
                    <a:lnTo>
                      <a:pt x="23" y="149"/>
                    </a:lnTo>
                    <a:lnTo>
                      <a:pt x="30" y="139"/>
                    </a:lnTo>
                    <a:lnTo>
                      <a:pt x="36" y="130"/>
                    </a:lnTo>
                    <a:lnTo>
                      <a:pt x="44" y="123"/>
                    </a:lnTo>
                    <a:lnTo>
                      <a:pt x="52" y="117"/>
                    </a:lnTo>
                    <a:lnTo>
                      <a:pt x="61" y="110"/>
                    </a:lnTo>
                    <a:lnTo>
                      <a:pt x="68" y="104"/>
                    </a:lnTo>
                    <a:lnTo>
                      <a:pt x="78" y="98"/>
                    </a:lnTo>
                    <a:lnTo>
                      <a:pt x="84" y="90"/>
                    </a:lnTo>
                    <a:lnTo>
                      <a:pt x="90" y="81"/>
                    </a:lnTo>
                    <a:lnTo>
                      <a:pt x="98" y="70"/>
                    </a:lnTo>
                    <a:lnTo>
                      <a:pt x="103" y="64"/>
                    </a:lnTo>
                    <a:lnTo>
                      <a:pt x="106" y="63"/>
                    </a:lnTo>
                    <a:lnTo>
                      <a:pt x="109" y="61"/>
                    </a:lnTo>
                    <a:lnTo>
                      <a:pt x="111" y="61"/>
                    </a:lnTo>
                    <a:lnTo>
                      <a:pt x="114" y="63"/>
                    </a:lnTo>
                    <a:lnTo>
                      <a:pt x="125" y="68"/>
                    </a:lnTo>
                    <a:lnTo>
                      <a:pt x="141" y="73"/>
                    </a:lnTo>
                    <a:lnTo>
                      <a:pt x="145" y="74"/>
                    </a:lnTo>
                    <a:lnTo>
                      <a:pt x="149" y="74"/>
                    </a:lnTo>
                    <a:lnTo>
                      <a:pt x="151" y="73"/>
                    </a:lnTo>
                    <a:lnTo>
                      <a:pt x="155" y="72"/>
                    </a:lnTo>
                    <a:lnTo>
                      <a:pt x="160" y="66"/>
                    </a:lnTo>
                    <a:lnTo>
                      <a:pt x="166" y="61"/>
                    </a:lnTo>
                    <a:lnTo>
                      <a:pt x="173" y="48"/>
                    </a:lnTo>
                    <a:lnTo>
                      <a:pt x="182" y="38"/>
                    </a:lnTo>
                    <a:lnTo>
                      <a:pt x="188" y="35"/>
                    </a:lnTo>
                    <a:lnTo>
                      <a:pt x="192" y="35"/>
                    </a:lnTo>
                    <a:lnTo>
                      <a:pt x="194" y="37"/>
                    </a:lnTo>
                    <a:lnTo>
                      <a:pt x="198" y="39"/>
                    </a:lnTo>
                    <a:lnTo>
                      <a:pt x="202" y="41"/>
                    </a:lnTo>
                    <a:lnTo>
                      <a:pt x="204" y="42"/>
                    </a:lnTo>
                    <a:lnTo>
                      <a:pt x="208" y="39"/>
                    </a:lnTo>
                    <a:lnTo>
                      <a:pt x="214" y="35"/>
                    </a:lnTo>
                    <a:lnTo>
                      <a:pt x="224" y="24"/>
                    </a:lnTo>
                    <a:lnTo>
                      <a:pt x="236" y="13"/>
                    </a:lnTo>
                    <a:lnTo>
                      <a:pt x="247" y="6"/>
                    </a:lnTo>
                    <a:lnTo>
                      <a:pt x="256" y="0"/>
                    </a:lnTo>
                    <a:lnTo>
                      <a:pt x="260" y="0"/>
                    </a:lnTo>
                    <a:lnTo>
                      <a:pt x="263" y="2"/>
                    </a:lnTo>
                    <a:lnTo>
                      <a:pt x="264" y="3"/>
                    </a:lnTo>
                    <a:lnTo>
                      <a:pt x="263" y="7"/>
                    </a:lnTo>
                    <a:lnTo>
                      <a:pt x="261" y="12"/>
                    </a:lnTo>
                    <a:lnTo>
                      <a:pt x="256" y="20"/>
                    </a:lnTo>
                    <a:lnTo>
                      <a:pt x="251" y="29"/>
                    </a:lnTo>
                    <a:lnTo>
                      <a:pt x="242" y="39"/>
                    </a:lnTo>
                    <a:lnTo>
                      <a:pt x="230" y="59"/>
                    </a:lnTo>
                    <a:lnTo>
                      <a:pt x="219" y="81"/>
                    </a:lnTo>
                    <a:lnTo>
                      <a:pt x="212" y="91"/>
                    </a:lnTo>
                    <a:lnTo>
                      <a:pt x="207" y="101"/>
                    </a:lnTo>
                    <a:lnTo>
                      <a:pt x="201" y="110"/>
                    </a:lnTo>
                    <a:lnTo>
                      <a:pt x="193" y="117"/>
                    </a:lnTo>
                    <a:lnTo>
                      <a:pt x="189" y="121"/>
                    </a:lnTo>
                    <a:lnTo>
                      <a:pt x="185" y="127"/>
                    </a:lnTo>
                    <a:lnTo>
                      <a:pt x="181" y="135"/>
                    </a:lnTo>
                    <a:lnTo>
                      <a:pt x="179" y="144"/>
                    </a:lnTo>
                    <a:lnTo>
                      <a:pt x="175" y="165"/>
                    </a:lnTo>
                    <a:lnTo>
                      <a:pt x="173" y="187"/>
                    </a:lnTo>
                    <a:lnTo>
                      <a:pt x="173" y="209"/>
                    </a:lnTo>
                    <a:lnTo>
                      <a:pt x="177" y="228"/>
                    </a:lnTo>
                    <a:lnTo>
                      <a:pt x="180" y="237"/>
                    </a:lnTo>
                    <a:lnTo>
                      <a:pt x="182" y="245"/>
                    </a:lnTo>
                    <a:lnTo>
                      <a:pt x="186" y="250"/>
                    </a:lnTo>
                    <a:lnTo>
                      <a:pt x="190" y="256"/>
                    </a:lnTo>
                    <a:lnTo>
                      <a:pt x="197" y="261"/>
                    </a:lnTo>
                    <a:lnTo>
                      <a:pt x="202" y="267"/>
                    </a:lnTo>
                    <a:lnTo>
                      <a:pt x="203" y="271"/>
                    </a:lnTo>
                    <a:lnTo>
                      <a:pt x="203" y="276"/>
                    </a:lnTo>
                    <a:lnTo>
                      <a:pt x="201" y="280"/>
                    </a:lnTo>
                    <a:lnTo>
                      <a:pt x="197" y="285"/>
                    </a:lnTo>
                    <a:lnTo>
                      <a:pt x="192" y="289"/>
                    </a:lnTo>
                    <a:lnTo>
                      <a:pt x="185" y="294"/>
                    </a:lnTo>
                    <a:lnTo>
                      <a:pt x="179" y="298"/>
                    </a:lnTo>
                    <a:lnTo>
                      <a:pt x="173" y="303"/>
                    </a:lnTo>
                    <a:lnTo>
                      <a:pt x="170" y="310"/>
                    </a:lnTo>
                    <a:lnTo>
                      <a:pt x="166" y="315"/>
                    </a:lnTo>
                    <a:lnTo>
                      <a:pt x="160" y="327"/>
                    </a:lnTo>
                    <a:lnTo>
                      <a:pt x="155" y="338"/>
                    </a:lnTo>
                    <a:lnTo>
                      <a:pt x="150" y="350"/>
                    </a:lnTo>
                    <a:lnTo>
                      <a:pt x="142" y="360"/>
                    </a:lnTo>
                    <a:lnTo>
                      <a:pt x="138" y="366"/>
                    </a:lnTo>
                    <a:lnTo>
                      <a:pt x="132" y="371"/>
                    </a:lnTo>
                    <a:lnTo>
                      <a:pt x="125" y="375"/>
                    </a:lnTo>
                    <a:lnTo>
                      <a:pt x="118" y="380"/>
                    </a:lnTo>
                    <a:lnTo>
                      <a:pt x="110" y="384"/>
                    </a:lnTo>
                    <a:lnTo>
                      <a:pt x="102" y="390"/>
                    </a:lnTo>
                    <a:lnTo>
                      <a:pt x="96" y="397"/>
                    </a:lnTo>
                    <a:lnTo>
                      <a:pt x="90" y="403"/>
                    </a:lnTo>
                    <a:lnTo>
                      <a:pt x="79" y="420"/>
                    </a:lnTo>
                    <a:lnTo>
                      <a:pt x="70" y="438"/>
                    </a:lnTo>
                    <a:lnTo>
                      <a:pt x="61" y="456"/>
                    </a:lnTo>
                    <a:lnTo>
                      <a:pt x="50" y="473"/>
                    </a:lnTo>
                    <a:lnTo>
                      <a:pt x="45" y="481"/>
                    </a:lnTo>
                    <a:lnTo>
                      <a:pt x="40" y="487"/>
                    </a:lnTo>
                    <a:lnTo>
                      <a:pt x="33" y="494"/>
                    </a:lnTo>
                    <a:lnTo>
                      <a:pt x="26" y="499"/>
                    </a:lnTo>
                    <a:lnTo>
                      <a:pt x="19" y="503"/>
                    </a:lnTo>
                    <a:lnTo>
                      <a:pt x="14" y="506"/>
                    </a:lnTo>
                    <a:lnTo>
                      <a:pt x="10" y="508"/>
                    </a:lnTo>
                    <a:lnTo>
                      <a:pt x="6" y="508"/>
                    </a:lnTo>
                    <a:lnTo>
                      <a:pt x="5" y="507"/>
                    </a:lnTo>
                    <a:lnTo>
                      <a:pt x="4" y="506"/>
                    </a:lnTo>
                    <a:lnTo>
                      <a:pt x="4" y="503"/>
                    </a:lnTo>
                    <a:lnTo>
                      <a:pt x="4" y="500"/>
                    </a:lnTo>
                    <a:lnTo>
                      <a:pt x="9" y="484"/>
                    </a:lnTo>
                    <a:lnTo>
                      <a:pt x="17" y="467"/>
                    </a:lnTo>
                    <a:lnTo>
                      <a:pt x="23" y="452"/>
                    </a:lnTo>
                    <a:lnTo>
                      <a:pt x="26" y="442"/>
                    </a:lnTo>
                    <a:lnTo>
                      <a:pt x="26" y="434"/>
                    </a:lnTo>
                    <a:lnTo>
                      <a:pt x="24" y="428"/>
                    </a:lnTo>
                    <a:lnTo>
                      <a:pt x="17" y="415"/>
                    </a:lnTo>
                    <a:lnTo>
                      <a:pt x="5" y="393"/>
                    </a:lnTo>
                    <a:lnTo>
                      <a:pt x="5" y="333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48" name="Freeform 43"/>
              <p:cNvSpPr>
                <a:spLocks/>
              </p:cNvSpPr>
              <p:nvPr/>
            </p:nvSpPr>
            <p:spPr bwMode="auto">
              <a:xfrm>
                <a:off x="7557529" y="68770"/>
                <a:ext cx="1306153" cy="2853961"/>
              </a:xfrm>
              <a:custGeom>
                <a:avLst/>
                <a:gdLst/>
                <a:ahLst/>
                <a:cxnLst>
                  <a:cxn ang="0">
                    <a:pos x="290" y="4150"/>
                  </a:cxn>
                  <a:cxn ang="0">
                    <a:pos x="406" y="3761"/>
                  </a:cxn>
                  <a:cxn ang="0">
                    <a:pos x="496" y="3469"/>
                  </a:cxn>
                  <a:cxn ang="0">
                    <a:pos x="427" y="3132"/>
                  </a:cxn>
                  <a:cxn ang="0">
                    <a:pos x="471" y="2535"/>
                  </a:cxn>
                  <a:cxn ang="0">
                    <a:pos x="829" y="2286"/>
                  </a:cxn>
                  <a:cxn ang="0">
                    <a:pos x="945" y="1842"/>
                  </a:cxn>
                  <a:cxn ang="0">
                    <a:pos x="1173" y="1252"/>
                  </a:cxn>
                  <a:cxn ang="0">
                    <a:pos x="1382" y="956"/>
                  </a:cxn>
                  <a:cxn ang="0">
                    <a:pos x="1530" y="577"/>
                  </a:cxn>
                  <a:cxn ang="0">
                    <a:pos x="1734" y="503"/>
                  </a:cxn>
                  <a:cxn ang="0">
                    <a:pos x="2048" y="300"/>
                  </a:cxn>
                  <a:cxn ang="0">
                    <a:pos x="2193" y="49"/>
                  </a:cxn>
                  <a:cxn ang="0">
                    <a:pos x="2574" y="402"/>
                  </a:cxn>
                  <a:cxn ang="0">
                    <a:pos x="2723" y="680"/>
                  </a:cxn>
                  <a:cxn ang="0">
                    <a:pos x="2808" y="949"/>
                  </a:cxn>
                  <a:cxn ang="0">
                    <a:pos x="2865" y="1387"/>
                  </a:cxn>
                  <a:cxn ang="0">
                    <a:pos x="2616" y="1437"/>
                  </a:cxn>
                  <a:cxn ang="0">
                    <a:pos x="2515" y="1430"/>
                  </a:cxn>
                  <a:cxn ang="0">
                    <a:pos x="2403" y="1466"/>
                  </a:cxn>
                  <a:cxn ang="0">
                    <a:pos x="2482" y="1636"/>
                  </a:cxn>
                  <a:cxn ang="0">
                    <a:pos x="2412" y="1790"/>
                  </a:cxn>
                  <a:cxn ang="0">
                    <a:pos x="2360" y="2000"/>
                  </a:cxn>
                  <a:cxn ang="0">
                    <a:pos x="2420" y="2163"/>
                  </a:cxn>
                  <a:cxn ang="0">
                    <a:pos x="2224" y="2460"/>
                  </a:cxn>
                  <a:cxn ang="0">
                    <a:pos x="2043" y="2619"/>
                  </a:cxn>
                  <a:cxn ang="0">
                    <a:pos x="1912" y="2730"/>
                  </a:cxn>
                  <a:cxn ang="0">
                    <a:pos x="1803" y="2853"/>
                  </a:cxn>
                  <a:cxn ang="0">
                    <a:pos x="1637" y="2839"/>
                  </a:cxn>
                  <a:cxn ang="0">
                    <a:pos x="1635" y="3014"/>
                  </a:cxn>
                  <a:cxn ang="0">
                    <a:pos x="1513" y="3094"/>
                  </a:cxn>
                  <a:cxn ang="0">
                    <a:pos x="1559" y="3272"/>
                  </a:cxn>
                  <a:cxn ang="0">
                    <a:pos x="1471" y="3392"/>
                  </a:cxn>
                  <a:cxn ang="0">
                    <a:pos x="1470" y="3636"/>
                  </a:cxn>
                  <a:cxn ang="0">
                    <a:pos x="1492" y="3864"/>
                  </a:cxn>
                  <a:cxn ang="0">
                    <a:pos x="1463" y="4059"/>
                  </a:cxn>
                  <a:cxn ang="0">
                    <a:pos x="1539" y="3988"/>
                  </a:cxn>
                  <a:cxn ang="0">
                    <a:pos x="1664" y="4048"/>
                  </a:cxn>
                  <a:cxn ang="0">
                    <a:pos x="1856" y="4131"/>
                  </a:cxn>
                  <a:cxn ang="0">
                    <a:pos x="1861" y="4194"/>
                  </a:cxn>
                  <a:cxn ang="0">
                    <a:pos x="1865" y="4353"/>
                  </a:cxn>
                  <a:cxn ang="0">
                    <a:pos x="1686" y="4496"/>
                  </a:cxn>
                  <a:cxn ang="0">
                    <a:pos x="1721" y="4540"/>
                  </a:cxn>
                  <a:cxn ang="0">
                    <a:pos x="1649" y="4646"/>
                  </a:cxn>
                  <a:cxn ang="0">
                    <a:pos x="1543" y="4636"/>
                  </a:cxn>
                  <a:cxn ang="0">
                    <a:pos x="1322" y="4826"/>
                  </a:cxn>
                  <a:cxn ang="0">
                    <a:pos x="1368" y="4923"/>
                  </a:cxn>
                  <a:cxn ang="0">
                    <a:pos x="1318" y="5040"/>
                  </a:cxn>
                  <a:cxn ang="0">
                    <a:pos x="1270" y="5158"/>
                  </a:cxn>
                  <a:cxn ang="0">
                    <a:pos x="1213" y="5563"/>
                  </a:cxn>
                  <a:cxn ang="0">
                    <a:pos x="1084" y="5992"/>
                  </a:cxn>
                  <a:cxn ang="0">
                    <a:pos x="747" y="5940"/>
                  </a:cxn>
                  <a:cxn ang="0">
                    <a:pos x="634" y="6085"/>
                  </a:cxn>
                  <a:cxn ang="0">
                    <a:pos x="592" y="6307"/>
                  </a:cxn>
                  <a:cxn ang="0">
                    <a:pos x="248" y="6262"/>
                  </a:cxn>
                  <a:cxn ang="0">
                    <a:pos x="224" y="6005"/>
                  </a:cxn>
                  <a:cxn ang="0">
                    <a:pos x="235" y="5856"/>
                  </a:cxn>
                  <a:cxn ang="0">
                    <a:pos x="282" y="5743"/>
                  </a:cxn>
                  <a:cxn ang="0">
                    <a:pos x="224" y="5574"/>
                  </a:cxn>
                  <a:cxn ang="0">
                    <a:pos x="117" y="5106"/>
                  </a:cxn>
                  <a:cxn ang="0">
                    <a:pos x="128" y="4825"/>
                  </a:cxn>
                  <a:cxn ang="0">
                    <a:pos x="2" y="4828"/>
                  </a:cxn>
                </a:cxnLst>
                <a:rect l="0" t="0" r="r" b="b"/>
                <a:pathLst>
                  <a:path w="2865" h="6317">
                    <a:moveTo>
                      <a:pt x="76" y="4524"/>
                    </a:moveTo>
                    <a:lnTo>
                      <a:pt x="120" y="4556"/>
                    </a:lnTo>
                    <a:lnTo>
                      <a:pt x="127" y="4553"/>
                    </a:lnTo>
                    <a:lnTo>
                      <a:pt x="130" y="4552"/>
                    </a:lnTo>
                    <a:lnTo>
                      <a:pt x="133" y="4549"/>
                    </a:lnTo>
                    <a:lnTo>
                      <a:pt x="138" y="4544"/>
                    </a:lnTo>
                    <a:lnTo>
                      <a:pt x="138" y="4522"/>
                    </a:lnTo>
                    <a:lnTo>
                      <a:pt x="139" y="4501"/>
                    </a:lnTo>
                    <a:lnTo>
                      <a:pt x="142" y="4482"/>
                    </a:lnTo>
                    <a:lnTo>
                      <a:pt x="145" y="4461"/>
                    </a:lnTo>
                    <a:lnTo>
                      <a:pt x="149" y="4442"/>
                    </a:lnTo>
                    <a:lnTo>
                      <a:pt x="154" y="4422"/>
                    </a:lnTo>
                    <a:lnTo>
                      <a:pt x="159" y="4403"/>
                    </a:lnTo>
                    <a:lnTo>
                      <a:pt x="164" y="4383"/>
                    </a:lnTo>
                    <a:lnTo>
                      <a:pt x="177" y="4346"/>
                    </a:lnTo>
                    <a:lnTo>
                      <a:pt x="193" y="4308"/>
                    </a:lnTo>
                    <a:lnTo>
                      <a:pt x="209" y="4271"/>
                    </a:lnTo>
                    <a:lnTo>
                      <a:pt x="228" y="4234"/>
                    </a:lnTo>
                    <a:lnTo>
                      <a:pt x="237" y="4214"/>
                    </a:lnTo>
                    <a:lnTo>
                      <a:pt x="246" y="4195"/>
                    </a:lnTo>
                    <a:lnTo>
                      <a:pt x="251" y="4186"/>
                    </a:lnTo>
                    <a:lnTo>
                      <a:pt x="257" y="4177"/>
                    </a:lnTo>
                    <a:lnTo>
                      <a:pt x="264" y="4169"/>
                    </a:lnTo>
                    <a:lnTo>
                      <a:pt x="273" y="4162"/>
                    </a:lnTo>
                    <a:lnTo>
                      <a:pt x="290" y="4150"/>
                    </a:lnTo>
                    <a:lnTo>
                      <a:pt x="305" y="4136"/>
                    </a:lnTo>
                    <a:lnTo>
                      <a:pt x="318" y="4123"/>
                    </a:lnTo>
                    <a:lnTo>
                      <a:pt x="331" y="4109"/>
                    </a:lnTo>
                    <a:lnTo>
                      <a:pt x="342" y="4094"/>
                    </a:lnTo>
                    <a:lnTo>
                      <a:pt x="352" y="4080"/>
                    </a:lnTo>
                    <a:lnTo>
                      <a:pt x="360" y="4065"/>
                    </a:lnTo>
                    <a:lnTo>
                      <a:pt x="368" y="4049"/>
                    </a:lnTo>
                    <a:lnTo>
                      <a:pt x="375" y="4032"/>
                    </a:lnTo>
                    <a:lnTo>
                      <a:pt x="380" y="4015"/>
                    </a:lnTo>
                    <a:lnTo>
                      <a:pt x="387" y="3998"/>
                    </a:lnTo>
                    <a:lnTo>
                      <a:pt x="392" y="3980"/>
                    </a:lnTo>
                    <a:lnTo>
                      <a:pt x="400" y="3944"/>
                    </a:lnTo>
                    <a:lnTo>
                      <a:pt x="409" y="3904"/>
                    </a:lnTo>
                    <a:lnTo>
                      <a:pt x="414" y="3894"/>
                    </a:lnTo>
                    <a:lnTo>
                      <a:pt x="419" y="3884"/>
                    </a:lnTo>
                    <a:lnTo>
                      <a:pt x="422" y="3874"/>
                    </a:lnTo>
                    <a:lnTo>
                      <a:pt x="425" y="3866"/>
                    </a:lnTo>
                    <a:lnTo>
                      <a:pt x="427" y="3857"/>
                    </a:lnTo>
                    <a:lnTo>
                      <a:pt x="428" y="3850"/>
                    </a:lnTo>
                    <a:lnTo>
                      <a:pt x="428" y="3842"/>
                    </a:lnTo>
                    <a:lnTo>
                      <a:pt x="427" y="3834"/>
                    </a:lnTo>
                    <a:lnTo>
                      <a:pt x="425" y="3818"/>
                    </a:lnTo>
                    <a:lnTo>
                      <a:pt x="421" y="3802"/>
                    </a:lnTo>
                    <a:lnTo>
                      <a:pt x="414" y="3783"/>
                    </a:lnTo>
                    <a:lnTo>
                      <a:pt x="406" y="3761"/>
                    </a:lnTo>
                    <a:lnTo>
                      <a:pt x="401" y="3743"/>
                    </a:lnTo>
                    <a:lnTo>
                      <a:pt x="397" y="3725"/>
                    </a:lnTo>
                    <a:lnTo>
                      <a:pt x="393" y="3708"/>
                    </a:lnTo>
                    <a:lnTo>
                      <a:pt x="392" y="3690"/>
                    </a:lnTo>
                    <a:lnTo>
                      <a:pt x="390" y="3655"/>
                    </a:lnTo>
                    <a:lnTo>
                      <a:pt x="387" y="3619"/>
                    </a:lnTo>
                    <a:lnTo>
                      <a:pt x="387" y="3611"/>
                    </a:lnTo>
                    <a:lnTo>
                      <a:pt x="388" y="3606"/>
                    </a:lnTo>
                    <a:lnTo>
                      <a:pt x="390" y="3601"/>
                    </a:lnTo>
                    <a:lnTo>
                      <a:pt x="393" y="3596"/>
                    </a:lnTo>
                    <a:lnTo>
                      <a:pt x="397" y="3592"/>
                    </a:lnTo>
                    <a:lnTo>
                      <a:pt x="402" y="3588"/>
                    </a:lnTo>
                    <a:lnTo>
                      <a:pt x="408" y="3585"/>
                    </a:lnTo>
                    <a:lnTo>
                      <a:pt x="414" y="3583"/>
                    </a:lnTo>
                    <a:lnTo>
                      <a:pt x="440" y="3574"/>
                    </a:lnTo>
                    <a:lnTo>
                      <a:pt x="463" y="3565"/>
                    </a:lnTo>
                    <a:lnTo>
                      <a:pt x="470" y="3559"/>
                    </a:lnTo>
                    <a:lnTo>
                      <a:pt x="475" y="3553"/>
                    </a:lnTo>
                    <a:lnTo>
                      <a:pt x="480" y="3544"/>
                    </a:lnTo>
                    <a:lnTo>
                      <a:pt x="484" y="3536"/>
                    </a:lnTo>
                    <a:lnTo>
                      <a:pt x="488" y="3526"/>
                    </a:lnTo>
                    <a:lnTo>
                      <a:pt x="491" y="3515"/>
                    </a:lnTo>
                    <a:lnTo>
                      <a:pt x="493" y="3504"/>
                    </a:lnTo>
                    <a:lnTo>
                      <a:pt x="494" y="3492"/>
                    </a:lnTo>
                    <a:lnTo>
                      <a:pt x="496" y="3469"/>
                    </a:lnTo>
                    <a:lnTo>
                      <a:pt x="494" y="3447"/>
                    </a:lnTo>
                    <a:lnTo>
                      <a:pt x="494" y="3436"/>
                    </a:lnTo>
                    <a:lnTo>
                      <a:pt x="492" y="3427"/>
                    </a:lnTo>
                    <a:lnTo>
                      <a:pt x="489" y="3418"/>
                    </a:lnTo>
                    <a:lnTo>
                      <a:pt x="487" y="3410"/>
                    </a:lnTo>
                    <a:lnTo>
                      <a:pt x="480" y="3397"/>
                    </a:lnTo>
                    <a:lnTo>
                      <a:pt x="474" y="3386"/>
                    </a:lnTo>
                    <a:lnTo>
                      <a:pt x="466" y="3377"/>
                    </a:lnTo>
                    <a:lnTo>
                      <a:pt x="457" y="3368"/>
                    </a:lnTo>
                    <a:lnTo>
                      <a:pt x="440" y="3351"/>
                    </a:lnTo>
                    <a:lnTo>
                      <a:pt x="423" y="3335"/>
                    </a:lnTo>
                    <a:lnTo>
                      <a:pt x="415" y="3327"/>
                    </a:lnTo>
                    <a:lnTo>
                      <a:pt x="408" y="3318"/>
                    </a:lnTo>
                    <a:lnTo>
                      <a:pt x="401" y="3309"/>
                    </a:lnTo>
                    <a:lnTo>
                      <a:pt x="396" y="3299"/>
                    </a:lnTo>
                    <a:lnTo>
                      <a:pt x="391" y="3287"/>
                    </a:lnTo>
                    <a:lnTo>
                      <a:pt x="387" y="3273"/>
                    </a:lnTo>
                    <a:lnTo>
                      <a:pt x="386" y="3259"/>
                    </a:lnTo>
                    <a:lnTo>
                      <a:pt x="384" y="3242"/>
                    </a:lnTo>
                    <a:lnTo>
                      <a:pt x="388" y="3223"/>
                    </a:lnTo>
                    <a:lnTo>
                      <a:pt x="395" y="3204"/>
                    </a:lnTo>
                    <a:lnTo>
                      <a:pt x="404" y="3185"/>
                    </a:lnTo>
                    <a:lnTo>
                      <a:pt x="412" y="3167"/>
                    </a:lnTo>
                    <a:lnTo>
                      <a:pt x="421" y="3149"/>
                    </a:lnTo>
                    <a:lnTo>
                      <a:pt x="427" y="3132"/>
                    </a:lnTo>
                    <a:lnTo>
                      <a:pt x="430" y="3123"/>
                    </a:lnTo>
                    <a:lnTo>
                      <a:pt x="432" y="3114"/>
                    </a:lnTo>
                    <a:lnTo>
                      <a:pt x="434" y="3105"/>
                    </a:lnTo>
                    <a:lnTo>
                      <a:pt x="435" y="3096"/>
                    </a:lnTo>
                    <a:lnTo>
                      <a:pt x="435" y="3070"/>
                    </a:lnTo>
                    <a:lnTo>
                      <a:pt x="434" y="3042"/>
                    </a:lnTo>
                    <a:lnTo>
                      <a:pt x="431" y="3014"/>
                    </a:lnTo>
                    <a:lnTo>
                      <a:pt x="427" y="2987"/>
                    </a:lnTo>
                    <a:lnTo>
                      <a:pt x="425" y="2960"/>
                    </a:lnTo>
                    <a:lnTo>
                      <a:pt x="421" y="2931"/>
                    </a:lnTo>
                    <a:lnTo>
                      <a:pt x="419" y="2904"/>
                    </a:lnTo>
                    <a:lnTo>
                      <a:pt x="418" y="2875"/>
                    </a:lnTo>
                    <a:lnTo>
                      <a:pt x="419" y="2846"/>
                    </a:lnTo>
                    <a:lnTo>
                      <a:pt x="423" y="2816"/>
                    </a:lnTo>
                    <a:lnTo>
                      <a:pt x="427" y="2785"/>
                    </a:lnTo>
                    <a:lnTo>
                      <a:pt x="428" y="2755"/>
                    </a:lnTo>
                    <a:lnTo>
                      <a:pt x="428" y="2720"/>
                    </a:lnTo>
                    <a:lnTo>
                      <a:pt x="425" y="2685"/>
                    </a:lnTo>
                    <a:lnTo>
                      <a:pt x="425" y="2668"/>
                    </a:lnTo>
                    <a:lnTo>
                      <a:pt x="425" y="2650"/>
                    </a:lnTo>
                    <a:lnTo>
                      <a:pt x="426" y="2633"/>
                    </a:lnTo>
                    <a:lnTo>
                      <a:pt x="428" y="2615"/>
                    </a:lnTo>
                    <a:lnTo>
                      <a:pt x="443" y="2590"/>
                    </a:lnTo>
                    <a:lnTo>
                      <a:pt x="457" y="2564"/>
                    </a:lnTo>
                    <a:lnTo>
                      <a:pt x="471" y="2535"/>
                    </a:lnTo>
                    <a:lnTo>
                      <a:pt x="485" y="2505"/>
                    </a:lnTo>
                    <a:lnTo>
                      <a:pt x="500" y="2474"/>
                    </a:lnTo>
                    <a:lnTo>
                      <a:pt x="515" y="2443"/>
                    </a:lnTo>
                    <a:lnTo>
                      <a:pt x="531" y="2412"/>
                    </a:lnTo>
                    <a:lnTo>
                      <a:pt x="549" y="2382"/>
                    </a:lnTo>
                    <a:lnTo>
                      <a:pt x="558" y="2369"/>
                    </a:lnTo>
                    <a:lnTo>
                      <a:pt x="567" y="2355"/>
                    </a:lnTo>
                    <a:lnTo>
                      <a:pt x="576" y="2342"/>
                    </a:lnTo>
                    <a:lnTo>
                      <a:pt x="586" y="2330"/>
                    </a:lnTo>
                    <a:lnTo>
                      <a:pt x="597" y="2318"/>
                    </a:lnTo>
                    <a:lnTo>
                      <a:pt x="608" y="2308"/>
                    </a:lnTo>
                    <a:lnTo>
                      <a:pt x="619" y="2299"/>
                    </a:lnTo>
                    <a:lnTo>
                      <a:pt x="632" y="2291"/>
                    </a:lnTo>
                    <a:lnTo>
                      <a:pt x="643" y="2283"/>
                    </a:lnTo>
                    <a:lnTo>
                      <a:pt x="656" y="2278"/>
                    </a:lnTo>
                    <a:lnTo>
                      <a:pt x="671" y="2273"/>
                    </a:lnTo>
                    <a:lnTo>
                      <a:pt x="684" y="2270"/>
                    </a:lnTo>
                    <a:lnTo>
                      <a:pt x="699" y="2269"/>
                    </a:lnTo>
                    <a:lnTo>
                      <a:pt x="715" y="2269"/>
                    </a:lnTo>
                    <a:lnTo>
                      <a:pt x="730" y="2270"/>
                    </a:lnTo>
                    <a:lnTo>
                      <a:pt x="747" y="2274"/>
                    </a:lnTo>
                    <a:lnTo>
                      <a:pt x="770" y="2279"/>
                    </a:lnTo>
                    <a:lnTo>
                      <a:pt x="792" y="2283"/>
                    </a:lnTo>
                    <a:lnTo>
                      <a:pt x="812" y="2286"/>
                    </a:lnTo>
                    <a:lnTo>
                      <a:pt x="829" y="2286"/>
                    </a:lnTo>
                    <a:lnTo>
                      <a:pt x="843" y="2285"/>
                    </a:lnTo>
                    <a:lnTo>
                      <a:pt x="856" y="2282"/>
                    </a:lnTo>
                    <a:lnTo>
                      <a:pt x="866" y="2277"/>
                    </a:lnTo>
                    <a:lnTo>
                      <a:pt x="874" y="2272"/>
                    </a:lnTo>
                    <a:lnTo>
                      <a:pt x="882" y="2265"/>
                    </a:lnTo>
                    <a:lnTo>
                      <a:pt x="887" y="2256"/>
                    </a:lnTo>
                    <a:lnTo>
                      <a:pt x="891" y="2247"/>
                    </a:lnTo>
                    <a:lnTo>
                      <a:pt x="893" y="2237"/>
                    </a:lnTo>
                    <a:lnTo>
                      <a:pt x="895" y="2225"/>
                    </a:lnTo>
                    <a:lnTo>
                      <a:pt x="896" y="2213"/>
                    </a:lnTo>
                    <a:lnTo>
                      <a:pt x="895" y="2200"/>
                    </a:lnTo>
                    <a:lnTo>
                      <a:pt x="893" y="2187"/>
                    </a:lnTo>
                    <a:lnTo>
                      <a:pt x="884" y="2128"/>
                    </a:lnTo>
                    <a:lnTo>
                      <a:pt x="873" y="2064"/>
                    </a:lnTo>
                    <a:lnTo>
                      <a:pt x="871" y="2049"/>
                    </a:lnTo>
                    <a:lnTo>
                      <a:pt x="870" y="2033"/>
                    </a:lnTo>
                    <a:lnTo>
                      <a:pt x="869" y="2018"/>
                    </a:lnTo>
                    <a:lnTo>
                      <a:pt x="869" y="2002"/>
                    </a:lnTo>
                    <a:lnTo>
                      <a:pt x="870" y="1988"/>
                    </a:lnTo>
                    <a:lnTo>
                      <a:pt x="871" y="1974"/>
                    </a:lnTo>
                    <a:lnTo>
                      <a:pt x="875" y="1959"/>
                    </a:lnTo>
                    <a:lnTo>
                      <a:pt x="881" y="1947"/>
                    </a:lnTo>
                    <a:lnTo>
                      <a:pt x="903" y="1912"/>
                    </a:lnTo>
                    <a:lnTo>
                      <a:pt x="925" y="1877"/>
                    </a:lnTo>
                    <a:lnTo>
                      <a:pt x="945" y="1842"/>
                    </a:lnTo>
                    <a:lnTo>
                      <a:pt x="965" y="1807"/>
                    </a:lnTo>
                    <a:lnTo>
                      <a:pt x="974" y="1788"/>
                    </a:lnTo>
                    <a:lnTo>
                      <a:pt x="982" y="1770"/>
                    </a:lnTo>
                    <a:lnTo>
                      <a:pt x="988" y="1751"/>
                    </a:lnTo>
                    <a:lnTo>
                      <a:pt x="995" y="1733"/>
                    </a:lnTo>
                    <a:lnTo>
                      <a:pt x="1000" y="1713"/>
                    </a:lnTo>
                    <a:lnTo>
                      <a:pt x="1004" y="1693"/>
                    </a:lnTo>
                    <a:lnTo>
                      <a:pt x="1006" y="1672"/>
                    </a:lnTo>
                    <a:lnTo>
                      <a:pt x="1007" y="1651"/>
                    </a:lnTo>
                    <a:lnTo>
                      <a:pt x="1009" y="1608"/>
                    </a:lnTo>
                    <a:lnTo>
                      <a:pt x="1009" y="1566"/>
                    </a:lnTo>
                    <a:lnTo>
                      <a:pt x="1010" y="1545"/>
                    </a:lnTo>
                    <a:lnTo>
                      <a:pt x="1013" y="1524"/>
                    </a:lnTo>
                    <a:lnTo>
                      <a:pt x="1015" y="1504"/>
                    </a:lnTo>
                    <a:lnTo>
                      <a:pt x="1018" y="1481"/>
                    </a:lnTo>
                    <a:lnTo>
                      <a:pt x="1023" y="1457"/>
                    </a:lnTo>
                    <a:lnTo>
                      <a:pt x="1030" y="1432"/>
                    </a:lnTo>
                    <a:lnTo>
                      <a:pt x="1036" y="1406"/>
                    </a:lnTo>
                    <a:lnTo>
                      <a:pt x="1044" y="1383"/>
                    </a:lnTo>
                    <a:lnTo>
                      <a:pt x="1050" y="1358"/>
                    </a:lnTo>
                    <a:lnTo>
                      <a:pt x="1058" y="1334"/>
                    </a:lnTo>
                    <a:lnTo>
                      <a:pt x="1064" y="1309"/>
                    </a:lnTo>
                    <a:lnTo>
                      <a:pt x="1070" y="1283"/>
                    </a:lnTo>
                    <a:lnTo>
                      <a:pt x="1124" y="1268"/>
                    </a:lnTo>
                    <a:lnTo>
                      <a:pt x="1173" y="1252"/>
                    </a:lnTo>
                    <a:lnTo>
                      <a:pt x="1184" y="1247"/>
                    </a:lnTo>
                    <a:lnTo>
                      <a:pt x="1193" y="1241"/>
                    </a:lnTo>
                    <a:lnTo>
                      <a:pt x="1202" y="1234"/>
                    </a:lnTo>
                    <a:lnTo>
                      <a:pt x="1208" y="1225"/>
                    </a:lnTo>
                    <a:lnTo>
                      <a:pt x="1215" y="1215"/>
                    </a:lnTo>
                    <a:lnTo>
                      <a:pt x="1220" y="1203"/>
                    </a:lnTo>
                    <a:lnTo>
                      <a:pt x="1224" y="1189"/>
                    </a:lnTo>
                    <a:lnTo>
                      <a:pt x="1225" y="1172"/>
                    </a:lnTo>
                    <a:lnTo>
                      <a:pt x="1226" y="1156"/>
                    </a:lnTo>
                    <a:lnTo>
                      <a:pt x="1230" y="1143"/>
                    </a:lnTo>
                    <a:lnTo>
                      <a:pt x="1234" y="1132"/>
                    </a:lnTo>
                    <a:lnTo>
                      <a:pt x="1238" y="1123"/>
                    </a:lnTo>
                    <a:lnTo>
                      <a:pt x="1245" y="1114"/>
                    </a:lnTo>
                    <a:lnTo>
                      <a:pt x="1251" y="1106"/>
                    </a:lnTo>
                    <a:lnTo>
                      <a:pt x="1259" y="1099"/>
                    </a:lnTo>
                    <a:lnTo>
                      <a:pt x="1267" y="1094"/>
                    </a:lnTo>
                    <a:lnTo>
                      <a:pt x="1283" y="1082"/>
                    </a:lnTo>
                    <a:lnTo>
                      <a:pt x="1300" y="1071"/>
                    </a:lnTo>
                    <a:lnTo>
                      <a:pt x="1309" y="1063"/>
                    </a:lnTo>
                    <a:lnTo>
                      <a:pt x="1317" y="1055"/>
                    </a:lnTo>
                    <a:lnTo>
                      <a:pt x="1326" y="1048"/>
                    </a:lnTo>
                    <a:lnTo>
                      <a:pt x="1334" y="1037"/>
                    </a:lnTo>
                    <a:lnTo>
                      <a:pt x="1352" y="1010"/>
                    </a:lnTo>
                    <a:lnTo>
                      <a:pt x="1368" y="983"/>
                    </a:lnTo>
                    <a:lnTo>
                      <a:pt x="1382" y="956"/>
                    </a:lnTo>
                    <a:lnTo>
                      <a:pt x="1394" y="930"/>
                    </a:lnTo>
                    <a:lnTo>
                      <a:pt x="1399" y="915"/>
                    </a:lnTo>
                    <a:lnTo>
                      <a:pt x="1403" y="901"/>
                    </a:lnTo>
                    <a:lnTo>
                      <a:pt x="1406" y="887"/>
                    </a:lnTo>
                    <a:lnTo>
                      <a:pt x="1410" y="873"/>
                    </a:lnTo>
                    <a:lnTo>
                      <a:pt x="1413" y="857"/>
                    </a:lnTo>
                    <a:lnTo>
                      <a:pt x="1414" y="842"/>
                    </a:lnTo>
                    <a:lnTo>
                      <a:pt x="1416" y="825"/>
                    </a:lnTo>
                    <a:lnTo>
                      <a:pt x="1416" y="808"/>
                    </a:lnTo>
                    <a:lnTo>
                      <a:pt x="1416" y="788"/>
                    </a:lnTo>
                    <a:lnTo>
                      <a:pt x="1417" y="770"/>
                    </a:lnTo>
                    <a:lnTo>
                      <a:pt x="1418" y="753"/>
                    </a:lnTo>
                    <a:lnTo>
                      <a:pt x="1419" y="738"/>
                    </a:lnTo>
                    <a:lnTo>
                      <a:pt x="1422" y="724"/>
                    </a:lnTo>
                    <a:lnTo>
                      <a:pt x="1426" y="711"/>
                    </a:lnTo>
                    <a:lnTo>
                      <a:pt x="1430" y="698"/>
                    </a:lnTo>
                    <a:lnTo>
                      <a:pt x="1435" y="686"/>
                    </a:lnTo>
                    <a:lnTo>
                      <a:pt x="1440" y="676"/>
                    </a:lnTo>
                    <a:lnTo>
                      <a:pt x="1448" y="664"/>
                    </a:lnTo>
                    <a:lnTo>
                      <a:pt x="1456" y="652"/>
                    </a:lnTo>
                    <a:lnTo>
                      <a:pt x="1465" y="641"/>
                    </a:lnTo>
                    <a:lnTo>
                      <a:pt x="1487" y="617"/>
                    </a:lnTo>
                    <a:lnTo>
                      <a:pt x="1514" y="589"/>
                    </a:lnTo>
                    <a:lnTo>
                      <a:pt x="1522" y="584"/>
                    </a:lnTo>
                    <a:lnTo>
                      <a:pt x="1530" y="577"/>
                    </a:lnTo>
                    <a:lnTo>
                      <a:pt x="1536" y="571"/>
                    </a:lnTo>
                    <a:lnTo>
                      <a:pt x="1543" y="562"/>
                    </a:lnTo>
                    <a:lnTo>
                      <a:pt x="1554" y="544"/>
                    </a:lnTo>
                    <a:lnTo>
                      <a:pt x="1566" y="524"/>
                    </a:lnTo>
                    <a:lnTo>
                      <a:pt x="1579" y="506"/>
                    </a:lnTo>
                    <a:lnTo>
                      <a:pt x="1592" y="489"/>
                    </a:lnTo>
                    <a:lnTo>
                      <a:pt x="1598" y="481"/>
                    </a:lnTo>
                    <a:lnTo>
                      <a:pt x="1606" y="475"/>
                    </a:lnTo>
                    <a:lnTo>
                      <a:pt x="1614" y="470"/>
                    </a:lnTo>
                    <a:lnTo>
                      <a:pt x="1622" y="467"/>
                    </a:lnTo>
                    <a:lnTo>
                      <a:pt x="1629" y="465"/>
                    </a:lnTo>
                    <a:lnTo>
                      <a:pt x="1636" y="465"/>
                    </a:lnTo>
                    <a:lnTo>
                      <a:pt x="1642" y="465"/>
                    </a:lnTo>
                    <a:lnTo>
                      <a:pt x="1649" y="467"/>
                    </a:lnTo>
                    <a:lnTo>
                      <a:pt x="1660" y="472"/>
                    </a:lnTo>
                    <a:lnTo>
                      <a:pt x="1672" y="481"/>
                    </a:lnTo>
                    <a:lnTo>
                      <a:pt x="1684" y="490"/>
                    </a:lnTo>
                    <a:lnTo>
                      <a:pt x="1695" y="498"/>
                    </a:lnTo>
                    <a:lnTo>
                      <a:pt x="1701" y="502"/>
                    </a:lnTo>
                    <a:lnTo>
                      <a:pt x="1707" y="505"/>
                    </a:lnTo>
                    <a:lnTo>
                      <a:pt x="1714" y="507"/>
                    </a:lnTo>
                    <a:lnTo>
                      <a:pt x="1721" y="509"/>
                    </a:lnTo>
                    <a:lnTo>
                      <a:pt x="1725" y="507"/>
                    </a:lnTo>
                    <a:lnTo>
                      <a:pt x="1730" y="506"/>
                    </a:lnTo>
                    <a:lnTo>
                      <a:pt x="1734" y="503"/>
                    </a:lnTo>
                    <a:lnTo>
                      <a:pt x="1738" y="501"/>
                    </a:lnTo>
                    <a:lnTo>
                      <a:pt x="1746" y="490"/>
                    </a:lnTo>
                    <a:lnTo>
                      <a:pt x="1752" y="478"/>
                    </a:lnTo>
                    <a:lnTo>
                      <a:pt x="1759" y="462"/>
                    </a:lnTo>
                    <a:lnTo>
                      <a:pt x="1765" y="444"/>
                    </a:lnTo>
                    <a:lnTo>
                      <a:pt x="1772" y="424"/>
                    </a:lnTo>
                    <a:lnTo>
                      <a:pt x="1777" y="405"/>
                    </a:lnTo>
                    <a:lnTo>
                      <a:pt x="1789" y="362"/>
                    </a:lnTo>
                    <a:lnTo>
                      <a:pt x="1800" y="323"/>
                    </a:lnTo>
                    <a:lnTo>
                      <a:pt x="1808" y="307"/>
                    </a:lnTo>
                    <a:lnTo>
                      <a:pt x="1815" y="291"/>
                    </a:lnTo>
                    <a:lnTo>
                      <a:pt x="1818" y="285"/>
                    </a:lnTo>
                    <a:lnTo>
                      <a:pt x="1822" y="279"/>
                    </a:lnTo>
                    <a:lnTo>
                      <a:pt x="1826" y="274"/>
                    </a:lnTo>
                    <a:lnTo>
                      <a:pt x="1831" y="270"/>
                    </a:lnTo>
                    <a:lnTo>
                      <a:pt x="1838" y="266"/>
                    </a:lnTo>
                    <a:lnTo>
                      <a:pt x="1847" y="264"/>
                    </a:lnTo>
                    <a:lnTo>
                      <a:pt x="1856" y="262"/>
                    </a:lnTo>
                    <a:lnTo>
                      <a:pt x="1868" y="261"/>
                    </a:lnTo>
                    <a:lnTo>
                      <a:pt x="1894" y="262"/>
                    </a:lnTo>
                    <a:lnTo>
                      <a:pt x="1921" y="268"/>
                    </a:lnTo>
                    <a:lnTo>
                      <a:pt x="1977" y="279"/>
                    </a:lnTo>
                    <a:lnTo>
                      <a:pt x="2019" y="290"/>
                    </a:lnTo>
                    <a:lnTo>
                      <a:pt x="2034" y="294"/>
                    </a:lnTo>
                    <a:lnTo>
                      <a:pt x="2048" y="300"/>
                    </a:lnTo>
                    <a:lnTo>
                      <a:pt x="2061" y="307"/>
                    </a:lnTo>
                    <a:lnTo>
                      <a:pt x="2074" y="314"/>
                    </a:lnTo>
                    <a:lnTo>
                      <a:pt x="2097" y="330"/>
                    </a:lnTo>
                    <a:lnTo>
                      <a:pt x="2119" y="340"/>
                    </a:lnTo>
                    <a:lnTo>
                      <a:pt x="2129" y="343"/>
                    </a:lnTo>
                    <a:lnTo>
                      <a:pt x="2138" y="343"/>
                    </a:lnTo>
                    <a:lnTo>
                      <a:pt x="2144" y="342"/>
                    </a:lnTo>
                    <a:lnTo>
                      <a:pt x="2148" y="339"/>
                    </a:lnTo>
                    <a:lnTo>
                      <a:pt x="2153" y="336"/>
                    </a:lnTo>
                    <a:lnTo>
                      <a:pt x="2157" y="332"/>
                    </a:lnTo>
                    <a:lnTo>
                      <a:pt x="2160" y="327"/>
                    </a:lnTo>
                    <a:lnTo>
                      <a:pt x="2164" y="321"/>
                    </a:lnTo>
                    <a:lnTo>
                      <a:pt x="2168" y="314"/>
                    </a:lnTo>
                    <a:lnTo>
                      <a:pt x="2172" y="305"/>
                    </a:lnTo>
                    <a:lnTo>
                      <a:pt x="2180" y="285"/>
                    </a:lnTo>
                    <a:lnTo>
                      <a:pt x="2186" y="257"/>
                    </a:lnTo>
                    <a:lnTo>
                      <a:pt x="2216" y="126"/>
                    </a:lnTo>
                    <a:lnTo>
                      <a:pt x="2217" y="119"/>
                    </a:lnTo>
                    <a:lnTo>
                      <a:pt x="2217" y="111"/>
                    </a:lnTo>
                    <a:lnTo>
                      <a:pt x="2217" y="104"/>
                    </a:lnTo>
                    <a:lnTo>
                      <a:pt x="2216" y="98"/>
                    </a:lnTo>
                    <a:lnTo>
                      <a:pt x="2211" y="85"/>
                    </a:lnTo>
                    <a:lnTo>
                      <a:pt x="2206" y="73"/>
                    </a:lnTo>
                    <a:lnTo>
                      <a:pt x="2199" y="60"/>
                    </a:lnTo>
                    <a:lnTo>
                      <a:pt x="2193" y="49"/>
                    </a:lnTo>
                    <a:lnTo>
                      <a:pt x="2192" y="41"/>
                    </a:lnTo>
                    <a:lnTo>
                      <a:pt x="2189" y="35"/>
                    </a:lnTo>
                    <a:lnTo>
                      <a:pt x="2188" y="28"/>
                    </a:lnTo>
                    <a:lnTo>
                      <a:pt x="2188" y="20"/>
                    </a:lnTo>
                    <a:lnTo>
                      <a:pt x="2214" y="0"/>
                    </a:lnTo>
                    <a:lnTo>
                      <a:pt x="2214" y="0"/>
                    </a:lnTo>
                    <a:lnTo>
                      <a:pt x="2239" y="32"/>
                    </a:lnTo>
                    <a:lnTo>
                      <a:pt x="2264" y="68"/>
                    </a:lnTo>
                    <a:lnTo>
                      <a:pt x="2287" y="104"/>
                    </a:lnTo>
                    <a:lnTo>
                      <a:pt x="2311" y="139"/>
                    </a:lnTo>
                    <a:lnTo>
                      <a:pt x="2319" y="151"/>
                    </a:lnTo>
                    <a:lnTo>
                      <a:pt x="2328" y="161"/>
                    </a:lnTo>
                    <a:lnTo>
                      <a:pt x="2337" y="171"/>
                    </a:lnTo>
                    <a:lnTo>
                      <a:pt x="2346" y="180"/>
                    </a:lnTo>
                    <a:lnTo>
                      <a:pt x="2366" y="194"/>
                    </a:lnTo>
                    <a:lnTo>
                      <a:pt x="2387" y="207"/>
                    </a:lnTo>
                    <a:lnTo>
                      <a:pt x="2434" y="231"/>
                    </a:lnTo>
                    <a:lnTo>
                      <a:pt x="2479" y="257"/>
                    </a:lnTo>
                    <a:lnTo>
                      <a:pt x="2487" y="274"/>
                    </a:lnTo>
                    <a:lnTo>
                      <a:pt x="2496" y="291"/>
                    </a:lnTo>
                    <a:lnTo>
                      <a:pt x="2506" y="308"/>
                    </a:lnTo>
                    <a:lnTo>
                      <a:pt x="2518" y="325"/>
                    </a:lnTo>
                    <a:lnTo>
                      <a:pt x="2540" y="358"/>
                    </a:lnTo>
                    <a:lnTo>
                      <a:pt x="2562" y="388"/>
                    </a:lnTo>
                    <a:lnTo>
                      <a:pt x="2574" y="402"/>
                    </a:lnTo>
                    <a:lnTo>
                      <a:pt x="2585" y="415"/>
                    </a:lnTo>
                    <a:lnTo>
                      <a:pt x="2593" y="421"/>
                    </a:lnTo>
                    <a:lnTo>
                      <a:pt x="2601" y="426"/>
                    </a:lnTo>
                    <a:lnTo>
                      <a:pt x="2609" y="428"/>
                    </a:lnTo>
                    <a:lnTo>
                      <a:pt x="2618" y="430"/>
                    </a:lnTo>
                    <a:lnTo>
                      <a:pt x="2633" y="427"/>
                    </a:lnTo>
                    <a:lnTo>
                      <a:pt x="2653" y="423"/>
                    </a:lnTo>
                    <a:lnTo>
                      <a:pt x="2663" y="422"/>
                    </a:lnTo>
                    <a:lnTo>
                      <a:pt x="2672" y="421"/>
                    </a:lnTo>
                    <a:lnTo>
                      <a:pt x="2680" y="421"/>
                    </a:lnTo>
                    <a:lnTo>
                      <a:pt x="2686" y="422"/>
                    </a:lnTo>
                    <a:lnTo>
                      <a:pt x="2692" y="440"/>
                    </a:lnTo>
                    <a:lnTo>
                      <a:pt x="2697" y="459"/>
                    </a:lnTo>
                    <a:lnTo>
                      <a:pt x="2703" y="478"/>
                    </a:lnTo>
                    <a:lnTo>
                      <a:pt x="2710" y="497"/>
                    </a:lnTo>
                    <a:lnTo>
                      <a:pt x="2716" y="516"/>
                    </a:lnTo>
                    <a:lnTo>
                      <a:pt x="2721" y="535"/>
                    </a:lnTo>
                    <a:lnTo>
                      <a:pt x="2725" y="554"/>
                    </a:lnTo>
                    <a:lnTo>
                      <a:pt x="2728" y="573"/>
                    </a:lnTo>
                    <a:lnTo>
                      <a:pt x="2723" y="610"/>
                    </a:lnTo>
                    <a:lnTo>
                      <a:pt x="2718" y="649"/>
                    </a:lnTo>
                    <a:lnTo>
                      <a:pt x="2718" y="656"/>
                    </a:lnTo>
                    <a:lnTo>
                      <a:pt x="2718" y="665"/>
                    </a:lnTo>
                    <a:lnTo>
                      <a:pt x="2720" y="672"/>
                    </a:lnTo>
                    <a:lnTo>
                      <a:pt x="2723" y="680"/>
                    </a:lnTo>
                    <a:lnTo>
                      <a:pt x="2728" y="685"/>
                    </a:lnTo>
                    <a:lnTo>
                      <a:pt x="2734" y="690"/>
                    </a:lnTo>
                    <a:lnTo>
                      <a:pt x="2742" y="694"/>
                    </a:lnTo>
                    <a:lnTo>
                      <a:pt x="2753" y="696"/>
                    </a:lnTo>
                    <a:lnTo>
                      <a:pt x="2758" y="706"/>
                    </a:lnTo>
                    <a:lnTo>
                      <a:pt x="2760" y="715"/>
                    </a:lnTo>
                    <a:lnTo>
                      <a:pt x="2760" y="724"/>
                    </a:lnTo>
                    <a:lnTo>
                      <a:pt x="2759" y="734"/>
                    </a:lnTo>
                    <a:lnTo>
                      <a:pt x="2754" y="753"/>
                    </a:lnTo>
                    <a:lnTo>
                      <a:pt x="2746" y="773"/>
                    </a:lnTo>
                    <a:lnTo>
                      <a:pt x="2737" y="800"/>
                    </a:lnTo>
                    <a:lnTo>
                      <a:pt x="2732" y="817"/>
                    </a:lnTo>
                    <a:lnTo>
                      <a:pt x="2732" y="825"/>
                    </a:lnTo>
                    <a:lnTo>
                      <a:pt x="2732" y="835"/>
                    </a:lnTo>
                    <a:lnTo>
                      <a:pt x="2732" y="847"/>
                    </a:lnTo>
                    <a:lnTo>
                      <a:pt x="2733" y="862"/>
                    </a:lnTo>
                    <a:lnTo>
                      <a:pt x="2742" y="877"/>
                    </a:lnTo>
                    <a:lnTo>
                      <a:pt x="2753" y="888"/>
                    </a:lnTo>
                    <a:lnTo>
                      <a:pt x="2764" y="899"/>
                    </a:lnTo>
                    <a:lnTo>
                      <a:pt x="2775" y="909"/>
                    </a:lnTo>
                    <a:lnTo>
                      <a:pt x="2785" y="918"/>
                    </a:lnTo>
                    <a:lnTo>
                      <a:pt x="2795" y="928"/>
                    </a:lnTo>
                    <a:lnTo>
                      <a:pt x="2800" y="935"/>
                    </a:lnTo>
                    <a:lnTo>
                      <a:pt x="2804" y="941"/>
                    </a:lnTo>
                    <a:lnTo>
                      <a:pt x="2808" y="949"/>
                    </a:lnTo>
                    <a:lnTo>
                      <a:pt x="2812" y="957"/>
                    </a:lnTo>
                    <a:lnTo>
                      <a:pt x="2816" y="968"/>
                    </a:lnTo>
                    <a:lnTo>
                      <a:pt x="2817" y="981"/>
                    </a:lnTo>
                    <a:lnTo>
                      <a:pt x="2819" y="993"/>
                    </a:lnTo>
                    <a:lnTo>
                      <a:pt x="2819" y="1005"/>
                    </a:lnTo>
                    <a:lnTo>
                      <a:pt x="2815" y="1029"/>
                    </a:lnTo>
                    <a:lnTo>
                      <a:pt x="2810" y="1054"/>
                    </a:lnTo>
                    <a:lnTo>
                      <a:pt x="2803" y="1079"/>
                    </a:lnTo>
                    <a:lnTo>
                      <a:pt x="2797" y="1103"/>
                    </a:lnTo>
                    <a:lnTo>
                      <a:pt x="2794" y="1116"/>
                    </a:lnTo>
                    <a:lnTo>
                      <a:pt x="2791" y="1128"/>
                    </a:lnTo>
                    <a:lnTo>
                      <a:pt x="2790" y="1139"/>
                    </a:lnTo>
                    <a:lnTo>
                      <a:pt x="2789" y="1152"/>
                    </a:lnTo>
                    <a:lnTo>
                      <a:pt x="2790" y="1168"/>
                    </a:lnTo>
                    <a:lnTo>
                      <a:pt x="2793" y="1185"/>
                    </a:lnTo>
                    <a:lnTo>
                      <a:pt x="2797" y="1200"/>
                    </a:lnTo>
                    <a:lnTo>
                      <a:pt x="2800" y="1215"/>
                    </a:lnTo>
                    <a:lnTo>
                      <a:pt x="2812" y="1244"/>
                    </a:lnTo>
                    <a:lnTo>
                      <a:pt x="2825" y="1273"/>
                    </a:lnTo>
                    <a:lnTo>
                      <a:pt x="2839" y="1301"/>
                    </a:lnTo>
                    <a:lnTo>
                      <a:pt x="2851" y="1330"/>
                    </a:lnTo>
                    <a:lnTo>
                      <a:pt x="2856" y="1344"/>
                    </a:lnTo>
                    <a:lnTo>
                      <a:pt x="2860" y="1358"/>
                    </a:lnTo>
                    <a:lnTo>
                      <a:pt x="2863" y="1373"/>
                    </a:lnTo>
                    <a:lnTo>
                      <a:pt x="2865" y="1387"/>
                    </a:lnTo>
                    <a:lnTo>
                      <a:pt x="2863" y="1432"/>
                    </a:lnTo>
                    <a:lnTo>
                      <a:pt x="2863" y="1432"/>
                    </a:lnTo>
                    <a:lnTo>
                      <a:pt x="2856" y="1432"/>
                    </a:lnTo>
                    <a:lnTo>
                      <a:pt x="2846" y="1435"/>
                    </a:lnTo>
                    <a:lnTo>
                      <a:pt x="2835" y="1437"/>
                    </a:lnTo>
                    <a:lnTo>
                      <a:pt x="2822" y="1443"/>
                    </a:lnTo>
                    <a:lnTo>
                      <a:pt x="2800" y="1450"/>
                    </a:lnTo>
                    <a:lnTo>
                      <a:pt x="2784" y="1456"/>
                    </a:lnTo>
                    <a:lnTo>
                      <a:pt x="2755" y="1454"/>
                    </a:lnTo>
                    <a:lnTo>
                      <a:pt x="2728" y="1450"/>
                    </a:lnTo>
                    <a:lnTo>
                      <a:pt x="2714" y="1449"/>
                    </a:lnTo>
                    <a:lnTo>
                      <a:pt x="2699" y="1450"/>
                    </a:lnTo>
                    <a:lnTo>
                      <a:pt x="2693" y="1452"/>
                    </a:lnTo>
                    <a:lnTo>
                      <a:pt x="2686" y="1454"/>
                    </a:lnTo>
                    <a:lnTo>
                      <a:pt x="2679" y="1457"/>
                    </a:lnTo>
                    <a:lnTo>
                      <a:pt x="2672" y="1461"/>
                    </a:lnTo>
                    <a:lnTo>
                      <a:pt x="2662" y="1465"/>
                    </a:lnTo>
                    <a:lnTo>
                      <a:pt x="2654" y="1467"/>
                    </a:lnTo>
                    <a:lnTo>
                      <a:pt x="2646" y="1467"/>
                    </a:lnTo>
                    <a:lnTo>
                      <a:pt x="2641" y="1466"/>
                    </a:lnTo>
                    <a:lnTo>
                      <a:pt x="2636" y="1463"/>
                    </a:lnTo>
                    <a:lnTo>
                      <a:pt x="2631" y="1459"/>
                    </a:lnTo>
                    <a:lnTo>
                      <a:pt x="2627" y="1454"/>
                    </a:lnTo>
                    <a:lnTo>
                      <a:pt x="2623" y="1449"/>
                    </a:lnTo>
                    <a:lnTo>
                      <a:pt x="2616" y="1437"/>
                    </a:lnTo>
                    <a:lnTo>
                      <a:pt x="2610" y="1428"/>
                    </a:lnTo>
                    <a:lnTo>
                      <a:pt x="2606" y="1424"/>
                    </a:lnTo>
                    <a:lnTo>
                      <a:pt x="2602" y="1423"/>
                    </a:lnTo>
                    <a:lnTo>
                      <a:pt x="2597" y="1422"/>
                    </a:lnTo>
                    <a:lnTo>
                      <a:pt x="2592" y="1423"/>
                    </a:lnTo>
                    <a:lnTo>
                      <a:pt x="2589" y="1424"/>
                    </a:lnTo>
                    <a:lnTo>
                      <a:pt x="2587" y="1427"/>
                    </a:lnTo>
                    <a:lnTo>
                      <a:pt x="2585" y="1430"/>
                    </a:lnTo>
                    <a:lnTo>
                      <a:pt x="2584" y="1432"/>
                    </a:lnTo>
                    <a:lnTo>
                      <a:pt x="2582" y="1440"/>
                    </a:lnTo>
                    <a:lnTo>
                      <a:pt x="2580" y="1448"/>
                    </a:lnTo>
                    <a:lnTo>
                      <a:pt x="2580" y="1456"/>
                    </a:lnTo>
                    <a:lnTo>
                      <a:pt x="2578" y="1462"/>
                    </a:lnTo>
                    <a:lnTo>
                      <a:pt x="2576" y="1465"/>
                    </a:lnTo>
                    <a:lnTo>
                      <a:pt x="2574" y="1467"/>
                    </a:lnTo>
                    <a:lnTo>
                      <a:pt x="2571" y="1469"/>
                    </a:lnTo>
                    <a:lnTo>
                      <a:pt x="2569" y="1469"/>
                    </a:lnTo>
                    <a:lnTo>
                      <a:pt x="2562" y="1467"/>
                    </a:lnTo>
                    <a:lnTo>
                      <a:pt x="2556" y="1463"/>
                    </a:lnTo>
                    <a:lnTo>
                      <a:pt x="2548" y="1457"/>
                    </a:lnTo>
                    <a:lnTo>
                      <a:pt x="2541" y="1450"/>
                    </a:lnTo>
                    <a:lnTo>
                      <a:pt x="2528" y="1434"/>
                    </a:lnTo>
                    <a:lnTo>
                      <a:pt x="2521" y="1421"/>
                    </a:lnTo>
                    <a:lnTo>
                      <a:pt x="2519" y="1423"/>
                    </a:lnTo>
                    <a:lnTo>
                      <a:pt x="2515" y="1430"/>
                    </a:lnTo>
                    <a:lnTo>
                      <a:pt x="2512" y="1439"/>
                    </a:lnTo>
                    <a:lnTo>
                      <a:pt x="2506" y="1449"/>
                    </a:lnTo>
                    <a:lnTo>
                      <a:pt x="2500" y="1469"/>
                    </a:lnTo>
                    <a:lnTo>
                      <a:pt x="2496" y="1476"/>
                    </a:lnTo>
                    <a:lnTo>
                      <a:pt x="2513" y="1488"/>
                    </a:lnTo>
                    <a:lnTo>
                      <a:pt x="2539" y="1502"/>
                    </a:lnTo>
                    <a:lnTo>
                      <a:pt x="2544" y="1506"/>
                    </a:lnTo>
                    <a:lnTo>
                      <a:pt x="2549" y="1510"/>
                    </a:lnTo>
                    <a:lnTo>
                      <a:pt x="2552" y="1513"/>
                    </a:lnTo>
                    <a:lnTo>
                      <a:pt x="2554" y="1516"/>
                    </a:lnTo>
                    <a:lnTo>
                      <a:pt x="2553" y="1520"/>
                    </a:lnTo>
                    <a:lnTo>
                      <a:pt x="2550" y="1524"/>
                    </a:lnTo>
                    <a:lnTo>
                      <a:pt x="2545" y="1528"/>
                    </a:lnTo>
                    <a:lnTo>
                      <a:pt x="2536" y="1531"/>
                    </a:lnTo>
                    <a:lnTo>
                      <a:pt x="2525" y="1533"/>
                    </a:lnTo>
                    <a:lnTo>
                      <a:pt x="2514" y="1533"/>
                    </a:lnTo>
                    <a:lnTo>
                      <a:pt x="2504" y="1531"/>
                    </a:lnTo>
                    <a:lnTo>
                      <a:pt x="2492" y="1527"/>
                    </a:lnTo>
                    <a:lnTo>
                      <a:pt x="2482" y="1522"/>
                    </a:lnTo>
                    <a:lnTo>
                      <a:pt x="2471" y="1515"/>
                    </a:lnTo>
                    <a:lnTo>
                      <a:pt x="2461" y="1509"/>
                    </a:lnTo>
                    <a:lnTo>
                      <a:pt x="2451" y="1501"/>
                    </a:lnTo>
                    <a:lnTo>
                      <a:pt x="2431" y="1485"/>
                    </a:lnTo>
                    <a:lnTo>
                      <a:pt x="2412" y="1471"/>
                    </a:lnTo>
                    <a:lnTo>
                      <a:pt x="2403" y="1466"/>
                    </a:lnTo>
                    <a:lnTo>
                      <a:pt x="2392" y="1462"/>
                    </a:lnTo>
                    <a:lnTo>
                      <a:pt x="2383" y="1459"/>
                    </a:lnTo>
                    <a:lnTo>
                      <a:pt x="2374" y="1458"/>
                    </a:lnTo>
                    <a:lnTo>
                      <a:pt x="2376" y="1467"/>
                    </a:lnTo>
                    <a:lnTo>
                      <a:pt x="2379" y="1476"/>
                    </a:lnTo>
                    <a:lnTo>
                      <a:pt x="2385" y="1484"/>
                    </a:lnTo>
                    <a:lnTo>
                      <a:pt x="2391" y="1491"/>
                    </a:lnTo>
                    <a:lnTo>
                      <a:pt x="2408" y="1502"/>
                    </a:lnTo>
                    <a:lnTo>
                      <a:pt x="2427" y="1514"/>
                    </a:lnTo>
                    <a:lnTo>
                      <a:pt x="2436" y="1519"/>
                    </a:lnTo>
                    <a:lnTo>
                      <a:pt x="2445" y="1526"/>
                    </a:lnTo>
                    <a:lnTo>
                      <a:pt x="2455" y="1532"/>
                    </a:lnTo>
                    <a:lnTo>
                      <a:pt x="2461" y="1540"/>
                    </a:lnTo>
                    <a:lnTo>
                      <a:pt x="2466" y="1548"/>
                    </a:lnTo>
                    <a:lnTo>
                      <a:pt x="2470" y="1557"/>
                    </a:lnTo>
                    <a:lnTo>
                      <a:pt x="2473" y="1568"/>
                    </a:lnTo>
                    <a:lnTo>
                      <a:pt x="2471" y="1580"/>
                    </a:lnTo>
                    <a:lnTo>
                      <a:pt x="2469" y="1585"/>
                    </a:lnTo>
                    <a:lnTo>
                      <a:pt x="2469" y="1590"/>
                    </a:lnTo>
                    <a:lnTo>
                      <a:pt x="2469" y="1595"/>
                    </a:lnTo>
                    <a:lnTo>
                      <a:pt x="2469" y="1599"/>
                    </a:lnTo>
                    <a:lnTo>
                      <a:pt x="2473" y="1610"/>
                    </a:lnTo>
                    <a:lnTo>
                      <a:pt x="2477" y="1619"/>
                    </a:lnTo>
                    <a:lnTo>
                      <a:pt x="2480" y="1627"/>
                    </a:lnTo>
                    <a:lnTo>
                      <a:pt x="2482" y="1636"/>
                    </a:lnTo>
                    <a:lnTo>
                      <a:pt x="2480" y="1640"/>
                    </a:lnTo>
                    <a:lnTo>
                      <a:pt x="2479" y="1643"/>
                    </a:lnTo>
                    <a:lnTo>
                      <a:pt x="2477" y="1646"/>
                    </a:lnTo>
                    <a:lnTo>
                      <a:pt x="2471" y="1650"/>
                    </a:lnTo>
                    <a:lnTo>
                      <a:pt x="2462" y="1655"/>
                    </a:lnTo>
                    <a:lnTo>
                      <a:pt x="2452" y="1659"/>
                    </a:lnTo>
                    <a:lnTo>
                      <a:pt x="2440" y="1663"/>
                    </a:lnTo>
                    <a:lnTo>
                      <a:pt x="2429" y="1665"/>
                    </a:lnTo>
                    <a:lnTo>
                      <a:pt x="2404" y="1672"/>
                    </a:lnTo>
                    <a:lnTo>
                      <a:pt x="2382" y="1678"/>
                    </a:lnTo>
                    <a:lnTo>
                      <a:pt x="2370" y="1684"/>
                    </a:lnTo>
                    <a:lnTo>
                      <a:pt x="2364" y="1689"/>
                    </a:lnTo>
                    <a:lnTo>
                      <a:pt x="2361" y="1693"/>
                    </a:lnTo>
                    <a:lnTo>
                      <a:pt x="2359" y="1695"/>
                    </a:lnTo>
                    <a:lnTo>
                      <a:pt x="2359" y="1699"/>
                    </a:lnTo>
                    <a:lnTo>
                      <a:pt x="2359" y="1703"/>
                    </a:lnTo>
                    <a:lnTo>
                      <a:pt x="2360" y="1709"/>
                    </a:lnTo>
                    <a:lnTo>
                      <a:pt x="2364" y="1717"/>
                    </a:lnTo>
                    <a:lnTo>
                      <a:pt x="2369" y="1725"/>
                    </a:lnTo>
                    <a:lnTo>
                      <a:pt x="2376" y="1734"/>
                    </a:lnTo>
                    <a:lnTo>
                      <a:pt x="2390" y="1751"/>
                    </a:lnTo>
                    <a:lnTo>
                      <a:pt x="2403" y="1769"/>
                    </a:lnTo>
                    <a:lnTo>
                      <a:pt x="2408" y="1778"/>
                    </a:lnTo>
                    <a:lnTo>
                      <a:pt x="2411" y="1786"/>
                    </a:lnTo>
                    <a:lnTo>
                      <a:pt x="2412" y="1790"/>
                    </a:lnTo>
                    <a:lnTo>
                      <a:pt x="2412" y="1795"/>
                    </a:lnTo>
                    <a:lnTo>
                      <a:pt x="2412" y="1799"/>
                    </a:lnTo>
                    <a:lnTo>
                      <a:pt x="2411" y="1803"/>
                    </a:lnTo>
                    <a:lnTo>
                      <a:pt x="2404" y="1814"/>
                    </a:lnTo>
                    <a:lnTo>
                      <a:pt x="2398" y="1826"/>
                    </a:lnTo>
                    <a:lnTo>
                      <a:pt x="2388" y="1838"/>
                    </a:lnTo>
                    <a:lnTo>
                      <a:pt x="2378" y="1848"/>
                    </a:lnTo>
                    <a:lnTo>
                      <a:pt x="2368" y="1860"/>
                    </a:lnTo>
                    <a:lnTo>
                      <a:pt x="2357" y="1871"/>
                    </a:lnTo>
                    <a:lnTo>
                      <a:pt x="2348" y="1883"/>
                    </a:lnTo>
                    <a:lnTo>
                      <a:pt x="2341" y="1895"/>
                    </a:lnTo>
                    <a:lnTo>
                      <a:pt x="2333" y="1909"/>
                    </a:lnTo>
                    <a:lnTo>
                      <a:pt x="2328" y="1921"/>
                    </a:lnTo>
                    <a:lnTo>
                      <a:pt x="2325" y="1930"/>
                    </a:lnTo>
                    <a:lnTo>
                      <a:pt x="2322" y="1937"/>
                    </a:lnTo>
                    <a:lnTo>
                      <a:pt x="2322" y="1944"/>
                    </a:lnTo>
                    <a:lnTo>
                      <a:pt x="2324" y="1949"/>
                    </a:lnTo>
                    <a:lnTo>
                      <a:pt x="2326" y="1953"/>
                    </a:lnTo>
                    <a:lnTo>
                      <a:pt x="2329" y="1956"/>
                    </a:lnTo>
                    <a:lnTo>
                      <a:pt x="2337" y="1962"/>
                    </a:lnTo>
                    <a:lnTo>
                      <a:pt x="2346" y="1970"/>
                    </a:lnTo>
                    <a:lnTo>
                      <a:pt x="2350" y="1975"/>
                    </a:lnTo>
                    <a:lnTo>
                      <a:pt x="2354" y="1982"/>
                    </a:lnTo>
                    <a:lnTo>
                      <a:pt x="2357" y="1989"/>
                    </a:lnTo>
                    <a:lnTo>
                      <a:pt x="2360" y="2000"/>
                    </a:lnTo>
                    <a:lnTo>
                      <a:pt x="2361" y="2007"/>
                    </a:lnTo>
                    <a:lnTo>
                      <a:pt x="2360" y="2013"/>
                    </a:lnTo>
                    <a:lnTo>
                      <a:pt x="2359" y="2016"/>
                    </a:lnTo>
                    <a:lnTo>
                      <a:pt x="2355" y="2020"/>
                    </a:lnTo>
                    <a:lnTo>
                      <a:pt x="2351" y="2022"/>
                    </a:lnTo>
                    <a:lnTo>
                      <a:pt x="2346" y="2023"/>
                    </a:lnTo>
                    <a:lnTo>
                      <a:pt x="2341" y="2023"/>
                    </a:lnTo>
                    <a:lnTo>
                      <a:pt x="2335" y="2023"/>
                    </a:lnTo>
                    <a:lnTo>
                      <a:pt x="2309" y="2019"/>
                    </a:lnTo>
                    <a:lnTo>
                      <a:pt x="2290" y="2018"/>
                    </a:lnTo>
                    <a:lnTo>
                      <a:pt x="2290" y="2020"/>
                    </a:lnTo>
                    <a:lnTo>
                      <a:pt x="2295" y="2023"/>
                    </a:lnTo>
                    <a:lnTo>
                      <a:pt x="2304" y="2028"/>
                    </a:lnTo>
                    <a:lnTo>
                      <a:pt x="2315" y="2037"/>
                    </a:lnTo>
                    <a:lnTo>
                      <a:pt x="2325" y="2046"/>
                    </a:lnTo>
                    <a:lnTo>
                      <a:pt x="2347" y="2066"/>
                    </a:lnTo>
                    <a:lnTo>
                      <a:pt x="2361" y="2079"/>
                    </a:lnTo>
                    <a:lnTo>
                      <a:pt x="2385" y="2099"/>
                    </a:lnTo>
                    <a:lnTo>
                      <a:pt x="2407" y="2123"/>
                    </a:lnTo>
                    <a:lnTo>
                      <a:pt x="2412" y="2129"/>
                    </a:lnTo>
                    <a:lnTo>
                      <a:pt x="2416" y="2136"/>
                    </a:lnTo>
                    <a:lnTo>
                      <a:pt x="2418" y="2142"/>
                    </a:lnTo>
                    <a:lnTo>
                      <a:pt x="2420" y="2149"/>
                    </a:lnTo>
                    <a:lnTo>
                      <a:pt x="2420" y="2155"/>
                    </a:lnTo>
                    <a:lnTo>
                      <a:pt x="2420" y="2163"/>
                    </a:lnTo>
                    <a:lnTo>
                      <a:pt x="2417" y="2169"/>
                    </a:lnTo>
                    <a:lnTo>
                      <a:pt x="2413" y="2176"/>
                    </a:lnTo>
                    <a:lnTo>
                      <a:pt x="2399" y="2195"/>
                    </a:lnTo>
                    <a:lnTo>
                      <a:pt x="2382" y="2212"/>
                    </a:lnTo>
                    <a:lnTo>
                      <a:pt x="2364" y="2230"/>
                    </a:lnTo>
                    <a:lnTo>
                      <a:pt x="2346" y="2247"/>
                    </a:lnTo>
                    <a:lnTo>
                      <a:pt x="2329" y="2264"/>
                    </a:lnTo>
                    <a:lnTo>
                      <a:pt x="2313" y="2281"/>
                    </a:lnTo>
                    <a:lnTo>
                      <a:pt x="2307" y="2290"/>
                    </a:lnTo>
                    <a:lnTo>
                      <a:pt x="2300" y="2299"/>
                    </a:lnTo>
                    <a:lnTo>
                      <a:pt x="2297" y="2308"/>
                    </a:lnTo>
                    <a:lnTo>
                      <a:pt x="2293" y="2318"/>
                    </a:lnTo>
                    <a:lnTo>
                      <a:pt x="2286" y="2353"/>
                    </a:lnTo>
                    <a:lnTo>
                      <a:pt x="2280" y="2393"/>
                    </a:lnTo>
                    <a:lnTo>
                      <a:pt x="2278" y="2404"/>
                    </a:lnTo>
                    <a:lnTo>
                      <a:pt x="2274" y="2413"/>
                    </a:lnTo>
                    <a:lnTo>
                      <a:pt x="2272" y="2422"/>
                    </a:lnTo>
                    <a:lnTo>
                      <a:pt x="2267" y="2430"/>
                    </a:lnTo>
                    <a:lnTo>
                      <a:pt x="2262" y="2437"/>
                    </a:lnTo>
                    <a:lnTo>
                      <a:pt x="2256" y="2445"/>
                    </a:lnTo>
                    <a:lnTo>
                      <a:pt x="2249" y="2450"/>
                    </a:lnTo>
                    <a:lnTo>
                      <a:pt x="2239" y="2456"/>
                    </a:lnTo>
                    <a:lnTo>
                      <a:pt x="2233" y="2458"/>
                    </a:lnTo>
                    <a:lnTo>
                      <a:pt x="2228" y="2460"/>
                    </a:lnTo>
                    <a:lnTo>
                      <a:pt x="2224" y="2460"/>
                    </a:lnTo>
                    <a:lnTo>
                      <a:pt x="2219" y="2458"/>
                    </a:lnTo>
                    <a:lnTo>
                      <a:pt x="2212" y="2456"/>
                    </a:lnTo>
                    <a:lnTo>
                      <a:pt x="2206" y="2452"/>
                    </a:lnTo>
                    <a:lnTo>
                      <a:pt x="2203" y="2452"/>
                    </a:lnTo>
                    <a:lnTo>
                      <a:pt x="2201" y="2450"/>
                    </a:lnTo>
                    <a:lnTo>
                      <a:pt x="2197" y="2452"/>
                    </a:lnTo>
                    <a:lnTo>
                      <a:pt x="2194" y="2454"/>
                    </a:lnTo>
                    <a:lnTo>
                      <a:pt x="2190" y="2457"/>
                    </a:lnTo>
                    <a:lnTo>
                      <a:pt x="2185" y="2462"/>
                    </a:lnTo>
                    <a:lnTo>
                      <a:pt x="2181" y="2470"/>
                    </a:lnTo>
                    <a:lnTo>
                      <a:pt x="2175" y="2480"/>
                    </a:lnTo>
                    <a:lnTo>
                      <a:pt x="2164" y="2498"/>
                    </a:lnTo>
                    <a:lnTo>
                      <a:pt x="2154" y="2513"/>
                    </a:lnTo>
                    <a:lnTo>
                      <a:pt x="2145" y="2523"/>
                    </a:lnTo>
                    <a:lnTo>
                      <a:pt x="2135" y="2532"/>
                    </a:lnTo>
                    <a:lnTo>
                      <a:pt x="2113" y="2545"/>
                    </a:lnTo>
                    <a:lnTo>
                      <a:pt x="2080" y="2564"/>
                    </a:lnTo>
                    <a:lnTo>
                      <a:pt x="2072" y="2571"/>
                    </a:lnTo>
                    <a:lnTo>
                      <a:pt x="2067" y="2577"/>
                    </a:lnTo>
                    <a:lnTo>
                      <a:pt x="2062" y="2584"/>
                    </a:lnTo>
                    <a:lnTo>
                      <a:pt x="2059" y="2592"/>
                    </a:lnTo>
                    <a:lnTo>
                      <a:pt x="2057" y="2599"/>
                    </a:lnTo>
                    <a:lnTo>
                      <a:pt x="2053" y="2606"/>
                    </a:lnTo>
                    <a:lnTo>
                      <a:pt x="2049" y="2612"/>
                    </a:lnTo>
                    <a:lnTo>
                      <a:pt x="2043" y="2619"/>
                    </a:lnTo>
                    <a:lnTo>
                      <a:pt x="2036" y="2623"/>
                    </a:lnTo>
                    <a:lnTo>
                      <a:pt x="2031" y="2624"/>
                    </a:lnTo>
                    <a:lnTo>
                      <a:pt x="2026" y="2624"/>
                    </a:lnTo>
                    <a:lnTo>
                      <a:pt x="2021" y="2623"/>
                    </a:lnTo>
                    <a:lnTo>
                      <a:pt x="2017" y="2620"/>
                    </a:lnTo>
                    <a:lnTo>
                      <a:pt x="2013" y="2616"/>
                    </a:lnTo>
                    <a:lnTo>
                      <a:pt x="2009" y="2611"/>
                    </a:lnTo>
                    <a:lnTo>
                      <a:pt x="2005" y="2606"/>
                    </a:lnTo>
                    <a:lnTo>
                      <a:pt x="1999" y="2596"/>
                    </a:lnTo>
                    <a:lnTo>
                      <a:pt x="1992" y="2586"/>
                    </a:lnTo>
                    <a:lnTo>
                      <a:pt x="1989" y="2583"/>
                    </a:lnTo>
                    <a:lnTo>
                      <a:pt x="1986" y="2580"/>
                    </a:lnTo>
                    <a:lnTo>
                      <a:pt x="1983" y="2579"/>
                    </a:lnTo>
                    <a:lnTo>
                      <a:pt x="1979" y="2579"/>
                    </a:lnTo>
                    <a:lnTo>
                      <a:pt x="1975" y="2596"/>
                    </a:lnTo>
                    <a:lnTo>
                      <a:pt x="1970" y="2618"/>
                    </a:lnTo>
                    <a:lnTo>
                      <a:pt x="1962" y="2641"/>
                    </a:lnTo>
                    <a:lnTo>
                      <a:pt x="1954" y="2665"/>
                    </a:lnTo>
                    <a:lnTo>
                      <a:pt x="1951" y="2677"/>
                    </a:lnTo>
                    <a:lnTo>
                      <a:pt x="1945" y="2689"/>
                    </a:lnTo>
                    <a:lnTo>
                      <a:pt x="1939" y="2699"/>
                    </a:lnTo>
                    <a:lnTo>
                      <a:pt x="1932" y="2708"/>
                    </a:lnTo>
                    <a:lnTo>
                      <a:pt x="1926" y="2717"/>
                    </a:lnTo>
                    <a:lnTo>
                      <a:pt x="1920" y="2724"/>
                    </a:lnTo>
                    <a:lnTo>
                      <a:pt x="1912" y="2730"/>
                    </a:lnTo>
                    <a:lnTo>
                      <a:pt x="1903" y="2733"/>
                    </a:lnTo>
                    <a:lnTo>
                      <a:pt x="1890" y="2746"/>
                    </a:lnTo>
                    <a:lnTo>
                      <a:pt x="1874" y="2763"/>
                    </a:lnTo>
                    <a:lnTo>
                      <a:pt x="1866" y="2770"/>
                    </a:lnTo>
                    <a:lnTo>
                      <a:pt x="1859" y="2778"/>
                    </a:lnTo>
                    <a:lnTo>
                      <a:pt x="1852" y="2783"/>
                    </a:lnTo>
                    <a:lnTo>
                      <a:pt x="1846" y="2786"/>
                    </a:lnTo>
                    <a:lnTo>
                      <a:pt x="1838" y="2787"/>
                    </a:lnTo>
                    <a:lnTo>
                      <a:pt x="1830" y="2785"/>
                    </a:lnTo>
                    <a:lnTo>
                      <a:pt x="1822" y="2781"/>
                    </a:lnTo>
                    <a:lnTo>
                      <a:pt x="1813" y="2777"/>
                    </a:lnTo>
                    <a:lnTo>
                      <a:pt x="1806" y="2773"/>
                    </a:lnTo>
                    <a:lnTo>
                      <a:pt x="1799" y="2772"/>
                    </a:lnTo>
                    <a:lnTo>
                      <a:pt x="1796" y="2772"/>
                    </a:lnTo>
                    <a:lnTo>
                      <a:pt x="1793" y="2773"/>
                    </a:lnTo>
                    <a:lnTo>
                      <a:pt x="1791" y="2776"/>
                    </a:lnTo>
                    <a:lnTo>
                      <a:pt x="1789" y="2778"/>
                    </a:lnTo>
                    <a:lnTo>
                      <a:pt x="1785" y="2789"/>
                    </a:lnTo>
                    <a:lnTo>
                      <a:pt x="1782" y="2799"/>
                    </a:lnTo>
                    <a:lnTo>
                      <a:pt x="1782" y="2808"/>
                    </a:lnTo>
                    <a:lnTo>
                      <a:pt x="1783" y="2816"/>
                    </a:lnTo>
                    <a:lnTo>
                      <a:pt x="1790" y="2830"/>
                    </a:lnTo>
                    <a:lnTo>
                      <a:pt x="1796" y="2843"/>
                    </a:lnTo>
                    <a:lnTo>
                      <a:pt x="1800" y="2848"/>
                    </a:lnTo>
                    <a:lnTo>
                      <a:pt x="1803" y="2853"/>
                    </a:lnTo>
                    <a:lnTo>
                      <a:pt x="1804" y="2859"/>
                    </a:lnTo>
                    <a:lnTo>
                      <a:pt x="1804" y="2865"/>
                    </a:lnTo>
                    <a:lnTo>
                      <a:pt x="1803" y="2870"/>
                    </a:lnTo>
                    <a:lnTo>
                      <a:pt x="1799" y="2877"/>
                    </a:lnTo>
                    <a:lnTo>
                      <a:pt x="1793" y="2883"/>
                    </a:lnTo>
                    <a:lnTo>
                      <a:pt x="1783" y="2890"/>
                    </a:lnTo>
                    <a:lnTo>
                      <a:pt x="1773" y="2896"/>
                    </a:lnTo>
                    <a:lnTo>
                      <a:pt x="1764" y="2901"/>
                    </a:lnTo>
                    <a:lnTo>
                      <a:pt x="1756" y="2904"/>
                    </a:lnTo>
                    <a:lnTo>
                      <a:pt x="1750" y="2906"/>
                    </a:lnTo>
                    <a:lnTo>
                      <a:pt x="1745" y="2906"/>
                    </a:lnTo>
                    <a:lnTo>
                      <a:pt x="1741" y="2905"/>
                    </a:lnTo>
                    <a:lnTo>
                      <a:pt x="1737" y="2903"/>
                    </a:lnTo>
                    <a:lnTo>
                      <a:pt x="1734" y="2900"/>
                    </a:lnTo>
                    <a:lnTo>
                      <a:pt x="1728" y="2893"/>
                    </a:lnTo>
                    <a:lnTo>
                      <a:pt x="1721" y="2886"/>
                    </a:lnTo>
                    <a:lnTo>
                      <a:pt x="1716" y="2882"/>
                    </a:lnTo>
                    <a:lnTo>
                      <a:pt x="1711" y="2878"/>
                    </a:lnTo>
                    <a:lnTo>
                      <a:pt x="1706" y="2875"/>
                    </a:lnTo>
                    <a:lnTo>
                      <a:pt x="1698" y="2873"/>
                    </a:lnTo>
                    <a:lnTo>
                      <a:pt x="1680" y="2869"/>
                    </a:lnTo>
                    <a:lnTo>
                      <a:pt x="1668" y="2866"/>
                    </a:lnTo>
                    <a:lnTo>
                      <a:pt x="1659" y="2860"/>
                    </a:lnTo>
                    <a:lnTo>
                      <a:pt x="1645" y="2848"/>
                    </a:lnTo>
                    <a:lnTo>
                      <a:pt x="1637" y="2839"/>
                    </a:lnTo>
                    <a:lnTo>
                      <a:pt x="1627" y="2826"/>
                    </a:lnTo>
                    <a:lnTo>
                      <a:pt x="1623" y="2821"/>
                    </a:lnTo>
                    <a:lnTo>
                      <a:pt x="1618" y="2816"/>
                    </a:lnTo>
                    <a:lnTo>
                      <a:pt x="1612" y="2813"/>
                    </a:lnTo>
                    <a:lnTo>
                      <a:pt x="1607" y="2813"/>
                    </a:lnTo>
                    <a:lnTo>
                      <a:pt x="1605" y="2816"/>
                    </a:lnTo>
                    <a:lnTo>
                      <a:pt x="1602" y="2817"/>
                    </a:lnTo>
                    <a:lnTo>
                      <a:pt x="1601" y="2818"/>
                    </a:lnTo>
                    <a:lnTo>
                      <a:pt x="1600" y="2821"/>
                    </a:lnTo>
                    <a:lnTo>
                      <a:pt x="1600" y="2827"/>
                    </a:lnTo>
                    <a:lnTo>
                      <a:pt x="1601" y="2834"/>
                    </a:lnTo>
                    <a:lnTo>
                      <a:pt x="1607" y="2851"/>
                    </a:lnTo>
                    <a:lnTo>
                      <a:pt x="1618" y="2869"/>
                    </a:lnTo>
                    <a:lnTo>
                      <a:pt x="1631" y="2888"/>
                    </a:lnTo>
                    <a:lnTo>
                      <a:pt x="1642" y="2905"/>
                    </a:lnTo>
                    <a:lnTo>
                      <a:pt x="1651" y="2921"/>
                    </a:lnTo>
                    <a:lnTo>
                      <a:pt x="1655" y="2931"/>
                    </a:lnTo>
                    <a:lnTo>
                      <a:pt x="1655" y="2944"/>
                    </a:lnTo>
                    <a:lnTo>
                      <a:pt x="1653" y="2956"/>
                    </a:lnTo>
                    <a:lnTo>
                      <a:pt x="1649" y="2966"/>
                    </a:lnTo>
                    <a:lnTo>
                      <a:pt x="1645" y="2975"/>
                    </a:lnTo>
                    <a:lnTo>
                      <a:pt x="1641" y="2985"/>
                    </a:lnTo>
                    <a:lnTo>
                      <a:pt x="1637" y="2995"/>
                    </a:lnTo>
                    <a:lnTo>
                      <a:pt x="1635" y="3004"/>
                    </a:lnTo>
                    <a:lnTo>
                      <a:pt x="1635" y="3014"/>
                    </a:lnTo>
                    <a:lnTo>
                      <a:pt x="1637" y="3024"/>
                    </a:lnTo>
                    <a:lnTo>
                      <a:pt x="1641" y="3036"/>
                    </a:lnTo>
                    <a:lnTo>
                      <a:pt x="1642" y="3041"/>
                    </a:lnTo>
                    <a:lnTo>
                      <a:pt x="1644" y="3046"/>
                    </a:lnTo>
                    <a:lnTo>
                      <a:pt x="1644" y="3053"/>
                    </a:lnTo>
                    <a:lnTo>
                      <a:pt x="1641" y="3058"/>
                    </a:lnTo>
                    <a:lnTo>
                      <a:pt x="1633" y="3071"/>
                    </a:lnTo>
                    <a:lnTo>
                      <a:pt x="1625" y="3080"/>
                    </a:lnTo>
                    <a:lnTo>
                      <a:pt x="1619" y="3087"/>
                    </a:lnTo>
                    <a:lnTo>
                      <a:pt x="1614" y="3090"/>
                    </a:lnTo>
                    <a:lnTo>
                      <a:pt x="1607" y="3093"/>
                    </a:lnTo>
                    <a:lnTo>
                      <a:pt x="1602" y="3093"/>
                    </a:lnTo>
                    <a:lnTo>
                      <a:pt x="1597" y="3092"/>
                    </a:lnTo>
                    <a:lnTo>
                      <a:pt x="1592" y="3089"/>
                    </a:lnTo>
                    <a:lnTo>
                      <a:pt x="1572" y="3068"/>
                    </a:lnTo>
                    <a:lnTo>
                      <a:pt x="1552" y="3046"/>
                    </a:lnTo>
                    <a:lnTo>
                      <a:pt x="1544" y="3041"/>
                    </a:lnTo>
                    <a:lnTo>
                      <a:pt x="1537" y="3040"/>
                    </a:lnTo>
                    <a:lnTo>
                      <a:pt x="1532" y="3041"/>
                    </a:lnTo>
                    <a:lnTo>
                      <a:pt x="1527" y="3045"/>
                    </a:lnTo>
                    <a:lnTo>
                      <a:pt x="1523" y="3050"/>
                    </a:lnTo>
                    <a:lnTo>
                      <a:pt x="1520" y="3057"/>
                    </a:lnTo>
                    <a:lnTo>
                      <a:pt x="1518" y="3066"/>
                    </a:lnTo>
                    <a:lnTo>
                      <a:pt x="1515" y="3075"/>
                    </a:lnTo>
                    <a:lnTo>
                      <a:pt x="1513" y="3094"/>
                    </a:lnTo>
                    <a:lnTo>
                      <a:pt x="1513" y="3112"/>
                    </a:lnTo>
                    <a:lnTo>
                      <a:pt x="1513" y="3128"/>
                    </a:lnTo>
                    <a:lnTo>
                      <a:pt x="1515" y="3137"/>
                    </a:lnTo>
                    <a:lnTo>
                      <a:pt x="1523" y="3142"/>
                    </a:lnTo>
                    <a:lnTo>
                      <a:pt x="1537" y="3153"/>
                    </a:lnTo>
                    <a:lnTo>
                      <a:pt x="1555" y="3164"/>
                    </a:lnTo>
                    <a:lnTo>
                      <a:pt x="1574" y="3177"/>
                    </a:lnTo>
                    <a:lnTo>
                      <a:pt x="1583" y="3184"/>
                    </a:lnTo>
                    <a:lnTo>
                      <a:pt x="1588" y="3189"/>
                    </a:lnTo>
                    <a:lnTo>
                      <a:pt x="1593" y="3194"/>
                    </a:lnTo>
                    <a:lnTo>
                      <a:pt x="1594" y="3199"/>
                    </a:lnTo>
                    <a:lnTo>
                      <a:pt x="1594" y="3200"/>
                    </a:lnTo>
                    <a:lnTo>
                      <a:pt x="1594" y="3203"/>
                    </a:lnTo>
                    <a:lnTo>
                      <a:pt x="1592" y="3204"/>
                    </a:lnTo>
                    <a:lnTo>
                      <a:pt x="1589" y="3204"/>
                    </a:lnTo>
                    <a:lnTo>
                      <a:pt x="1581" y="3206"/>
                    </a:lnTo>
                    <a:lnTo>
                      <a:pt x="1568" y="3204"/>
                    </a:lnTo>
                    <a:lnTo>
                      <a:pt x="1562" y="3204"/>
                    </a:lnTo>
                    <a:lnTo>
                      <a:pt x="1558" y="3206"/>
                    </a:lnTo>
                    <a:lnTo>
                      <a:pt x="1555" y="3208"/>
                    </a:lnTo>
                    <a:lnTo>
                      <a:pt x="1553" y="3211"/>
                    </a:lnTo>
                    <a:lnTo>
                      <a:pt x="1552" y="3220"/>
                    </a:lnTo>
                    <a:lnTo>
                      <a:pt x="1552" y="3230"/>
                    </a:lnTo>
                    <a:lnTo>
                      <a:pt x="1557" y="3252"/>
                    </a:lnTo>
                    <a:lnTo>
                      <a:pt x="1559" y="3272"/>
                    </a:lnTo>
                    <a:lnTo>
                      <a:pt x="1549" y="3294"/>
                    </a:lnTo>
                    <a:lnTo>
                      <a:pt x="1536" y="3321"/>
                    </a:lnTo>
                    <a:lnTo>
                      <a:pt x="1531" y="3334"/>
                    </a:lnTo>
                    <a:lnTo>
                      <a:pt x="1526" y="3348"/>
                    </a:lnTo>
                    <a:lnTo>
                      <a:pt x="1524" y="3361"/>
                    </a:lnTo>
                    <a:lnTo>
                      <a:pt x="1524" y="3371"/>
                    </a:lnTo>
                    <a:lnTo>
                      <a:pt x="1526" y="3378"/>
                    </a:lnTo>
                    <a:lnTo>
                      <a:pt x="1530" y="3386"/>
                    </a:lnTo>
                    <a:lnTo>
                      <a:pt x="1535" y="3392"/>
                    </a:lnTo>
                    <a:lnTo>
                      <a:pt x="1540" y="3399"/>
                    </a:lnTo>
                    <a:lnTo>
                      <a:pt x="1545" y="3406"/>
                    </a:lnTo>
                    <a:lnTo>
                      <a:pt x="1550" y="3413"/>
                    </a:lnTo>
                    <a:lnTo>
                      <a:pt x="1555" y="3421"/>
                    </a:lnTo>
                    <a:lnTo>
                      <a:pt x="1559" y="3428"/>
                    </a:lnTo>
                    <a:lnTo>
                      <a:pt x="1559" y="3432"/>
                    </a:lnTo>
                    <a:lnTo>
                      <a:pt x="1559" y="3436"/>
                    </a:lnTo>
                    <a:lnTo>
                      <a:pt x="1559" y="3438"/>
                    </a:lnTo>
                    <a:lnTo>
                      <a:pt x="1558" y="3440"/>
                    </a:lnTo>
                    <a:lnTo>
                      <a:pt x="1554" y="3440"/>
                    </a:lnTo>
                    <a:lnTo>
                      <a:pt x="1548" y="3438"/>
                    </a:lnTo>
                    <a:lnTo>
                      <a:pt x="1530" y="3427"/>
                    </a:lnTo>
                    <a:lnTo>
                      <a:pt x="1509" y="3413"/>
                    </a:lnTo>
                    <a:lnTo>
                      <a:pt x="1489" y="3400"/>
                    </a:lnTo>
                    <a:lnTo>
                      <a:pt x="1474" y="3392"/>
                    </a:lnTo>
                    <a:lnTo>
                      <a:pt x="1471" y="3392"/>
                    </a:lnTo>
                    <a:lnTo>
                      <a:pt x="1469" y="3392"/>
                    </a:lnTo>
                    <a:lnTo>
                      <a:pt x="1467" y="3392"/>
                    </a:lnTo>
                    <a:lnTo>
                      <a:pt x="1466" y="3395"/>
                    </a:lnTo>
                    <a:lnTo>
                      <a:pt x="1466" y="3400"/>
                    </a:lnTo>
                    <a:lnTo>
                      <a:pt x="1470" y="3410"/>
                    </a:lnTo>
                    <a:lnTo>
                      <a:pt x="1479" y="3430"/>
                    </a:lnTo>
                    <a:lnTo>
                      <a:pt x="1486" y="3444"/>
                    </a:lnTo>
                    <a:lnTo>
                      <a:pt x="1487" y="3451"/>
                    </a:lnTo>
                    <a:lnTo>
                      <a:pt x="1486" y="3458"/>
                    </a:lnTo>
                    <a:lnTo>
                      <a:pt x="1483" y="3467"/>
                    </a:lnTo>
                    <a:lnTo>
                      <a:pt x="1476" y="3479"/>
                    </a:lnTo>
                    <a:lnTo>
                      <a:pt x="1469" y="3492"/>
                    </a:lnTo>
                    <a:lnTo>
                      <a:pt x="1465" y="3506"/>
                    </a:lnTo>
                    <a:lnTo>
                      <a:pt x="1461" y="3522"/>
                    </a:lnTo>
                    <a:lnTo>
                      <a:pt x="1461" y="3537"/>
                    </a:lnTo>
                    <a:lnTo>
                      <a:pt x="1461" y="3553"/>
                    </a:lnTo>
                    <a:lnTo>
                      <a:pt x="1463" y="3570"/>
                    </a:lnTo>
                    <a:lnTo>
                      <a:pt x="1469" y="3584"/>
                    </a:lnTo>
                    <a:lnTo>
                      <a:pt x="1474" y="3598"/>
                    </a:lnTo>
                    <a:lnTo>
                      <a:pt x="1478" y="3607"/>
                    </a:lnTo>
                    <a:lnTo>
                      <a:pt x="1479" y="3614"/>
                    </a:lnTo>
                    <a:lnTo>
                      <a:pt x="1479" y="3620"/>
                    </a:lnTo>
                    <a:lnTo>
                      <a:pt x="1476" y="3627"/>
                    </a:lnTo>
                    <a:lnTo>
                      <a:pt x="1474" y="3632"/>
                    </a:lnTo>
                    <a:lnTo>
                      <a:pt x="1470" y="3636"/>
                    </a:lnTo>
                    <a:lnTo>
                      <a:pt x="1466" y="3640"/>
                    </a:lnTo>
                    <a:lnTo>
                      <a:pt x="1461" y="3644"/>
                    </a:lnTo>
                    <a:lnTo>
                      <a:pt x="1449" y="3650"/>
                    </a:lnTo>
                    <a:lnTo>
                      <a:pt x="1439" y="3655"/>
                    </a:lnTo>
                    <a:lnTo>
                      <a:pt x="1435" y="3658"/>
                    </a:lnTo>
                    <a:lnTo>
                      <a:pt x="1431" y="3660"/>
                    </a:lnTo>
                    <a:lnTo>
                      <a:pt x="1430" y="3663"/>
                    </a:lnTo>
                    <a:lnTo>
                      <a:pt x="1429" y="3666"/>
                    </a:lnTo>
                    <a:lnTo>
                      <a:pt x="1434" y="3669"/>
                    </a:lnTo>
                    <a:lnTo>
                      <a:pt x="1444" y="3672"/>
                    </a:lnTo>
                    <a:lnTo>
                      <a:pt x="1454" y="3675"/>
                    </a:lnTo>
                    <a:lnTo>
                      <a:pt x="1462" y="3676"/>
                    </a:lnTo>
                    <a:lnTo>
                      <a:pt x="1460" y="3690"/>
                    </a:lnTo>
                    <a:lnTo>
                      <a:pt x="1456" y="3707"/>
                    </a:lnTo>
                    <a:lnTo>
                      <a:pt x="1452" y="3723"/>
                    </a:lnTo>
                    <a:lnTo>
                      <a:pt x="1448" y="3737"/>
                    </a:lnTo>
                    <a:lnTo>
                      <a:pt x="1447" y="3743"/>
                    </a:lnTo>
                    <a:lnTo>
                      <a:pt x="1448" y="3750"/>
                    </a:lnTo>
                    <a:lnTo>
                      <a:pt x="1449" y="3759"/>
                    </a:lnTo>
                    <a:lnTo>
                      <a:pt x="1451" y="3769"/>
                    </a:lnTo>
                    <a:lnTo>
                      <a:pt x="1457" y="3790"/>
                    </a:lnTo>
                    <a:lnTo>
                      <a:pt x="1466" y="3813"/>
                    </a:lnTo>
                    <a:lnTo>
                      <a:pt x="1475" y="3835"/>
                    </a:lnTo>
                    <a:lnTo>
                      <a:pt x="1487" y="3855"/>
                    </a:lnTo>
                    <a:lnTo>
                      <a:pt x="1492" y="3864"/>
                    </a:lnTo>
                    <a:lnTo>
                      <a:pt x="1497" y="3870"/>
                    </a:lnTo>
                    <a:lnTo>
                      <a:pt x="1502" y="3875"/>
                    </a:lnTo>
                    <a:lnTo>
                      <a:pt x="1508" y="3879"/>
                    </a:lnTo>
                    <a:lnTo>
                      <a:pt x="1514" y="3883"/>
                    </a:lnTo>
                    <a:lnTo>
                      <a:pt x="1519" y="3887"/>
                    </a:lnTo>
                    <a:lnTo>
                      <a:pt x="1523" y="3892"/>
                    </a:lnTo>
                    <a:lnTo>
                      <a:pt x="1527" y="3896"/>
                    </a:lnTo>
                    <a:lnTo>
                      <a:pt x="1528" y="3901"/>
                    </a:lnTo>
                    <a:lnTo>
                      <a:pt x="1530" y="3906"/>
                    </a:lnTo>
                    <a:lnTo>
                      <a:pt x="1530" y="3913"/>
                    </a:lnTo>
                    <a:lnTo>
                      <a:pt x="1528" y="3918"/>
                    </a:lnTo>
                    <a:lnTo>
                      <a:pt x="1526" y="3930"/>
                    </a:lnTo>
                    <a:lnTo>
                      <a:pt x="1519" y="3941"/>
                    </a:lnTo>
                    <a:lnTo>
                      <a:pt x="1513" y="3953"/>
                    </a:lnTo>
                    <a:lnTo>
                      <a:pt x="1506" y="3963"/>
                    </a:lnTo>
                    <a:lnTo>
                      <a:pt x="1501" y="3971"/>
                    </a:lnTo>
                    <a:lnTo>
                      <a:pt x="1498" y="3979"/>
                    </a:lnTo>
                    <a:lnTo>
                      <a:pt x="1496" y="3987"/>
                    </a:lnTo>
                    <a:lnTo>
                      <a:pt x="1495" y="3995"/>
                    </a:lnTo>
                    <a:lnTo>
                      <a:pt x="1492" y="4010"/>
                    </a:lnTo>
                    <a:lnTo>
                      <a:pt x="1488" y="4027"/>
                    </a:lnTo>
                    <a:lnTo>
                      <a:pt x="1483" y="4036"/>
                    </a:lnTo>
                    <a:lnTo>
                      <a:pt x="1476" y="4044"/>
                    </a:lnTo>
                    <a:lnTo>
                      <a:pt x="1470" y="4052"/>
                    </a:lnTo>
                    <a:lnTo>
                      <a:pt x="1463" y="4059"/>
                    </a:lnTo>
                    <a:lnTo>
                      <a:pt x="1447" y="4071"/>
                    </a:lnTo>
                    <a:lnTo>
                      <a:pt x="1430" y="4083"/>
                    </a:lnTo>
                    <a:lnTo>
                      <a:pt x="1412" y="4093"/>
                    </a:lnTo>
                    <a:lnTo>
                      <a:pt x="1395" y="4103"/>
                    </a:lnTo>
                    <a:lnTo>
                      <a:pt x="1387" y="4110"/>
                    </a:lnTo>
                    <a:lnTo>
                      <a:pt x="1379" y="4115"/>
                    </a:lnTo>
                    <a:lnTo>
                      <a:pt x="1373" y="4122"/>
                    </a:lnTo>
                    <a:lnTo>
                      <a:pt x="1366" y="4128"/>
                    </a:lnTo>
                    <a:lnTo>
                      <a:pt x="1362" y="4133"/>
                    </a:lnTo>
                    <a:lnTo>
                      <a:pt x="1361" y="4137"/>
                    </a:lnTo>
                    <a:lnTo>
                      <a:pt x="1361" y="4138"/>
                    </a:lnTo>
                    <a:lnTo>
                      <a:pt x="1364" y="4140"/>
                    </a:lnTo>
                    <a:lnTo>
                      <a:pt x="1373" y="4138"/>
                    </a:lnTo>
                    <a:lnTo>
                      <a:pt x="1386" y="4134"/>
                    </a:lnTo>
                    <a:lnTo>
                      <a:pt x="1413" y="4122"/>
                    </a:lnTo>
                    <a:lnTo>
                      <a:pt x="1430" y="4114"/>
                    </a:lnTo>
                    <a:lnTo>
                      <a:pt x="1447" y="4102"/>
                    </a:lnTo>
                    <a:lnTo>
                      <a:pt x="1462" y="4092"/>
                    </a:lnTo>
                    <a:lnTo>
                      <a:pt x="1475" y="4081"/>
                    </a:lnTo>
                    <a:lnTo>
                      <a:pt x="1488" y="4070"/>
                    </a:lnTo>
                    <a:lnTo>
                      <a:pt x="1498" y="4058"/>
                    </a:lnTo>
                    <a:lnTo>
                      <a:pt x="1509" y="4044"/>
                    </a:lnTo>
                    <a:lnTo>
                      <a:pt x="1520" y="4027"/>
                    </a:lnTo>
                    <a:lnTo>
                      <a:pt x="1531" y="4008"/>
                    </a:lnTo>
                    <a:lnTo>
                      <a:pt x="1539" y="3988"/>
                    </a:lnTo>
                    <a:lnTo>
                      <a:pt x="1546" y="3963"/>
                    </a:lnTo>
                    <a:lnTo>
                      <a:pt x="1550" y="3951"/>
                    </a:lnTo>
                    <a:lnTo>
                      <a:pt x="1557" y="3940"/>
                    </a:lnTo>
                    <a:lnTo>
                      <a:pt x="1559" y="3935"/>
                    </a:lnTo>
                    <a:lnTo>
                      <a:pt x="1563" y="3931"/>
                    </a:lnTo>
                    <a:lnTo>
                      <a:pt x="1567" y="3927"/>
                    </a:lnTo>
                    <a:lnTo>
                      <a:pt x="1571" y="3925"/>
                    </a:lnTo>
                    <a:lnTo>
                      <a:pt x="1577" y="3923"/>
                    </a:lnTo>
                    <a:lnTo>
                      <a:pt x="1583" y="3925"/>
                    </a:lnTo>
                    <a:lnTo>
                      <a:pt x="1588" y="3927"/>
                    </a:lnTo>
                    <a:lnTo>
                      <a:pt x="1593" y="3932"/>
                    </a:lnTo>
                    <a:lnTo>
                      <a:pt x="1598" y="3939"/>
                    </a:lnTo>
                    <a:lnTo>
                      <a:pt x="1602" y="3945"/>
                    </a:lnTo>
                    <a:lnTo>
                      <a:pt x="1606" y="3954"/>
                    </a:lnTo>
                    <a:lnTo>
                      <a:pt x="1610" y="3962"/>
                    </a:lnTo>
                    <a:lnTo>
                      <a:pt x="1624" y="4000"/>
                    </a:lnTo>
                    <a:lnTo>
                      <a:pt x="1635" y="4026"/>
                    </a:lnTo>
                    <a:lnTo>
                      <a:pt x="1638" y="4032"/>
                    </a:lnTo>
                    <a:lnTo>
                      <a:pt x="1642" y="4039"/>
                    </a:lnTo>
                    <a:lnTo>
                      <a:pt x="1646" y="4043"/>
                    </a:lnTo>
                    <a:lnTo>
                      <a:pt x="1650" y="4045"/>
                    </a:lnTo>
                    <a:lnTo>
                      <a:pt x="1654" y="4048"/>
                    </a:lnTo>
                    <a:lnTo>
                      <a:pt x="1657" y="4049"/>
                    </a:lnTo>
                    <a:lnTo>
                      <a:pt x="1660" y="4049"/>
                    </a:lnTo>
                    <a:lnTo>
                      <a:pt x="1664" y="4048"/>
                    </a:lnTo>
                    <a:lnTo>
                      <a:pt x="1671" y="4045"/>
                    </a:lnTo>
                    <a:lnTo>
                      <a:pt x="1676" y="4039"/>
                    </a:lnTo>
                    <a:lnTo>
                      <a:pt x="1682" y="4032"/>
                    </a:lnTo>
                    <a:lnTo>
                      <a:pt x="1688" y="4023"/>
                    </a:lnTo>
                    <a:lnTo>
                      <a:pt x="1697" y="4008"/>
                    </a:lnTo>
                    <a:lnTo>
                      <a:pt x="1707" y="3995"/>
                    </a:lnTo>
                    <a:lnTo>
                      <a:pt x="1708" y="3993"/>
                    </a:lnTo>
                    <a:lnTo>
                      <a:pt x="1711" y="3992"/>
                    </a:lnTo>
                    <a:lnTo>
                      <a:pt x="1714" y="3992"/>
                    </a:lnTo>
                    <a:lnTo>
                      <a:pt x="1715" y="3993"/>
                    </a:lnTo>
                    <a:lnTo>
                      <a:pt x="1720" y="3997"/>
                    </a:lnTo>
                    <a:lnTo>
                      <a:pt x="1724" y="4006"/>
                    </a:lnTo>
                    <a:lnTo>
                      <a:pt x="1733" y="4032"/>
                    </a:lnTo>
                    <a:lnTo>
                      <a:pt x="1742" y="4054"/>
                    </a:lnTo>
                    <a:lnTo>
                      <a:pt x="1747" y="4063"/>
                    </a:lnTo>
                    <a:lnTo>
                      <a:pt x="1755" y="4071"/>
                    </a:lnTo>
                    <a:lnTo>
                      <a:pt x="1765" y="4079"/>
                    </a:lnTo>
                    <a:lnTo>
                      <a:pt x="1780" y="4085"/>
                    </a:lnTo>
                    <a:lnTo>
                      <a:pt x="1796" y="4093"/>
                    </a:lnTo>
                    <a:lnTo>
                      <a:pt x="1822" y="4106"/>
                    </a:lnTo>
                    <a:lnTo>
                      <a:pt x="1835" y="4112"/>
                    </a:lnTo>
                    <a:lnTo>
                      <a:pt x="1847" y="4119"/>
                    </a:lnTo>
                    <a:lnTo>
                      <a:pt x="1853" y="4124"/>
                    </a:lnTo>
                    <a:lnTo>
                      <a:pt x="1856" y="4129"/>
                    </a:lnTo>
                    <a:lnTo>
                      <a:pt x="1856" y="4131"/>
                    </a:lnTo>
                    <a:lnTo>
                      <a:pt x="1834" y="4132"/>
                    </a:lnTo>
                    <a:lnTo>
                      <a:pt x="1802" y="4133"/>
                    </a:lnTo>
                    <a:lnTo>
                      <a:pt x="1773" y="4134"/>
                    </a:lnTo>
                    <a:lnTo>
                      <a:pt x="1756" y="4137"/>
                    </a:lnTo>
                    <a:lnTo>
                      <a:pt x="1758" y="4142"/>
                    </a:lnTo>
                    <a:lnTo>
                      <a:pt x="1759" y="4147"/>
                    </a:lnTo>
                    <a:lnTo>
                      <a:pt x="1760" y="4151"/>
                    </a:lnTo>
                    <a:lnTo>
                      <a:pt x="1764" y="4154"/>
                    </a:lnTo>
                    <a:lnTo>
                      <a:pt x="1771" y="4160"/>
                    </a:lnTo>
                    <a:lnTo>
                      <a:pt x="1780" y="4166"/>
                    </a:lnTo>
                    <a:lnTo>
                      <a:pt x="1787" y="4171"/>
                    </a:lnTo>
                    <a:lnTo>
                      <a:pt x="1796" y="4176"/>
                    </a:lnTo>
                    <a:lnTo>
                      <a:pt x="1803" y="4181"/>
                    </a:lnTo>
                    <a:lnTo>
                      <a:pt x="1807" y="4188"/>
                    </a:lnTo>
                    <a:lnTo>
                      <a:pt x="1811" y="4199"/>
                    </a:lnTo>
                    <a:lnTo>
                      <a:pt x="1816" y="4207"/>
                    </a:lnTo>
                    <a:lnTo>
                      <a:pt x="1818" y="4210"/>
                    </a:lnTo>
                    <a:lnTo>
                      <a:pt x="1821" y="4212"/>
                    </a:lnTo>
                    <a:lnTo>
                      <a:pt x="1824" y="4214"/>
                    </a:lnTo>
                    <a:lnTo>
                      <a:pt x="1828" y="4215"/>
                    </a:lnTo>
                    <a:lnTo>
                      <a:pt x="1834" y="4214"/>
                    </a:lnTo>
                    <a:lnTo>
                      <a:pt x="1842" y="4210"/>
                    </a:lnTo>
                    <a:lnTo>
                      <a:pt x="1850" y="4204"/>
                    </a:lnTo>
                    <a:lnTo>
                      <a:pt x="1859" y="4197"/>
                    </a:lnTo>
                    <a:lnTo>
                      <a:pt x="1861" y="4194"/>
                    </a:lnTo>
                    <a:lnTo>
                      <a:pt x="1863" y="4195"/>
                    </a:lnTo>
                    <a:lnTo>
                      <a:pt x="1864" y="4197"/>
                    </a:lnTo>
                    <a:lnTo>
                      <a:pt x="1865" y="4199"/>
                    </a:lnTo>
                    <a:lnTo>
                      <a:pt x="1865" y="4208"/>
                    </a:lnTo>
                    <a:lnTo>
                      <a:pt x="1865" y="4219"/>
                    </a:lnTo>
                    <a:lnTo>
                      <a:pt x="1864" y="4243"/>
                    </a:lnTo>
                    <a:lnTo>
                      <a:pt x="1860" y="4259"/>
                    </a:lnTo>
                    <a:lnTo>
                      <a:pt x="1840" y="4277"/>
                    </a:lnTo>
                    <a:lnTo>
                      <a:pt x="1815" y="4298"/>
                    </a:lnTo>
                    <a:lnTo>
                      <a:pt x="1802" y="4308"/>
                    </a:lnTo>
                    <a:lnTo>
                      <a:pt x="1793" y="4316"/>
                    </a:lnTo>
                    <a:lnTo>
                      <a:pt x="1790" y="4318"/>
                    </a:lnTo>
                    <a:lnTo>
                      <a:pt x="1787" y="4322"/>
                    </a:lnTo>
                    <a:lnTo>
                      <a:pt x="1787" y="4324"/>
                    </a:lnTo>
                    <a:lnTo>
                      <a:pt x="1787" y="4325"/>
                    </a:lnTo>
                    <a:lnTo>
                      <a:pt x="1809" y="4329"/>
                    </a:lnTo>
                    <a:lnTo>
                      <a:pt x="1838" y="4333"/>
                    </a:lnTo>
                    <a:lnTo>
                      <a:pt x="1852" y="4334"/>
                    </a:lnTo>
                    <a:lnTo>
                      <a:pt x="1864" y="4337"/>
                    </a:lnTo>
                    <a:lnTo>
                      <a:pt x="1868" y="4338"/>
                    </a:lnTo>
                    <a:lnTo>
                      <a:pt x="1870" y="4339"/>
                    </a:lnTo>
                    <a:lnTo>
                      <a:pt x="1873" y="4342"/>
                    </a:lnTo>
                    <a:lnTo>
                      <a:pt x="1873" y="4344"/>
                    </a:lnTo>
                    <a:lnTo>
                      <a:pt x="1870" y="4348"/>
                    </a:lnTo>
                    <a:lnTo>
                      <a:pt x="1865" y="4353"/>
                    </a:lnTo>
                    <a:lnTo>
                      <a:pt x="1860" y="4357"/>
                    </a:lnTo>
                    <a:lnTo>
                      <a:pt x="1853" y="4360"/>
                    </a:lnTo>
                    <a:lnTo>
                      <a:pt x="1840" y="4366"/>
                    </a:lnTo>
                    <a:lnTo>
                      <a:pt x="1829" y="4372"/>
                    </a:lnTo>
                    <a:lnTo>
                      <a:pt x="1822" y="4374"/>
                    </a:lnTo>
                    <a:lnTo>
                      <a:pt x="1818" y="4379"/>
                    </a:lnTo>
                    <a:lnTo>
                      <a:pt x="1815" y="4386"/>
                    </a:lnTo>
                    <a:lnTo>
                      <a:pt x="1812" y="4394"/>
                    </a:lnTo>
                    <a:lnTo>
                      <a:pt x="1808" y="4400"/>
                    </a:lnTo>
                    <a:lnTo>
                      <a:pt x="1803" y="4408"/>
                    </a:lnTo>
                    <a:lnTo>
                      <a:pt x="1798" y="4416"/>
                    </a:lnTo>
                    <a:lnTo>
                      <a:pt x="1790" y="4422"/>
                    </a:lnTo>
                    <a:lnTo>
                      <a:pt x="1776" y="4431"/>
                    </a:lnTo>
                    <a:lnTo>
                      <a:pt x="1761" y="4439"/>
                    </a:lnTo>
                    <a:lnTo>
                      <a:pt x="1749" y="4444"/>
                    </a:lnTo>
                    <a:lnTo>
                      <a:pt x="1734" y="4448"/>
                    </a:lnTo>
                    <a:lnTo>
                      <a:pt x="1707" y="4456"/>
                    </a:lnTo>
                    <a:lnTo>
                      <a:pt x="1676" y="4466"/>
                    </a:lnTo>
                    <a:lnTo>
                      <a:pt x="1673" y="4467"/>
                    </a:lnTo>
                    <a:lnTo>
                      <a:pt x="1672" y="4469"/>
                    </a:lnTo>
                    <a:lnTo>
                      <a:pt x="1672" y="4471"/>
                    </a:lnTo>
                    <a:lnTo>
                      <a:pt x="1672" y="4475"/>
                    </a:lnTo>
                    <a:lnTo>
                      <a:pt x="1676" y="4482"/>
                    </a:lnTo>
                    <a:lnTo>
                      <a:pt x="1681" y="4489"/>
                    </a:lnTo>
                    <a:lnTo>
                      <a:pt x="1686" y="4496"/>
                    </a:lnTo>
                    <a:lnTo>
                      <a:pt x="1693" y="4502"/>
                    </a:lnTo>
                    <a:lnTo>
                      <a:pt x="1699" y="4508"/>
                    </a:lnTo>
                    <a:lnTo>
                      <a:pt x="1703" y="4510"/>
                    </a:lnTo>
                    <a:lnTo>
                      <a:pt x="1711" y="4511"/>
                    </a:lnTo>
                    <a:lnTo>
                      <a:pt x="1721" y="4511"/>
                    </a:lnTo>
                    <a:lnTo>
                      <a:pt x="1730" y="4510"/>
                    </a:lnTo>
                    <a:lnTo>
                      <a:pt x="1741" y="4509"/>
                    </a:lnTo>
                    <a:lnTo>
                      <a:pt x="1751" y="4509"/>
                    </a:lnTo>
                    <a:lnTo>
                      <a:pt x="1759" y="4509"/>
                    </a:lnTo>
                    <a:lnTo>
                      <a:pt x="1763" y="4509"/>
                    </a:lnTo>
                    <a:lnTo>
                      <a:pt x="1767" y="4510"/>
                    </a:lnTo>
                    <a:lnTo>
                      <a:pt x="1769" y="4511"/>
                    </a:lnTo>
                    <a:lnTo>
                      <a:pt x="1772" y="4514"/>
                    </a:lnTo>
                    <a:lnTo>
                      <a:pt x="1774" y="4518"/>
                    </a:lnTo>
                    <a:lnTo>
                      <a:pt x="1774" y="4522"/>
                    </a:lnTo>
                    <a:lnTo>
                      <a:pt x="1774" y="4526"/>
                    </a:lnTo>
                    <a:lnTo>
                      <a:pt x="1773" y="4528"/>
                    </a:lnTo>
                    <a:lnTo>
                      <a:pt x="1772" y="4531"/>
                    </a:lnTo>
                    <a:lnTo>
                      <a:pt x="1768" y="4535"/>
                    </a:lnTo>
                    <a:lnTo>
                      <a:pt x="1765" y="4536"/>
                    </a:lnTo>
                    <a:lnTo>
                      <a:pt x="1760" y="4539"/>
                    </a:lnTo>
                    <a:lnTo>
                      <a:pt x="1751" y="4541"/>
                    </a:lnTo>
                    <a:lnTo>
                      <a:pt x="1741" y="4543"/>
                    </a:lnTo>
                    <a:lnTo>
                      <a:pt x="1730" y="4543"/>
                    </a:lnTo>
                    <a:lnTo>
                      <a:pt x="1721" y="4540"/>
                    </a:lnTo>
                    <a:lnTo>
                      <a:pt x="1710" y="4535"/>
                    </a:lnTo>
                    <a:lnTo>
                      <a:pt x="1698" y="4532"/>
                    </a:lnTo>
                    <a:lnTo>
                      <a:pt x="1693" y="4532"/>
                    </a:lnTo>
                    <a:lnTo>
                      <a:pt x="1688" y="4532"/>
                    </a:lnTo>
                    <a:lnTo>
                      <a:pt x="1684" y="4533"/>
                    </a:lnTo>
                    <a:lnTo>
                      <a:pt x="1680" y="4535"/>
                    </a:lnTo>
                    <a:lnTo>
                      <a:pt x="1677" y="4536"/>
                    </a:lnTo>
                    <a:lnTo>
                      <a:pt x="1676" y="4539"/>
                    </a:lnTo>
                    <a:lnTo>
                      <a:pt x="1675" y="4543"/>
                    </a:lnTo>
                    <a:lnTo>
                      <a:pt x="1676" y="4546"/>
                    </a:lnTo>
                    <a:lnTo>
                      <a:pt x="1677" y="4550"/>
                    </a:lnTo>
                    <a:lnTo>
                      <a:pt x="1681" y="4556"/>
                    </a:lnTo>
                    <a:lnTo>
                      <a:pt x="1686" y="4561"/>
                    </a:lnTo>
                    <a:lnTo>
                      <a:pt x="1693" y="4566"/>
                    </a:lnTo>
                    <a:lnTo>
                      <a:pt x="1698" y="4571"/>
                    </a:lnTo>
                    <a:lnTo>
                      <a:pt x="1702" y="4576"/>
                    </a:lnTo>
                    <a:lnTo>
                      <a:pt x="1703" y="4580"/>
                    </a:lnTo>
                    <a:lnTo>
                      <a:pt x="1704" y="4585"/>
                    </a:lnTo>
                    <a:lnTo>
                      <a:pt x="1703" y="4590"/>
                    </a:lnTo>
                    <a:lnTo>
                      <a:pt x="1701" y="4594"/>
                    </a:lnTo>
                    <a:lnTo>
                      <a:pt x="1698" y="4600"/>
                    </a:lnTo>
                    <a:lnTo>
                      <a:pt x="1694" y="4603"/>
                    </a:lnTo>
                    <a:lnTo>
                      <a:pt x="1673" y="4623"/>
                    </a:lnTo>
                    <a:lnTo>
                      <a:pt x="1653" y="4641"/>
                    </a:lnTo>
                    <a:lnTo>
                      <a:pt x="1649" y="4646"/>
                    </a:lnTo>
                    <a:lnTo>
                      <a:pt x="1645" y="4653"/>
                    </a:lnTo>
                    <a:lnTo>
                      <a:pt x="1641" y="4662"/>
                    </a:lnTo>
                    <a:lnTo>
                      <a:pt x="1638" y="4672"/>
                    </a:lnTo>
                    <a:lnTo>
                      <a:pt x="1631" y="4693"/>
                    </a:lnTo>
                    <a:lnTo>
                      <a:pt x="1623" y="4715"/>
                    </a:lnTo>
                    <a:lnTo>
                      <a:pt x="1619" y="4724"/>
                    </a:lnTo>
                    <a:lnTo>
                      <a:pt x="1614" y="4733"/>
                    </a:lnTo>
                    <a:lnTo>
                      <a:pt x="1609" y="4741"/>
                    </a:lnTo>
                    <a:lnTo>
                      <a:pt x="1603" y="4746"/>
                    </a:lnTo>
                    <a:lnTo>
                      <a:pt x="1598" y="4750"/>
                    </a:lnTo>
                    <a:lnTo>
                      <a:pt x="1592" y="4751"/>
                    </a:lnTo>
                    <a:lnTo>
                      <a:pt x="1588" y="4750"/>
                    </a:lnTo>
                    <a:lnTo>
                      <a:pt x="1584" y="4749"/>
                    </a:lnTo>
                    <a:lnTo>
                      <a:pt x="1580" y="4747"/>
                    </a:lnTo>
                    <a:lnTo>
                      <a:pt x="1576" y="4745"/>
                    </a:lnTo>
                    <a:lnTo>
                      <a:pt x="1572" y="4739"/>
                    </a:lnTo>
                    <a:lnTo>
                      <a:pt x="1568" y="4734"/>
                    </a:lnTo>
                    <a:lnTo>
                      <a:pt x="1565" y="4726"/>
                    </a:lnTo>
                    <a:lnTo>
                      <a:pt x="1562" y="4719"/>
                    </a:lnTo>
                    <a:lnTo>
                      <a:pt x="1557" y="4702"/>
                    </a:lnTo>
                    <a:lnTo>
                      <a:pt x="1553" y="4684"/>
                    </a:lnTo>
                    <a:lnTo>
                      <a:pt x="1550" y="4666"/>
                    </a:lnTo>
                    <a:lnTo>
                      <a:pt x="1548" y="4650"/>
                    </a:lnTo>
                    <a:lnTo>
                      <a:pt x="1545" y="4640"/>
                    </a:lnTo>
                    <a:lnTo>
                      <a:pt x="1543" y="4636"/>
                    </a:lnTo>
                    <a:lnTo>
                      <a:pt x="1536" y="4658"/>
                    </a:lnTo>
                    <a:lnTo>
                      <a:pt x="1528" y="4677"/>
                    </a:lnTo>
                    <a:lnTo>
                      <a:pt x="1524" y="4688"/>
                    </a:lnTo>
                    <a:lnTo>
                      <a:pt x="1520" y="4698"/>
                    </a:lnTo>
                    <a:lnTo>
                      <a:pt x="1518" y="4710"/>
                    </a:lnTo>
                    <a:lnTo>
                      <a:pt x="1515" y="4723"/>
                    </a:lnTo>
                    <a:lnTo>
                      <a:pt x="1514" y="4729"/>
                    </a:lnTo>
                    <a:lnTo>
                      <a:pt x="1511" y="4736"/>
                    </a:lnTo>
                    <a:lnTo>
                      <a:pt x="1508" y="4741"/>
                    </a:lnTo>
                    <a:lnTo>
                      <a:pt x="1502" y="4745"/>
                    </a:lnTo>
                    <a:lnTo>
                      <a:pt x="1489" y="4751"/>
                    </a:lnTo>
                    <a:lnTo>
                      <a:pt x="1475" y="4756"/>
                    </a:lnTo>
                    <a:lnTo>
                      <a:pt x="1460" y="4760"/>
                    </a:lnTo>
                    <a:lnTo>
                      <a:pt x="1445" y="4764"/>
                    </a:lnTo>
                    <a:lnTo>
                      <a:pt x="1432" y="4768"/>
                    </a:lnTo>
                    <a:lnTo>
                      <a:pt x="1421" y="4772"/>
                    </a:lnTo>
                    <a:lnTo>
                      <a:pt x="1406" y="4783"/>
                    </a:lnTo>
                    <a:lnTo>
                      <a:pt x="1394" y="4796"/>
                    </a:lnTo>
                    <a:lnTo>
                      <a:pt x="1379" y="4808"/>
                    </a:lnTo>
                    <a:lnTo>
                      <a:pt x="1364" y="4820"/>
                    </a:lnTo>
                    <a:lnTo>
                      <a:pt x="1359" y="4822"/>
                    </a:lnTo>
                    <a:lnTo>
                      <a:pt x="1352" y="4825"/>
                    </a:lnTo>
                    <a:lnTo>
                      <a:pt x="1346" y="4826"/>
                    </a:lnTo>
                    <a:lnTo>
                      <a:pt x="1338" y="4826"/>
                    </a:lnTo>
                    <a:lnTo>
                      <a:pt x="1322" y="4826"/>
                    </a:lnTo>
                    <a:lnTo>
                      <a:pt x="1307" y="4825"/>
                    </a:lnTo>
                    <a:lnTo>
                      <a:pt x="1290" y="4822"/>
                    </a:lnTo>
                    <a:lnTo>
                      <a:pt x="1274" y="4821"/>
                    </a:lnTo>
                    <a:lnTo>
                      <a:pt x="1259" y="4820"/>
                    </a:lnTo>
                    <a:lnTo>
                      <a:pt x="1246" y="4822"/>
                    </a:lnTo>
                    <a:lnTo>
                      <a:pt x="1247" y="4828"/>
                    </a:lnTo>
                    <a:lnTo>
                      <a:pt x="1248" y="4831"/>
                    </a:lnTo>
                    <a:lnTo>
                      <a:pt x="1252" y="4835"/>
                    </a:lnTo>
                    <a:lnTo>
                      <a:pt x="1258" y="4839"/>
                    </a:lnTo>
                    <a:lnTo>
                      <a:pt x="1269" y="4844"/>
                    </a:lnTo>
                    <a:lnTo>
                      <a:pt x="1283" y="4850"/>
                    </a:lnTo>
                    <a:lnTo>
                      <a:pt x="1313" y="4856"/>
                    </a:lnTo>
                    <a:lnTo>
                      <a:pt x="1337" y="4861"/>
                    </a:lnTo>
                    <a:lnTo>
                      <a:pt x="1343" y="4865"/>
                    </a:lnTo>
                    <a:lnTo>
                      <a:pt x="1349" y="4870"/>
                    </a:lnTo>
                    <a:lnTo>
                      <a:pt x="1355" y="4875"/>
                    </a:lnTo>
                    <a:lnTo>
                      <a:pt x="1361" y="4881"/>
                    </a:lnTo>
                    <a:lnTo>
                      <a:pt x="1365" y="4887"/>
                    </a:lnTo>
                    <a:lnTo>
                      <a:pt x="1369" y="4894"/>
                    </a:lnTo>
                    <a:lnTo>
                      <a:pt x="1373" y="4899"/>
                    </a:lnTo>
                    <a:lnTo>
                      <a:pt x="1374" y="4905"/>
                    </a:lnTo>
                    <a:lnTo>
                      <a:pt x="1375" y="4910"/>
                    </a:lnTo>
                    <a:lnTo>
                      <a:pt x="1374" y="4916"/>
                    </a:lnTo>
                    <a:lnTo>
                      <a:pt x="1372" y="4920"/>
                    </a:lnTo>
                    <a:lnTo>
                      <a:pt x="1368" y="4923"/>
                    </a:lnTo>
                    <a:lnTo>
                      <a:pt x="1362" y="4926"/>
                    </a:lnTo>
                    <a:lnTo>
                      <a:pt x="1355" y="4927"/>
                    </a:lnTo>
                    <a:lnTo>
                      <a:pt x="1346" y="4927"/>
                    </a:lnTo>
                    <a:lnTo>
                      <a:pt x="1334" y="4925"/>
                    </a:lnTo>
                    <a:lnTo>
                      <a:pt x="1292" y="4923"/>
                    </a:lnTo>
                    <a:lnTo>
                      <a:pt x="1291" y="4929"/>
                    </a:lnTo>
                    <a:lnTo>
                      <a:pt x="1292" y="4932"/>
                    </a:lnTo>
                    <a:lnTo>
                      <a:pt x="1294" y="4936"/>
                    </a:lnTo>
                    <a:lnTo>
                      <a:pt x="1296" y="4939"/>
                    </a:lnTo>
                    <a:lnTo>
                      <a:pt x="1304" y="4947"/>
                    </a:lnTo>
                    <a:lnTo>
                      <a:pt x="1313" y="4953"/>
                    </a:lnTo>
                    <a:lnTo>
                      <a:pt x="1333" y="4966"/>
                    </a:lnTo>
                    <a:lnTo>
                      <a:pt x="1348" y="4979"/>
                    </a:lnTo>
                    <a:lnTo>
                      <a:pt x="1353" y="4986"/>
                    </a:lnTo>
                    <a:lnTo>
                      <a:pt x="1356" y="4992"/>
                    </a:lnTo>
                    <a:lnTo>
                      <a:pt x="1359" y="4996"/>
                    </a:lnTo>
                    <a:lnTo>
                      <a:pt x="1359" y="5001"/>
                    </a:lnTo>
                    <a:lnTo>
                      <a:pt x="1357" y="5005"/>
                    </a:lnTo>
                    <a:lnTo>
                      <a:pt x="1356" y="5008"/>
                    </a:lnTo>
                    <a:lnTo>
                      <a:pt x="1353" y="5010"/>
                    </a:lnTo>
                    <a:lnTo>
                      <a:pt x="1351" y="5013"/>
                    </a:lnTo>
                    <a:lnTo>
                      <a:pt x="1334" y="5019"/>
                    </a:lnTo>
                    <a:lnTo>
                      <a:pt x="1317" y="5023"/>
                    </a:lnTo>
                    <a:lnTo>
                      <a:pt x="1317" y="5030"/>
                    </a:lnTo>
                    <a:lnTo>
                      <a:pt x="1318" y="5040"/>
                    </a:lnTo>
                    <a:lnTo>
                      <a:pt x="1321" y="5050"/>
                    </a:lnTo>
                    <a:lnTo>
                      <a:pt x="1325" y="5062"/>
                    </a:lnTo>
                    <a:lnTo>
                      <a:pt x="1333" y="5087"/>
                    </a:lnTo>
                    <a:lnTo>
                      <a:pt x="1340" y="5110"/>
                    </a:lnTo>
                    <a:lnTo>
                      <a:pt x="1342" y="5122"/>
                    </a:lnTo>
                    <a:lnTo>
                      <a:pt x="1343" y="5132"/>
                    </a:lnTo>
                    <a:lnTo>
                      <a:pt x="1343" y="5140"/>
                    </a:lnTo>
                    <a:lnTo>
                      <a:pt x="1339" y="5146"/>
                    </a:lnTo>
                    <a:lnTo>
                      <a:pt x="1338" y="5149"/>
                    </a:lnTo>
                    <a:lnTo>
                      <a:pt x="1334" y="5151"/>
                    </a:lnTo>
                    <a:lnTo>
                      <a:pt x="1331" y="5153"/>
                    </a:lnTo>
                    <a:lnTo>
                      <a:pt x="1326" y="5153"/>
                    </a:lnTo>
                    <a:lnTo>
                      <a:pt x="1316" y="5153"/>
                    </a:lnTo>
                    <a:lnTo>
                      <a:pt x="1300" y="5149"/>
                    </a:lnTo>
                    <a:lnTo>
                      <a:pt x="1290" y="5141"/>
                    </a:lnTo>
                    <a:lnTo>
                      <a:pt x="1278" y="5131"/>
                    </a:lnTo>
                    <a:lnTo>
                      <a:pt x="1273" y="5127"/>
                    </a:lnTo>
                    <a:lnTo>
                      <a:pt x="1268" y="5125"/>
                    </a:lnTo>
                    <a:lnTo>
                      <a:pt x="1267" y="5127"/>
                    </a:lnTo>
                    <a:lnTo>
                      <a:pt x="1265" y="5128"/>
                    </a:lnTo>
                    <a:lnTo>
                      <a:pt x="1264" y="5131"/>
                    </a:lnTo>
                    <a:lnTo>
                      <a:pt x="1264" y="5135"/>
                    </a:lnTo>
                    <a:lnTo>
                      <a:pt x="1265" y="5142"/>
                    </a:lnTo>
                    <a:lnTo>
                      <a:pt x="1267" y="5150"/>
                    </a:lnTo>
                    <a:lnTo>
                      <a:pt x="1270" y="5158"/>
                    </a:lnTo>
                    <a:lnTo>
                      <a:pt x="1273" y="5166"/>
                    </a:lnTo>
                    <a:lnTo>
                      <a:pt x="1281" y="5181"/>
                    </a:lnTo>
                    <a:lnTo>
                      <a:pt x="1286" y="5195"/>
                    </a:lnTo>
                    <a:lnTo>
                      <a:pt x="1289" y="5207"/>
                    </a:lnTo>
                    <a:lnTo>
                      <a:pt x="1289" y="5220"/>
                    </a:lnTo>
                    <a:lnTo>
                      <a:pt x="1287" y="5232"/>
                    </a:lnTo>
                    <a:lnTo>
                      <a:pt x="1285" y="5245"/>
                    </a:lnTo>
                    <a:lnTo>
                      <a:pt x="1281" y="5271"/>
                    </a:lnTo>
                    <a:lnTo>
                      <a:pt x="1280" y="5295"/>
                    </a:lnTo>
                    <a:lnTo>
                      <a:pt x="1282" y="5329"/>
                    </a:lnTo>
                    <a:lnTo>
                      <a:pt x="1286" y="5365"/>
                    </a:lnTo>
                    <a:lnTo>
                      <a:pt x="1287" y="5385"/>
                    </a:lnTo>
                    <a:lnTo>
                      <a:pt x="1287" y="5403"/>
                    </a:lnTo>
                    <a:lnTo>
                      <a:pt x="1287" y="5410"/>
                    </a:lnTo>
                    <a:lnTo>
                      <a:pt x="1286" y="5420"/>
                    </a:lnTo>
                    <a:lnTo>
                      <a:pt x="1283" y="5427"/>
                    </a:lnTo>
                    <a:lnTo>
                      <a:pt x="1281" y="5435"/>
                    </a:lnTo>
                    <a:lnTo>
                      <a:pt x="1276" y="5447"/>
                    </a:lnTo>
                    <a:lnTo>
                      <a:pt x="1269" y="5458"/>
                    </a:lnTo>
                    <a:lnTo>
                      <a:pt x="1260" y="5470"/>
                    </a:lnTo>
                    <a:lnTo>
                      <a:pt x="1251" y="5480"/>
                    </a:lnTo>
                    <a:lnTo>
                      <a:pt x="1232" y="5504"/>
                    </a:lnTo>
                    <a:lnTo>
                      <a:pt x="1215" y="5524"/>
                    </a:lnTo>
                    <a:lnTo>
                      <a:pt x="1216" y="5544"/>
                    </a:lnTo>
                    <a:lnTo>
                      <a:pt x="1213" y="5563"/>
                    </a:lnTo>
                    <a:lnTo>
                      <a:pt x="1211" y="5583"/>
                    </a:lnTo>
                    <a:lnTo>
                      <a:pt x="1208" y="5601"/>
                    </a:lnTo>
                    <a:lnTo>
                      <a:pt x="1206" y="5620"/>
                    </a:lnTo>
                    <a:lnTo>
                      <a:pt x="1203" y="5640"/>
                    </a:lnTo>
                    <a:lnTo>
                      <a:pt x="1201" y="5658"/>
                    </a:lnTo>
                    <a:lnTo>
                      <a:pt x="1202" y="5679"/>
                    </a:lnTo>
                    <a:lnTo>
                      <a:pt x="1201" y="5685"/>
                    </a:lnTo>
                    <a:lnTo>
                      <a:pt x="1201" y="5693"/>
                    </a:lnTo>
                    <a:lnTo>
                      <a:pt x="1199" y="5699"/>
                    </a:lnTo>
                    <a:lnTo>
                      <a:pt x="1197" y="5706"/>
                    </a:lnTo>
                    <a:lnTo>
                      <a:pt x="1190" y="5719"/>
                    </a:lnTo>
                    <a:lnTo>
                      <a:pt x="1182" y="5730"/>
                    </a:lnTo>
                    <a:lnTo>
                      <a:pt x="1175" y="5742"/>
                    </a:lnTo>
                    <a:lnTo>
                      <a:pt x="1167" y="5754"/>
                    </a:lnTo>
                    <a:lnTo>
                      <a:pt x="1159" y="5765"/>
                    </a:lnTo>
                    <a:lnTo>
                      <a:pt x="1154" y="5778"/>
                    </a:lnTo>
                    <a:lnTo>
                      <a:pt x="1125" y="5868"/>
                    </a:lnTo>
                    <a:lnTo>
                      <a:pt x="1116" y="5894"/>
                    </a:lnTo>
                    <a:lnTo>
                      <a:pt x="1106" y="5920"/>
                    </a:lnTo>
                    <a:lnTo>
                      <a:pt x="1101" y="5933"/>
                    </a:lnTo>
                    <a:lnTo>
                      <a:pt x="1096" y="5945"/>
                    </a:lnTo>
                    <a:lnTo>
                      <a:pt x="1092" y="5960"/>
                    </a:lnTo>
                    <a:lnTo>
                      <a:pt x="1089" y="5973"/>
                    </a:lnTo>
                    <a:lnTo>
                      <a:pt x="1088" y="5983"/>
                    </a:lnTo>
                    <a:lnTo>
                      <a:pt x="1084" y="5992"/>
                    </a:lnTo>
                    <a:lnTo>
                      <a:pt x="1079" y="6000"/>
                    </a:lnTo>
                    <a:lnTo>
                      <a:pt x="1074" y="6005"/>
                    </a:lnTo>
                    <a:lnTo>
                      <a:pt x="1067" y="6009"/>
                    </a:lnTo>
                    <a:lnTo>
                      <a:pt x="1061" y="6012"/>
                    </a:lnTo>
                    <a:lnTo>
                      <a:pt x="1053" y="6013"/>
                    </a:lnTo>
                    <a:lnTo>
                      <a:pt x="1045" y="6013"/>
                    </a:lnTo>
                    <a:lnTo>
                      <a:pt x="1028" y="6010"/>
                    </a:lnTo>
                    <a:lnTo>
                      <a:pt x="1010" y="6004"/>
                    </a:lnTo>
                    <a:lnTo>
                      <a:pt x="995" y="5997"/>
                    </a:lnTo>
                    <a:lnTo>
                      <a:pt x="979" y="5990"/>
                    </a:lnTo>
                    <a:lnTo>
                      <a:pt x="966" y="5983"/>
                    </a:lnTo>
                    <a:lnTo>
                      <a:pt x="954" y="5979"/>
                    </a:lnTo>
                    <a:lnTo>
                      <a:pt x="943" y="5975"/>
                    </a:lnTo>
                    <a:lnTo>
                      <a:pt x="931" y="5973"/>
                    </a:lnTo>
                    <a:lnTo>
                      <a:pt x="908" y="5968"/>
                    </a:lnTo>
                    <a:lnTo>
                      <a:pt x="881" y="5962"/>
                    </a:lnTo>
                    <a:lnTo>
                      <a:pt x="848" y="5949"/>
                    </a:lnTo>
                    <a:lnTo>
                      <a:pt x="798" y="5933"/>
                    </a:lnTo>
                    <a:lnTo>
                      <a:pt x="785" y="5930"/>
                    </a:lnTo>
                    <a:lnTo>
                      <a:pt x="773" y="5929"/>
                    </a:lnTo>
                    <a:lnTo>
                      <a:pt x="763" y="5929"/>
                    </a:lnTo>
                    <a:lnTo>
                      <a:pt x="755" y="5931"/>
                    </a:lnTo>
                    <a:lnTo>
                      <a:pt x="751" y="5934"/>
                    </a:lnTo>
                    <a:lnTo>
                      <a:pt x="748" y="5936"/>
                    </a:lnTo>
                    <a:lnTo>
                      <a:pt x="747" y="5940"/>
                    </a:lnTo>
                    <a:lnTo>
                      <a:pt x="746" y="5944"/>
                    </a:lnTo>
                    <a:lnTo>
                      <a:pt x="746" y="5949"/>
                    </a:lnTo>
                    <a:lnTo>
                      <a:pt x="746" y="5956"/>
                    </a:lnTo>
                    <a:lnTo>
                      <a:pt x="747" y="5962"/>
                    </a:lnTo>
                    <a:lnTo>
                      <a:pt x="750" y="5970"/>
                    </a:lnTo>
                    <a:lnTo>
                      <a:pt x="755" y="5983"/>
                    </a:lnTo>
                    <a:lnTo>
                      <a:pt x="757" y="5993"/>
                    </a:lnTo>
                    <a:lnTo>
                      <a:pt x="757" y="6000"/>
                    </a:lnTo>
                    <a:lnTo>
                      <a:pt x="757" y="6005"/>
                    </a:lnTo>
                    <a:lnTo>
                      <a:pt x="755" y="6008"/>
                    </a:lnTo>
                    <a:lnTo>
                      <a:pt x="751" y="6008"/>
                    </a:lnTo>
                    <a:lnTo>
                      <a:pt x="747" y="6008"/>
                    </a:lnTo>
                    <a:lnTo>
                      <a:pt x="742" y="6006"/>
                    </a:lnTo>
                    <a:lnTo>
                      <a:pt x="729" y="6001"/>
                    </a:lnTo>
                    <a:lnTo>
                      <a:pt x="715" y="5996"/>
                    </a:lnTo>
                    <a:lnTo>
                      <a:pt x="708" y="5995"/>
                    </a:lnTo>
                    <a:lnTo>
                      <a:pt x="702" y="5995"/>
                    </a:lnTo>
                    <a:lnTo>
                      <a:pt x="695" y="5996"/>
                    </a:lnTo>
                    <a:lnTo>
                      <a:pt x="690" y="5999"/>
                    </a:lnTo>
                    <a:lnTo>
                      <a:pt x="676" y="6012"/>
                    </a:lnTo>
                    <a:lnTo>
                      <a:pt x="663" y="6025"/>
                    </a:lnTo>
                    <a:lnTo>
                      <a:pt x="654" y="6039"/>
                    </a:lnTo>
                    <a:lnTo>
                      <a:pt x="646" y="6054"/>
                    </a:lnTo>
                    <a:lnTo>
                      <a:pt x="640" y="6070"/>
                    </a:lnTo>
                    <a:lnTo>
                      <a:pt x="634" y="6085"/>
                    </a:lnTo>
                    <a:lnTo>
                      <a:pt x="630" y="6104"/>
                    </a:lnTo>
                    <a:lnTo>
                      <a:pt x="628" y="6120"/>
                    </a:lnTo>
                    <a:lnTo>
                      <a:pt x="627" y="6133"/>
                    </a:lnTo>
                    <a:lnTo>
                      <a:pt x="627" y="6146"/>
                    </a:lnTo>
                    <a:lnTo>
                      <a:pt x="628" y="6157"/>
                    </a:lnTo>
                    <a:lnTo>
                      <a:pt x="630" y="6167"/>
                    </a:lnTo>
                    <a:lnTo>
                      <a:pt x="640" y="6184"/>
                    </a:lnTo>
                    <a:lnTo>
                      <a:pt x="649" y="6201"/>
                    </a:lnTo>
                    <a:lnTo>
                      <a:pt x="653" y="6207"/>
                    </a:lnTo>
                    <a:lnTo>
                      <a:pt x="656" y="6215"/>
                    </a:lnTo>
                    <a:lnTo>
                      <a:pt x="659" y="6223"/>
                    </a:lnTo>
                    <a:lnTo>
                      <a:pt x="660" y="6230"/>
                    </a:lnTo>
                    <a:lnTo>
                      <a:pt x="660" y="6240"/>
                    </a:lnTo>
                    <a:lnTo>
                      <a:pt x="659" y="6249"/>
                    </a:lnTo>
                    <a:lnTo>
                      <a:pt x="656" y="6259"/>
                    </a:lnTo>
                    <a:lnTo>
                      <a:pt x="650" y="6269"/>
                    </a:lnTo>
                    <a:lnTo>
                      <a:pt x="640" y="6285"/>
                    </a:lnTo>
                    <a:lnTo>
                      <a:pt x="632" y="6297"/>
                    </a:lnTo>
                    <a:lnTo>
                      <a:pt x="625" y="6306"/>
                    </a:lnTo>
                    <a:lnTo>
                      <a:pt x="619" y="6312"/>
                    </a:lnTo>
                    <a:lnTo>
                      <a:pt x="615" y="6316"/>
                    </a:lnTo>
                    <a:lnTo>
                      <a:pt x="610" y="6317"/>
                    </a:lnTo>
                    <a:lnTo>
                      <a:pt x="606" y="6317"/>
                    </a:lnTo>
                    <a:lnTo>
                      <a:pt x="602" y="6315"/>
                    </a:lnTo>
                    <a:lnTo>
                      <a:pt x="592" y="6307"/>
                    </a:lnTo>
                    <a:lnTo>
                      <a:pt x="577" y="6297"/>
                    </a:lnTo>
                    <a:lnTo>
                      <a:pt x="568" y="6291"/>
                    </a:lnTo>
                    <a:lnTo>
                      <a:pt x="558" y="6286"/>
                    </a:lnTo>
                    <a:lnTo>
                      <a:pt x="545" y="6281"/>
                    </a:lnTo>
                    <a:lnTo>
                      <a:pt x="529" y="6277"/>
                    </a:lnTo>
                    <a:lnTo>
                      <a:pt x="518" y="6275"/>
                    </a:lnTo>
                    <a:lnTo>
                      <a:pt x="507" y="6275"/>
                    </a:lnTo>
                    <a:lnTo>
                      <a:pt x="498" y="6275"/>
                    </a:lnTo>
                    <a:lnTo>
                      <a:pt x="488" y="6275"/>
                    </a:lnTo>
                    <a:lnTo>
                      <a:pt x="470" y="6280"/>
                    </a:lnTo>
                    <a:lnTo>
                      <a:pt x="452" y="6285"/>
                    </a:lnTo>
                    <a:lnTo>
                      <a:pt x="435" y="6293"/>
                    </a:lnTo>
                    <a:lnTo>
                      <a:pt x="417" y="6299"/>
                    </a:lnTo>
                    <a:lnTo>
                      <a:pt x="397" y="6306"/>
                    </a:lnTo>
                    <a:lnTo>
                      <a:pt x="378" y="6309"/>
                    </a:lnTo>
                    <a:lnTo>
                      <a:pt x="369" y="6311"/>
                    </a:lnTo>
                    <a:lnTo>
                      <a:pt x="361" y="6311"/>
                    </a:lnTo>
                    <a:lnTo>
                      <a:pt x="352" y="6309"/>
                    </a:lnTo>
                    <a:lnTo>
                      <a:pt x="343" y="6308"/>
                    </a:lnTo>
                    <a:lnTo>
                      <a:pt x="326" y="6304"/>
                    </a:lnTo>
                    <a:lnTo>
                      <a:pt x="309" y="6298"/>
                    </a:lnTo>
                    <a:lnTo>
                      <a:pt x="294" y="6289"/>
                    </a:lnTo>
                    <a:lnTo>
                      <a:pt x="278" y="6280"/>
                    </a:lnTo>
                    <a:lnTo>
                      <a:pt x="263" y="6271"/>
                    </a:lnTo>
                    <a:lnTo>
                      <a:pt x="248" y="6262"/>
                    </a:lnTo>
                    <a:lnTo>
                      <a:pt x="247" y="6259"/>
                    </a:lnTo>
                    <a:lnTo>
                      <a:pt x="247" y="6255"/>
                    </a:lnTo>
                    <a:lnTo>
                      <a:pt x="248" y="6251"/>
                    </a:lnTo>
                    <a:lnTo>
                      <a:pt x="250" y="6245"/>
                    </a:lnTo>
                    <a:lnTo>
                      <a:pt x="256" y="6232"/>
                    </a:lnTo>
                    <a:lnTo>
                      <a:pt x="263" y="6216"/>
                    </a:lnTo>
                    <a:lnTo>
                      <a:pt x="270" y="6201"/>
                    </a:lnTo>
                    <a:lnTo>
                      <a:pt x="277" y="6186"/>
                    </a:lnTo>
                    <a:lnTo>
                      <a:pt x="282" y="6173"/>
                    </a:lnTo>
                    <a:lnTo>
                      <a:pt x="285" y="6167"/>
                    </a:lnTo>
                    <a:lnTo>
                      <a:pt x="283" y="6161"/>
                    </a:lnTo>
                    <a:lnTo>
                      <a:pt x="283" y="6155"/>
                    </a:lnTo>
                    <a:lnTo>
                      <a:pt x="281" y="6150"/>
                    </a:lnTo>
                    <a:lnTo>
                      <a:pt x="278" y="6146"/>
                    </a:lnTo>
                    <a:lnTo>
                      <a:pt x="273" y="6137"/>
                    </a:lnTo>
                    <a:lnTo>
                      <a:pt x="265" y="6128"/>
                    </a:lnTo>
                    <a:lnTo>
                      <a:pt x="257" y="6120"/>
                    </a:lnTo>
                    <a:lnTo>
                      <a:pt x="250" y="6111"/>
                    </a:lnTo>
                    <a:lnTo>
                      <a:pt x="243" y="6104"/>
                    </a:lnTo>
                    <a:lnTo>
                      <a:pt x="237" y="6093"/>
                    </a:lnTo>
                    <a:lnTo>
                      <a:pt x="233" y="6082"/>
                    </a:lnTo>
                    <a:lnTo>
                      <a:pt x="229" y="6069"/>
                    </a:lnTo>
                    <a:lnTo>
                      <a:pt x="228" y="6054"/>
                    </a:lnTo>
                    <a:lnTo>
                      <a:pt x="225" y="6039"/>
                    </a:lnTo>
                    <a:lnTo>
                      <a:pt x="224" y="6005"/>
                    </a:lnTo>
                    <a:lnTo>
                      <a:pt x="224" y="5971"/>
                    </a:lnTo>
                    <a:lnTo>
                      <a:pt x="222" y="5939"/>
                    </a:lnTo>
                    <a:lnTo>
                      <a:pt x="220" y="5908"/>
                    </a:lnTo>
                    <a:lnTo>
                      <a:pt x="216" y="5895"/>
                    </a:lnTo>
                    <a:lnTo>
                      <a:pt x="212" y="5883"/>
                    </a:lnTo>
                    <a:lnTo>
                      <a:pt x="207" y="5873"/>
                    </a:lnTo>
                    <a:lnTo>
                      <a:pt x="200" y="5864"/>
                    </a:lnTo>
                    <a:lnTo>
                      <a:pt x="184" y="5848"/>
                    </a:lnTo>
                    <a:lnTo>
                      <a:pt x="167" y="5831"/>
                    </a:lnTo>
                    <a:lnTo>
                      <a:pt x="164" y="5828"/>
                    </a:lnTo>
                    <a:lnTo>
                      <a:pt x="163" y="5824"/>
                    </a:lnTo>
                    <a:lnTo>
                      <a:pt x="163" y="5820"/>
                    </a:lnTo>
                    <a:lnTo>
                      <a:pt x="164" y="5817"/>
                    </a:lnTo>
                    <a:lnTo>
                      <a:pt x="168" y="5816"/>
                    </a:lnTo>
                    <a:lnTo>
                      <a:pt x="172" y="5815"/>
                    </a:lnTo>
                    <a:lnTo>
                      <a:pt x="180" y="5813"/>
                    </a:lnTo>
                    <a:lnTo>
                      <a:pt x="189" y="5813"/>
                    </a:lnTo>
                    <a:lnTo>
                      <a:pt x="196" y="5815"/>
                    </a:lnTo>
                    <a:lnTo>
                      <a:pt x="202" y="5816"/>
                    </a:lnTo>
                    <a:lnTo>
                      <a:pt x="207" y="5819"/>
                    </a:lnTo>
                    <a:lnTo>
                      <a:pt x="211" y="5821"/>
                    </a:lnTo>
                    <a:lnTo>
                      <a:pt x="219" y="5829"/>
                    </a:lnTo>
                    <a:lnTo>
                      <a:pt x="224" y="5838"/>
                    </a:lnTo>
                    <a:lnTo>
                      <a:pt x="229" y="5848"/>
                    </a:lnTo>
                    <a:lnTo>
                      <a:pt x="235" y="5856"/>
                    </a:lnTo>
                    <a:lnTo>
                      <a:pt x="238" y="5860"/>
                    </a:lnTo>
                    <a:lnTo>
                      <a:pt x="242" y="5864"/>
                    </a:lnTo>
                    <a:lnTo>
                      <a:pt x="247" y="5866"/>
                    </a:lnTo>
                    <a:lnTo>
                      <a:pt x="252" y="5868"/>
                    </a:lnTo>
                    <a:lnTo>
                      <a:pt x="256" y="5868"/>
                    </a:lnTo>
                    <a:lnTo>
                      <a:pt x="257" y="5866"/>
                    </a:lnTo>
                    <a:lnTo>
                      <a:pt x="260" y="5863"/>
                    </a:lnTo>
                    <a:lnTo>
                      <a:pt x="261" y="5859"/>
                    </a:lnTo>
                    <a:lnTo>
                      <a:pt x="263" y="5847"/>
                    </a:lnTo>
                    <a:lnTo>
                      <a:pt x="263" y="5833"/>
                    </a:lnTo>
                    <a:lnTo>
                      <a:pt x="261" y="5819"/>
                    </a:lnTo>
                    <a:lnTo>
                      <a:pt x="259" y="5806"/>
                    </a:lnTo>
                    <a:lnTo>
                      <a:pt x="257" y="5794"/>
                    </a:lnTo>
                    <a:lnTo>
                      <a:pt x="255" y="5787"/>
                    </a:lnTo>
                    <a:lnTo>
                      <a:pt x="246" y="5776"/>
                    </a:lnTo>
                    <a:lnTo>
                      <a:pt x="238" y="5767"/>
                    </a:lnTo>
                    <a:lnTo>
                      <a:pt x="234" y="5762"/>
                    </a:lnTo>
                    <a:lnTo>
                      <a:pt x="230" y="5756"/>
                    </a:lnTo>
                    <a:lnTo>
                      <a:pt x="229" y="5750"/>
                    </a:lnTo>
                    <a:lnTo>
                      <a:pt x="228" y="5743"/>
                    </a:lnTo>
                    <a:lnTo>
                      <a:pt x="243" y="5741"/>
                    </a:lnTo>
                    <a:lnTo>
                      <a:pt x="257" y="5741"/>
                    </a:lnTo>
                    <a:lnTo>
                      <a:pt x="269" y="5742"/>
                    </a:lnTo>
                    <a:lnTo>
                      <a:pt x="278" y="5743"/>
                    </a:lnTo>
                    <a:lnTo>
                      <a:pt x="282" y="5743"/>
                    </a:lnTo>
                    <a:lnTo>
                      <a:pt x="286" y="5742"/>
                    </a:lnTo>
                    <a:lnTo>
                      <a:pt x="288" y="5740"/>
                    </a:lnTo>
                    <a:lnTo>
                      <a:pt x="291" y="5736"/>
                    </a:lnTo>
                    <a:lnTo>
                      <a:pt x="294" y="5732"/>
                    </a:lnTo>
                    <a:lnTo>
                      <a:pt x="295" y="5725"/>
                    </a:lnTo>
                    <a:lnTo>
                      <a:pt x="296" y="5716"/>
                    </a:lnTo>
                    <a:lnTo>
                      <a:pt x="298" y="5706"/>
                    </a:lnTo>
                    <a:lnTo>
                      <a:pt x="296" y="5693"/>
                    </a:lnTo>
                    <a:lnTo>
                      <a:pt x="294" y="5683"/>
                    </a:lnTo>
                    <a:lnTo>
                      <a:pt x="290" y="5673"/>
                    </a:lnTo>
                    <a:lnTo>
                      <a:pt x="285" y="5667"/>
                    </a:lnTo>
                    <a:lnTo>
                      <a:pt x="277" y="5660"/>
                    </a:lnTo>
                    <a:lnTo>
                      <a:pt x="269" y="5654"/>
                    </a:lnTo>
                    <a:lnTo>
                      <a:pt x="259" y="5649"/>
                    </a:lnTo>
                    <a:lnTo>
                      <a:pt x="248" y="5644"/>
                    </a:lnTo>
                    <a:lnTo>
                      <a:pt x="243" y="5640"/>
                    </a:lnTo>
                    <a:lnTo>
                      <a:pt x="239" y="5637"/>
                    </a:lnTo>
                    <a:lnTo>
                      <a:pt x="235" y="5632"/>
                    </a:lnTo>
                    <a:lnTo>
                      <a:pt x="233" y="5628"/>
                    </a:lnTo>
                    <a:lnTo>
                      <a:pt x="230" y="5618"/>
                    </a:lnTo>
                    <a:lnTo>
                      <a:pt x="229" y="5606"/>
                    </a:lnTo>
                    <a:lnTo>
                      <a:pt x="229" y="5596"/>
                    </a:lnTo>
                    <a:lnTo>
                      <a:pt x="226" y="5584"/>
                    </a:lnTo>
                    <a:lnTo>
                      <a:pt x="225" y="5579"/>
                    </a:lnTo>
                    <a:lnTo>
                      <a:pt x="224" y="5574"/>
                    </a:lnTo>
                    <a:lnTo>
                      <a:pt x="221" y="5569"/>
                    </a:lnTo>
                    <a:lnTo>
                      <a:pt x="219" y="5565"/>
                    </a:lnTo>
                    <a:lnTo>
                      <a:pt x="206" y="5553"/>
                    </a:lnTo>
                    <a:lnTo>
                      <a:pt x="196" y="5543"/>
                    </a:lnTo>
                    <a:lnTo>
                      <a:pt x="191" y="5536"/>
                    </a:lnTo>
                    <a:lnTo>
                      <a:pt x="187" y="5530"/>
                    </a:lnTo>
                    <a:lnTo>
                      <a:pt x="185" y="5522"/>
                    </a:lnTo>
                    <a:lnTo>
                      <a:pt x="181" y="5513"/>
                    </a:lnTo>
                    <a:lnTo>
                      <a:pt x="159" y="5426"/>
                    </a:lnTo>
                    <a:lnTo>
                      <a:pt x="147" y="5392"/>
                    </a:lnTo>
                    <a:lnTo>
                      <a:pt x="136" y="5360"/>
                    </a:lnTo>
                    <a:lnTo>
                      <a:pt x="124" y="5328"/>
                    </a:lnTo>
                    <a:lnTo>
                      <a:pt x="112" y="5295"/>
                    </a:lnTo>
                    <a:lnTo>
                      <a:pt x="110" y="5282"/>
                    </a:lnTo>
                    <a:lnTo>
                      <a:pt x="108" y="5271"/>
                    </a:lnTo>
                    <a:lnTo>
                      <a:pt x="107" y="5258"/>
                    </a:lnTo>
                    <a:lnTo>
                      <a:pt x="107" y="5246"/>
                    </a:lnTo>
                    <a:lnTo>
                      <a:pt x="108" y="5223"/>
                    </a:lnTo>
                    <a:lnTo>
                      <a:pt x="112" y="5199"/>
                    </a:lnTo>
                    <a:lnTo>
                      <a:pt x="116" y="5176"/>
                    </a:lnTo>
                    <a:lnTo>
                      <a:pt x="119" y="5153"/>
                    </a:lnTo>
                    <a:lnTo>
                      <a:pt x="120" y="5141"/>
                    </a:lnTo>
                    <a:lnTo>
                      <a:pt x="120" y="5129"/>
                    </a:lnTo>
                    <a:lnTo>
                      <a:pt x="120" y="5118"/>
                    </a:lnTo>
                    <a:lnTo>
                      <a:pt x="117" y="5106"/>
                    </a:lnTo>
                    <a:lnTo>
                      <a:pt x="115" y="5089"/>
                    </a:lnTo>
                    <a:lnTo>
                      <a:pt x="112" y="5075"/>
                    </a:lnTo>
                    <a:lnTo>
                      <a:pt x="114" y="5065"/>
                    </a:lnTo>
                    <a:lnTo>
                      <a:pt x="116" y="5056"/>
                    </a:lnTo>
                    <a:lnTo>
                      <a:pt x="125" y="5037"/>
                    </a:lnTo>
                    <a:lnTo>
                      <a:pt x="138" y="5011"/>
                    </a:lnTo>
                    <a:lnTo>
                      <a:pt x="142" y="5000"/>
                    </a:lnTo>
                    <a:lnTo>
                      <a:pt x="145" y="4988"/>
                    </a:lnTo>
                    <a:lnTo>
                      <a:pt x="146" y="4977"/>
                    </a:lnTo>
                    <a:lnTo>
                      <a:pt x="147" y="4965"/>
                    </a:lnTo>
                    <a:lnTo>
                      <a:pt x="147" y="4940"/>
                    </a:lnTo>
                    <a:lnTo>
                      <a:pt x="149" y="4917"/>
                    </a:lnTo>
                    <a:lnTo>
                      <a:pt x="152" y="4903"/>
                    </a:lnTo>
                    <a:lnTo>
                      <a:pt x="159" y="4890"/>
                    </a:lnTo>
                    <a:lnTo>
                      <a:pt x="165" y="4877"/>
                    </a:lnTo>
                    <a:lnTo>
                      <a:pt x="171" y="4863"/>
                    </a:lnTo>
                    <a:lnTo>
                      <a:pt x="171" y="4860"/>
                    </a:lnTo>
                    <a:lnTo>
                      <a:pt x="171" y="4856"/>
                    </a:lnTo>
                    <a:lnTo>
                      <a:pt x="169" y="4853"/>
                    </a:lnTo>
                    <a:lnTo>
                      <a:pt x="168" y="4851"/>
                    </a:lnTo>
                    <a:lnTo>
                      <a:pt x="163" y="4847"/>
                    </a:lnTo>
                    <a:lnTo>
                      <a:pt x="156" y="4843"/>
                    </a:lnTo>
                    <a:lnTo>
                      <a:pt x="142" y="4838"/>
                    </a:lnTo>
                    <a:lnTo>
                      <a:pt x="129" y="4831"/>
                    </a:lnTo>
                    <a:lnTo>
                      <a:pt x="128" y="4825"/>
                    </a:lnTo>
                    <a:lnTo>
                      <a:pt x="125" y="4821"/>
                    </a:lnTo>
                    <a:lnTo>
                      <a:pt x="121" y="4820"/>
                    </a:lnTo>
                    <a:lnTo>
                      <a:pt x="117" y="4820"/>
                    </a:lnTo>
                    <a:lnTo>
                      <a:pt x="107" y="4825"/>
                    </a:lnTo>
                    <a:lnTo>
                      <a:pt x="95" y="4833"/>
                    </a:lnTo>
                    <a:lnTo>
                      <a:pt x="89" y="4835"/>
                    </a:lnTo>
                    <a:lnTo>
                      <a:pt x="84" y="4838"/>
                    </a:lnTo>
                    <a:lnTo>
                      <a:pt x="79" y="4839"/>
                    </a:lnTo>
                    <a:lnTo>
                      <a:pt x="73" y="4839"/>
                    </a:lnTo>
                    <a:lnTo>
                      <a:pt x="70" y="4837"/>
                    </a:lnTo>
                    <a:lnTo>
                      <a:pt x="67" y="4833"/>
                    </a:lnTo>
                    <a:lnTo>
                      <a:pt x="64" y="4825"/>
                    </a:lnTo>
                    <a:lnTo>
                      <a:pt x="64" y="4813"/>
                    </a:lnTo>
                    <a:lnTo>
                      <a:pt x="60" y="4812"/>
                    </a:lnTo>
                    <a:lnTo>
                      <a:pt x="57" y="4812"/>
                    </a:lnTo>
                    <a:lnTo>
                      <a:pt x="53" y="4813"/>
                    </a:lnTo>
                    <a:lnTo>
                      <a:pt x="48" y="4815"/>
                    </a:lnTo>
                    <a:lnTo>
                      <a:pt x="38" y="4820"/>
                    </a:lnTo>
                    <a:lnTo>
                      <a:pt x="31" y="4825"/>
                    </a:lnTo>
                    <a:lnTo>
                      <a:pt x="22" y="4830"/>
                    </a:lnTo>
                    <a:lnTo>
                      <a:pt x="14" y="4834"/>
                    </a:lnTo>
                    <a:lnTo>
                      <a:pt x="11" y="4834"/>
                    </a:lnTo>
                    <a:lnTo>
                      <a:pt x="7" y="4834"/>
                    </a:lnTo>
                    <a:lnTo>
                      <a:pt x="5" y="4831"/>
                    </a:lnTo>
                    <a:lnTo>
                      <a:pt x="2" y="4828"/>
                    </a:lnTo>
                    <a:lnTo>
                      <a:pt x="0" y="4820"/>
                    </a:lnTo>
                    <a:lnTo>
                      <a:pt x="0" y="4811"/>
                    </a:lnTo>
                    <a:lnTo>
                      <a:pt x="1" y="4800"/>
                    </a:lnTo>
                    <a:lnTo>
                      <a:pt x="2" y="4790"/>
                    </a:lnTo>
                    <a:lnTo>
                      <a:pt x="7" y="4769"/>
                    </a:lnTo>
                    <a:lnTo>
                      <a:pt x="13" y="4751"/>
                    </a:lnTo>
                    <a:lnTo>
                      <a:pt x="16" y="4728"/>
                    </a:lnTo>
                    <a:lnTo>
                      <a:pt x="20" y="4703"/>
                    </a:lnTo>
                    <a:lnTo>
                      <a:pt x="24" y="4677"/>
                    </a:lnTo>
                    <a:lnTo>
                      <a:pt x="25" y="4651"/>
                    </a:lnTo>
                    <a:lnTo>
                      <a:pt x="27" y="4625"/>
                    </a:lnTo>
                    <a:lnTo>
                      <a:pt x="27" y="4600"/>
                    </a:lnTo>
                    <a:lnTo>
                      <a:pt x="24" y="4575"/>
                    </a:lnTo>
                    <a:lnTo>
                      <a:pt x="20" y="4552"/>
                    </a:lnTo>
                    <a:lnTo>
                      <a:pt x="24" y="4545"/>
                    </a:lnTo>
                    <a:lnTo>
                      <a:pt x="31" y="4540"/>
                    </a:lnTo>
                    <a:lnTo>
                      <a:pt x="37" y="4536"/>
                    </a:lnTo>
                    <a:lnTo>
                      <a:pt x="45" y="4532"/>
                    </a:lnTo>
                    <a:lnTo>
                      <a:pt x="62" y="4528"/>
                    </a:lnTo>
                    <a:lnTo>
                      <a:pt x="76" y="4524"/>
                    </a:lnTo>
                    <a:lnTo>
                      <a:pt x="76" y="4524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49" name="Freeform 44"/>
              <p:cNvSpPr>
                <a:spLocks noEditPoints="1"/>
              </p:cNvSpPr>
              <p:nvPr/>
            </p:nvSpPr>
            <p:spPr bwMode="auto">
              <a:xfrm>
                <a:off x="8481126" y="-146180"/>
                <a:ext cx="1147665" cy="2162147"/>
              </a:xfrm>
              <a:custGeom>
                <a:avLst/>
                <a:gdLst/>
                <a:ahLst/>
                <a:cxnLst>
                  <a:cxn ang="0">
                    <a:pos x="48" y="4558"/>
                  </a:cxn>
                  <a:cxn ang="0">
                    <a:pos x="101" y="4521"/>
                  </a:cxn>
                  <a:cxn ang="0">
                    <a:pos x="111" y="4640"/>
                  </a:cxn>
                  <a:cxn ang="0">
                    <a:pos x="113" y="4684"/>
                  </a:cxn>
                  <a:cxn ang="0">
                    <a:pos x="479" y="786"/>
                  </a:cxn>
                  <a:cxn ang="0">
                    <a:pos x="676" y="956"/>
                  </a:cxn>
                  <a:cxn ang="0">
                    <a:pos x="733" y="1202"/>
                  </a:cxn>
                  <a:cxn ang="0">
                    <a:pos x="781" y="1427"/>
                  </a:cxn>
                  <a:cxn ang="0">
                    <a:pos x="785" y="1722"/>
                  </a:cxn>
                  <a:cxn ang="0">
                    <a:pos x="899" y="1961"/>
                  </a:cxn>
                  <a:cxn ang="0">
                    <a:pos x="1075" y="2080"/>
                  </a:cxn>
                  <a:cxn ang="0">
                    <a:pos x="1091" y="2239"/>
                  </a:cxn>
                  <a:cxn ang="0">
                    <a:pos x="1118" y="2357"/>
                  </a:cxn>
                  <a:cxn ang="0">
                    <a:pos x="1040" y="2399"/>
                  </a:cxn>
                  <a:cxn ang="0">
                    <a:pos x="913" y="2558"/>
                  </a:cxn>
                  <a:cxn ang="0">
                    <a:pos x="760" y="2751"/>
                  </a:cxn>
                  <a:cxn ang="0">
                    <a:pos x="595" y="2945"/>
                  </a:cxn>
                  <a:cxn ang="0">
                    <a:pos x="529" y="3110"/>
                  </a:cxn>
                  <a:cxn ang="0">
                    <a:pos x="469" y="3188"/>
                  </a:cxn>
                  <a:cxn ang="0">
                    <a:pos x="367" y="3273"/>
                  </a:cxn>
                  <a:cxn ang="0">
                    <a:pos x="307" y="3467"/>
                  </a:cxn>
                  <a:cxn ang="0">
                    <a:pos x="341" y="3609"/>
                  </a:cxn>
                  <a:cxn ang="0">
                    <a:pos x="333" y="3796"/>
                  </a:cxn>
                  <a:cxn ang="0">
                    <a:pos x="391" y="3918"/>
                  </a:cxn>
                  <a:cxn ang="0">
                    <a:pos x="376" y="4088"/>
                  </a:cxn>
                  <a:cxn ang="0">
                    <a:pos x="399" y="4234"/>
                  </a:cxn>
                  <a:cxn ang="0">
                    <a:pos x="433" y="4403"/>
                  </a:cxn>
                  <a:cxn ang="0">
                    <a:pos x="501" y="4441"/>
                  </a:cxn>
                  <a:cxn ang="0">
                    <a:pos x="672" y="4466"/>
                  </a:cxn>
                  <a:cxn ang="0">
                    <a:pos x="658" y="4517"/>
                  </a:cxn>
                  <a:cxn ang="0">
                    <a:pos x="643" y="4638"/>
                  </a:cxn>
                  <a:cxn ang="0">
                    <a:pos x="744" y="4684"/>
                  </a:cxn>
                  <a:cxn ang="0">
                    <a:pos x="845" y="4607"/>
                  </a:cxn>
                  <a:cxn ang="0">
                    <a:pos x="881" y="4717"/>
                  </a:cxn>
                  <a:cxn ang="0">
                    <a:pos x="894" y="4785"/>
                  </a:cxn>
                  <a:cxn ang="0">
                    <a:pos x="1056" y="4701"/>
                  </a:cxn>
                  <a:cxn ang="0">
                    <a:pos x="1354" y="4562"/>
                  </a:cxn>
                  <a:cxn ang="0">
                    <a:pos x="1516" y="4430"/>
                  </a:cxn>
                  <a:cxn ang="0">
                    <a:pos x="1815" y="4392"/>
                  </a:cxn>
                  <a:cxn ang="0">
                    <a:pos x="1862" y="4256"/>
                  </a:cxn>
                  <a:cxn ang="0">
                    <a:pos x="2144" y="3792"/>
                  </a:cxn>
                  <a:cxn ang="0">
                    <a:pos x="2472" y="3274"/>
                  </a:cxn>
                  <a:cxn ang="0">
                    <a:pos x="2347" y="2903"/>
                  </a:cxn>
                  <a:cxn ang="0">
                    <a:pos x="2160" y="2734"/>
                  </a:cxn>
                  <a:cxn ang="0">
                    <a:pos x="2153" y="2458"/>
                  </a:cxn>
                  <a:cxn ang="0">
                    <a:pos x="2035" y="2229"/>
                  </a:cxn>
                  <a:cxn ang="0">
                    <a:pos x="1945" y="1948"/>
                  </a:cxn>
                  <a:cxn ang="0">
                    <a:pos x="1898" y="1642"/>
                  </a:cxn>
                  <a:cxn ang="0">
                    <a:pos x="1711" y="1348"/>
                  </a:cxn>
                  <a:cxn ang="0">
                    <a:pos x="1787" y="992"/>
                  </a:cxn>
                  <a:cxn ang="0">
                    <a:pos x="1520" y="654"/>
                  </a:cxn>
                  <a:cxn ang="0">
                    <a:pos x="1473" y="430"/>
                  </a:cxn>
                  <a:cxn ang="0">
                    <a:pos x="1460" y="114"/>
                  </a:cxn>
                  <a:cxn ang="0">
                    <a:pos x="1240" y="2"/>
                  </a:cxn>
                  <a:cxn ang="0">
                    <a:pos x="1143" y="80"/>
                  </a:cxn>
                  <a:cxn ang="0">
                    <a:pos x="1079" y="257"/>
                  </a:cxn>
                  <a:cxn ang="0">
                    <a:pos x="1038" y="537"/>
                  </a:cxn>
                  <a:cxn ang="0">
                    <a:pos x="893" y="682"/>
                  </a:cxn>
                  <a:cxn ang="0">
                    <a:pos x="672" y="650"/>
                  </a:cxn>
                  <a:cxn ang="0">
                    <a:pos x="464" y="541"/>
                  </a:cxn>
                </a:cxnLst>
                <a:rect l="0" t="0" r="r" b="b"/>
                <a:pathLst>
                  <a:path w="2517" h="4789">
                    <a:moveTo>
                      <a:pt x="67" y="4675"/>
                    </a:moveTo>
                    <a:lnTo>
                      <a:pt x="64" y="4673"/>
                    </a:lnTo>
                    <a:lnTo>
                      <a:pt x="60" y="4672"/>
                    </a:lnTo>
                    <a:lnTo>
                      <a:pt x="56" y="4668"/>
                    </a:lnTo>
                    <a:lnTo>
                      <a:pt x="51" y="4664"/>
                    </a:lnTo>
                    <a:lnTo>
                      <a:pt x="39" y="4653"/>
                    </a:lnTo>
                    <a:lnTo>
                      <a:pt x="29" y="4638"/>
                    </a:lnTo>
                    <a:lnTo>
                      <a:pt x="17" y="4623"/>
                    </a:lnTo>
                    <a:lnTo>
                      <a:pt x="9" y="4609"/>
                    </a:lnTo>
                    <a:lnTo>
                      <a:pt x="3" y="4597"/>
                    </a:lnTo>
                    <a:lnTo>
                      <a:pt x="0" y="4589"/>
                    </a:lnTo>
                    <a:lnTo>
                      <a:pt x="14" y="4585"/>
                    </a:lnTo>
                    <a:lnTo>
                      <a:pt x="31" y="4579"/>
                    </a:lnTo>
                    <a:lnTo>
                      <a:pt x="39" y="4574"/>
                    </a:lnTo>
                    <a:lnTo>
                      <a:pt x="45" y="4568"/>
                    </a:lnTo>
                    <a:lnTo>
                      <a:pt x="47" y="4565"/>
                    </a:lnTo>
                    <a:lnTo>
                      <a:pt x="48" y="4562"/>
                    </a:lnTo>
                    <a:lnTo>
                      <a:pt x="48" y="4558"/>
                    </a:lnTo>
                    <a:lnTo>
                      <a:pt x="47" y="4554"/>
                    </a:lnTo>
                    <a:lnTo>
                      <a:pt x="40" y="4539"/>
                    </a:lnTo>
                    <a:lnTo>
                      <a:pt x="31" y="4523"/>
                    </a:lnTo>
                    <a:lnTo>
                      <a:pt x="29" y="4515"/>
                    </a:lnTo>
                    <a:lnTo>
                      <a:pt x="27" y="4508"/>
                    </a:lnTo>
                    <a:lnTo>
                      <a:pt x="27" y="4502"/>
                    </a:lnTo>
                    <a:lnTo>
                      <a:pt x="27" y="4498"/>
                    </a:lnTo>
                    <a:lnTo>
                      <a:pt x="30" y="4493"/>
                    </a:lnTo>
                    <a:lnTo>
                      <a:pt x="31" y="4489"/>
                    </a:lnTo>
                    <a:lnTo>
                      <a:pt x="34" y="4487"/>
                    </a:lnTo>
                    <a:lnTo>
                      <a:pt x="36" y="4484"/>
                    </a:lnTo>
                    <a:lnTo>
                      <a:pt x="40" y="4483"/>
                    </a:lnTo>
                    <a:lnTo>
                      <a:pt x="44" y="4483"/>
                    </a:lnTo>
                    <a:lnTo>
                      <a:pt x="51" y="4484"/>
                    </a:lnTo>
                    <a:lnTo>
                      <a:pt x="58" y="4488"/>
                    </a:lnTo>
                    <a:lnTo>
                      <a:pt x="73" y="4498"/>
                    </a:lnTo>
                    <a:lnTo>
                      <a:pt x="83" y="4508"/>
                    </a:lnTo>
                    <a:lnTo>
                      <a:pt x="101" y="4521"/>
                    </a:lnTo>
                    <a:lnTo>
                      <a:pt x="124" y="4535"/>
                    </a:lnTo>
                    <a:lnTo>
                      <a:pt x="128" y="4539"/>
                    </a:lnTo>
                    <a:lnTo>
                      <a:pt x="133" y="4543"/>
                    </a:lnTo>
                    <a:lnTo>
                      <a:pt x="136" y="4546"/>
                    </a:lnTo>
                    <a:lnTo>
                      <a:pt x="139" y="4550"/>
                    </a:lnTo>
                    <a:lnTo>
                      <a:pt x="139" y="4554"/>
                    </a:lnTo>
                    <a:lnTo>
                      <a:pt x="139" y="4558"/>
                    </a:lnTo>
                    <a:lnTo>
                      <a:pt x="136" y="4562"/>
                    </a:lnTo>
                    <a:lnTo>
                      <a:pt x="131" y="4567"/>
                    </a:lnTo>
                    <a:lnTo>
                      <a:pt x="117" y="4576"/>
                    </a:lnTo>
                    <a:lnTo>
                      <a:pt x="108" y="4585"/>
                    </a:lnTo>
                    <a:lnTo>
                      <a:pt x="105" y="4590"/>
                    </a:lnTo>
                    <a:lnTo>
                      <a:pt x="104" y="4596"/>
                    </a:lnTo>
                    <a:lnTo>
                      <a:pt x="102" y="4603"/>
                    </a:lnTo>
                    <a:lnTo>
                      <a:pt x="102" y="4612"/>
                    </a:lnTo>
                    <a:lnTo>
                      <a:pt x="105" y="4624"/>
                    </a:lnTo>
                    <a:lnTo>
                      <a:pt x="109" y="4635"/>
                    </a:lnTo>
                    <a:lnTo>
                      <a:pt x="111" y="4640"/>
                    </a:lnTo>
                    <a:lnTo>
                      <a:pt x="115" y="4644"/>
                    </a:lnTo>
                    <a:lnTo>
                      <a:pt x="121" y="4646"/>
                    </a:lnTo>
                    <a:lnTo>
                      <a:pt x="126" y="4647"/>
                    </a:lnTo>
                    <a:lnTo>
                      <a:pt x="144" y="4644"/>
                    </a:lnTo>
                    <a:lnTo>
                      <a:pt x="157" y="4638"/>
                    </a:lnTo>
                    <a:lnTo>
                      <a:pt x="159" y="4638"/>
                    </a:lnTo>
                    <a:lnTo>
                      <a:pt x="161" y="4640"/>
                    </a:lnTo>
                    <a:lnTo>
                      <a:pt x="163" y="4641"/>
                    </a:lnTo>
                    <a:lnTo>
                      <a:pt x="163" y="4644"/>
                    </a:lnTo>
                    <a:lnTo>
                      <a:pt x="165" y="4653"/>
                    </a:lnTo>
                    <a:lnTo>
                      <a:pt x="165" y="4667"/>
                    </a:lnTo>
                    <a:lnTo>
                      <a:pt x="165" y="4672"/>
                    </a:lnTo>
                    <a:lnTo>
                      <a:pt x="162" y="4676"/>
                    </a:lnTo>
                    <a:lnTo>
                      <a:pt x="159" y="4679"/>
                    </a:lnTo>
                    <a:lnTo>
                      <a:pt x="155" y="4681"/>
                    </a:lnTo>
                    <a:lnTo>
                      <a:pt x="146" y="4684"/>
                    </a:lnTo>
                    <a:lnTo>
                      <a:pt x="136" y="4685"/>
                    </a:lnTo>
                    <a:lnTo>
                      <a:pt x="113" y="4684"/>
                    </a:lnTo>
                    <a:lnTo>
                      <a:pt x="96" y="4681"/>
                    </a:lnTo>
                    <a:lnTo>
                      <a:pt x="67" y="4675"/>
                    </a:lnTo>
                    <a:close/>
                    <a:moveTo>
                      <a:pt x="187" y="478"/>
                    </a:moveTo>
                    <a:lnTo>
                      <a:pt x="212" y="510"/>
                    </a:lnTo>
                    <a:lnTo>
                      <a:pt x="237" y="546"/>
                    </a:lnTo>
                    <a:lnTo>
                      <a:pt x="260" y="582"/>
                    </a:lnTo>
                    <a:lnTo>
                      <a:pt x="284" y="617"/>
                    </a:lnTo>
                    <a:lnTo>
                      <a:pt x="292" y="629"/>
                    </a:lnTo>
                    <a:lnTo>
                      <a:pt x="301" y="639"/>
                    </a:lnTo>
                    <a:lnTo>
                      <a:pt x="310" y="649"/>
                    </a:lnTo>
                    <a:lnTo>
                      <a:pt x="319" y="658"/>
                    </a:lnTo>
                    <a:lnTo>
                      <a:pt x="339" y="672"/>
                    </a:lnTo>
                    <a:lnTo>
                      <a:pt x="360" y="685"/>
                    </a:lnTo>
                    <a:lnTo>
                      <a:pt x="407" y="709"/>
                    </a:lnTo>
                    <a:lnTo>
                      <a:pt x="452" y="735"/>
                    </a:lnTo>
                    <a:lnTo>
                      <a:pt x="460" y="752"/>
                    </a:lnTo>
                    <a:lnTo>
                      <a:pt x="469" y="769"/>
                    </a:lnTo>
                    <a:lnTo>
                      <a:pt x="479" y="786"/>
                    </a:lnTo>
                    <a:lnTo>
                      <a:pt x="491" y="803"/>
                    </a:lnTo>
                    <a:lnTo>
                      <a:pt x="513" y="836"/>
                    </a:lnTo>
                    <a:lnTo>
                      <a:pt x="535" y="866"/>
                    </a:lnTo>
                    <a:lnTo>
                      <a:pt x="547" y="880"/>
                    </a:lnTo>
                    <a:lnTo>
                      <a:pt x="558" y="893"/>
                    </a:lnTo>
                    <a:lnTo>
                      <a:pt x="566" y="899"/>
                    </a:lnTo>
                    <a:lnTo>
                      <a:pt x="574" y="904"/>
                    </a:lnTo>
                    <a:lnTo>
                      <a:pt x="582" y="906"/>
                    </a:lnTo>
                    <a:lnTo>
                      <a:pt x="591" y="908"/>
                    </a:lnTo>
                    <a:lnTo>
                      <a:pt x="606" y="905"/>
                    </a:lnTo>
                    <a:lnTo>
                      <a:pt x="626" y="901"/>
                    </a:lnTo>
                    <a:lnTo>
                      <a:pt x="636" y="900"/>
                    </a:lnTo>
                    <a:lnTo>
                      <a:pt x="645" y="899"/>
                    </a:lnTo>
                    <a:lnTo>
                      <a:pt x="653" y="899"/>
                    </a:lnTo>
                    <a:lnTo>
                      <a:pt x="659" y="900"/>
                    </a:lnTo>
                    <a:lnTo>
                      <a:pt x="665" y="918"/>
                    </a:lnTo>
                    <a:lnTo>
                      <a:pt x="670" y="937"/>
                    </a:lnTo>
                    <a:lnTo>
                      <a:pt x="676" y="956"/>
                    </a:lnTo>
                    <a:lnTo>
                      <a:pt x="683" y="975"/>
                    </a:lnTo>
                    <a:lnTo>
                      <a:pt x="689" y="994"/>
                    </a:lnTo>
                    <a:lnTo>
                      <a:pt x="694" y="1013"/>
                    </a:lnTo>
                    <a:lnTo>
                      <a:pt x="698" y="1032"/>
                    </a:lnTo>
                    <a:lnTo>
                      <a:pt x="701" y="1051"/>
                    </a:lnTo>
                    <a:lnTo>
                      <a:pt x="696" y="1088"/>
                    </a:lnTo>
                    <a:lnTo>
                      <a:pt x="691" y="1127"/>
                    </a:lnTo>
                    <a:lnTo>
                      <a:pt x="691" y="1134"/>
                    </a:lnTo>
                    <a:lnTo>
                      <a:pt x="691" y="1143"/>
                    </a:lnTo>
                    <a:lnTo>
                      <a:pt x="693" y="1150"/>
                    </a:lnTo>
                    <a:lnTo>
                      <a:pt x="696" y="1158"/>
                    </a:lnTo>
                    <a:lnTo>
                      <a:pt x="701" y="1163"/>
                    </a:lnTo>
                    <a:lnTo>
                      <a:pt x="707" y="1168"/>
                    </a:lnTo>
                    <a:lnTo>
                      <a:pt x="715" y="1172"/>
                    </a:lnTo>
                    <a:lnTo>
                      <a:pt x="726" y="1174"/>
                    </a:lnTo>
                    <a:lnTo>
                      <a:pt x="731" y="1184"/>
                    </a:lnTo>
                    <a:lnTo>
                      <a:pt x="733" y="1193"/>
                    </a:lnTo>
                    <a:lnTo>
                      <a:pt x="733" y="1202"/>
                    </a:lnTo>
                    <a:lnTo>
                      <a:pt x="732" y="1212"/>
                    </a:lnTo>
                    <a:lnTo>
                      <a:pt x="727" y="1231"/>
                    </a:lnTo>
                    <a:lnTo>
                      <a:pt x="719" y="1251"/>
                    </a:lnTo>
                    <a:lnTo>
                      <a:pt x="710" y="1278"/>
                    </a:lnTo>
                    <a:lnTo>
                      <a:pt x="705" y="1295"/>
                    </a:lnTo>
                    <a:lnTo>
                      <a:pt x="705" y="1303"/>
                    </a:lnTo>
                    <a:lnTo>
                      <a:pt x="705" y="1313"/>
                    </a:lnTo>
                    <a:lnTo>
                      <a:pt x="705" y="1325"/>
                    </a:lnTo>
                    <a:lnTo>
                      <a:pt x="706" y="1340"/>
                    </a:lnTo>
                    <a:lnTo>
                      <a:pt x="715" y="1355"/>
                    </a:lnTo>
                    <a:lnTo>
                      <a:pt x="726" y="1366"/>
                    </a:lnTo>
                    <a:lnTo>
                      <a:pt x="737" y="1377"/>
                    </a:lnTo>
                    <a:lnTo>
                      <a:pt x="748" y="1387"/>
                    </a:lnTo>
                    <a:lnTo>
                      <a:pt x="758" y="1396"/>
                    </a:lnTo>
                    <a:lnTo>
                      <a:pt x="768" y="1406"/>
                    </a:lnTo>
                    <a:lnTo>
                      <a:pt x="773" y="1413"/>
                    </a:lnTo>
                    <a:lnTo>
                      <a:pt x="777" y="1419"/>
                    </a:lnTo>
                    <a:lnTo>
                      <a:pt x="781" y="1427"/>
                    </a:lnTo>
                    <a:lnTo>
                      <a:pt x="785" y="1435"/>
                    </a:lnTo>
                    <a:lnTo>
                      <a:pt x="789" y="1446"/>
                    </a:lnTo>
                    <a:lnTo>
                      <a:pt x="790" y="1459"/>
                    </a:lnTo>
                    <a:lnTo>
                      <a:pt x="792" y="1471"/>
                    </a:lnTo>
                    <a:lnTo>
                      <a:pt x="792" y="1483"/>
                    </a:lnTo>
                    <a:lnTo>
                      <a:pt x="788" y="1507"/>
                    </a:lnTo>
                    <a:lnTo>
                      <a:pt x="783" y="1532"/>
                    </a:lnTo>
                    <a:lnTo>
                      <a:pt x="776" y="1557"/>
                    </a:lnTo>
                    <a:lnTo>
                      <a:pt x="770" y="1581"/>
                    </a:lnTo>
                    <a:lnTo>
                      <a:pt x="767" y="1594"/>
                    </a:lnTo>
                    <a:lnTo>
                      <a:pt x="764" y="1606"/>
                    </a:lnTo>
                    <a:lnTo>
                      <a:pt x="763" y="1617"/>
                    </a:lnTo>
                    <a:lnTo>
                      <a:pt x="762" y="1630"/>
                    </a:lnTo>
                    <a:lnTo>
                      <a:pt x="763" y="1646"/>
                    </a:lnTo>
                    <a:lnTo>
                      <a:pt x="766" y="1663"/>
                    </a:lnTo>
                    <a:lnTo>
                      <a:pt x="770" y="1678"/>
                    </a:lnTo>
                    <a:lnTo>
                      <a:pt x="773" y="1693"/>
                    </a:lnTo>
                    <a:lnTo>
                      <a:pt x="785" y="1722"/>
                    </a:lnTo>
                    <a:lnTo>
                      <a:pt x="798" y="1751"/>
                    </a:lnTo>
                    <a:lnTo>
                      <a:pt x="812" y="1779"/>
                    </a:lnTo>
                    <a:lnTo>
                      <a:pt x="824" y="1808"/>
                    </a:lnTo>
                    <a:lnTo>
                      <a:pt x="829" y="1822"/>
                    </a:lnTo>
                    <a:lnTo>
                      <a:pt x="833" y="1836"/>
                    </a:lnTo>
                    <a:lnTo>
                      <a:pt x="836" y="1851"/>
                    </a:lnTo>
                    <a:lnTo>
                      <a:pt x="838" y="1865"/>
                    </a:lnTo>
                    <a:lnTo>
                      <a:pt x="836" y="1910"/>
                    </a:lnTo>
                    <a:lnTo>
                      <a:pt x="838" y="1912"/>
                    </a:lnTo>
                    <a:lnTo>
                      <a:pt x="840" y="1913"/>
                    </a:lnTo>
                    <a:lnTo>
                      <a:pt x="841" y="1914"/>
                    </a:lnTo>
                    <a:lnTo>
                      <a:pt x="842" y="1917"/>
                    </a:lnTo>
                    <a:lnTo>
                      <a:pt x="845" y="1925"/>
                    </a:lnTo>
                    <a:lnTo>
                      <a:pt x="849" y="1932"/>
                    </a:lnTo>
                    <a:lnTo>
                      <a:pt x="855" y="1937"/>
                    </a:lnTo>
                    <a:lnTo>
                      <a:pt x="863" y="1943"/>
                    </a:lnTo>
                    <a:lnTo>
                      <a:pt x="880" y="1952"/>
                    </a:lnTo>
                    <a:lnTo>
                      <a:pt x="899" y="1961"/>
                    </a:lnTo>
                    <a:lnTo>
                      <a:pt x="919" y="1969"/>
                    </a:lnTo>
                    <a:lnTo>
                      <a:pt x="934" y="1976"/>
                    </a:lnTo>
                    <a:lnTo>
                      <a:pt x="939" y="1982"/>
                    </a:lnTo>
                    <a:lnTo>
                      <a:pt x="943" y="1988"/>
                    </a:lnTo>
                    <a:lnTo>
                      <a:pt x="946" y="1994"/>
                    </a:lnTo>
                    <a:lnTo>
                      <a:pt x="946" y="2002"/>
                    </a:lnTo>
                    <a:lnTo>
                      <a:pt x="946" y="2004"/>
                    </a:lnTo>
                    <a:lnTo>
                      <a:pt x="947" y="2006"/>
                    </a:lnTo>
                    <a:lnTo>
                      <a:pt x="948" y="2007"/>
                    </a:lnTo>
                    <a:lnTo>
                      <a:pt x="951" y="2010"/>
                    </a:lnTo>
                    <a:lnTo>
                      <a:pt x="959" y="2014"/>
                    </a:lnTo>
                    <a:lnTo>
                      <a:pt x="969" y="2018"/>
                    </a:lnTo>
                    <a:lnTo>
                      <a:pt x="995" y="2028"/>
                    </a:lnTo>
                    <a:lnTo>
                      <a:pt x="1025" y="2041"/>
                    </a:lnTo>
                    <a:lnTo>
                      <a:pt x="1039" y="2049"/>
                    </a:lnTo>
                    <a:lnTo>
                      <a:pt x="1053" y="2058"/>
                    </a:lnTo>
                    <a:lnTo>
                      <a:pt x="1065" y="2068"/>
                    </a:lnTo>
                    <a:lnTo>
                      <a:pt x="1075" y="2080"/>
                    </a:lnTo>
                    <a:lnTo>
                      <a:pt x="1080" y="2086"/>
                    </a:lnTo>
                    <a:lnTo>
                      <a:pt x="1083" y="2093"/>
                    </a:lnTo>
                    <a:lnTo>
                      <a:pt x="1087" y="2101"/>
                    </a:lnTo>
                    <a:lnTo>
                      <a:pt x="1088" y="2108"/>
                    </a:lnTo>
                    <a:lnTo>
                      <a:pt x="1090" y="2118"/>
                    </a:lnTo>
                    <a:lnTo>
                      <a:pt x="1090" y="2127"/>
                    </a:lnTo>
                    <a:lnTo>
                      <a:pt x="1090" y="2136"/>
                    </a:lnTo>
                    <a:lnTo>
                      <a:pt x="1088" y="2146"/>
                    </a:lnTo>
                    <a:lnTo>
                      <a:pt x="1084" y="2159"/>
                    </a:lnTo>
                    <a:lnTo>
                      <a:pt x="1082" y="2173"/>
                    </a:lnTo>
                    <a:lnTo>
                      <a:pt x="1079" y="2187"/>
                    </a:lnTo>
                    <a:lnTo>
                      <a:pt x="1078" y="2202"/>
                    </a:lnTo>
                    <a:lnTo>
                      <a:pt x="1078" y="2208"/>
                    </a:lnTo>
                    <a:lnTo>
                      <a:pt x="1079" y="2215"/>
                    </a:lnTo>
                    <a:lnTo>
                      <a:pt x="1080" y="2221"/>
                    </a:lnTo>
                    <a:lnTo>
                      <a:pt x="1083" y="2228"/>
                    </a:lnTo>
                    <a:lnTo>
                      <a:pt x="1087" y="2234"/>
                    </a:lnTo>
                    <a:lnTo>
                      <a:pt x="1091" y="2239"/>
                    </a:lnTo>
                    <a:lnTo>
                      <a:pt x="1096" y="2244"/>
                    </a:lnTo>
                    <a:lnTo>
                      <a:pt x="1103" y="2250"/>
                    </a:lnTo>
                    <a:lnTo>
                      <a:pt x="1118" y="2260"/>
                    </a:lnTo>
                    <a:lnTo>
                      <a:pt x="1132" y="2270"/>
                    </a:lnTo>
                    <a:lnTo>
                      <a:pt x="1139" y="2274"/>
                    </a:lnTo>
                    <a:lnTo>
                      <a:pt x="1144" y="2279"/>
                    </a:lnTo>
                    <a:lnTo>
                      <a:pt x="1149" y="2285"/>
                    </a:lnTo>
                    <a:lnTo>
                      <a:pt x="1153" y="2289"/>
                    </a:lnTo>
                    <a:lnTo>
                      <a:pt x="1156" y="2294"/>
                    </a:lnTo>
                    <a:lnTo>
                      <a:pt x="1157" y="2300"/>
                    </a:lnTo>
                    <a:lnTo>
                      <a:pt x="1156" y="2305"/>
                    </a:lnTo>
                    <a:lnTo>
                      <a:pt x="1154" y="2312"/>
                    </a:lnTo>
                    <a:lnTo>
                      <a:pt x="1149" y="2318"/>
                    </a:lnTo>
                    <a:lnTo>
                      <a:pt x="1144" y="2326"/>
                    </a:lnTo>
                    <a:lnTo>
                      <a:pt x="1135" y="2334"/>
                    </a:lnTo>
                    <a:lnTo>
                      <a:pt x="1125" y="2343"/>
                    </a:lnTo>
                    <a:lnTo>
                      <a:pt x="1122" y="2351"/>
                    </a:lnTo>
                    <a:lnTo>
                      <a:pt x="1118" y="2357"/>
                    </a:lnTo>
                    <a:lnTo>
                      <a:pt x="1113" y="2365"/>
                    </a:lnTo>
                    <a:lnTo>
                      <a:pt x="1108" y="2371"/>
                    </a:lnTo>
                    <a:lnTo>
                      <a:pt x="1101" y="2375"/>
                    </a:lnTo>
                    <a:lnTo>
                      <a:pt x="1093" y="2377"/>
                    </a:lnTo>
                    <a:lnTo>
                      <a:pt x="1091" y="2377"/>
                    </a:lnTo>
                    <a:lnTo>
                      <a:pt x="1087" y="2375"/>
                    </a:lnTo>
                    <a:lnTo>
                      <a:pt x="1084" y="2373"/>
                    </a:lnTo>
                    <a:lnTo>
                      <a:pt x="1080" y="2369"/>
                    </a:lnTo>
                    <a:lnTo>
                      <a:pt x="1078" y="2364"/>
                    </a:lnTo>
                    <a:lnTo>
                      <a:pt x="1075" y="2361"/>
                    </a:lnTo>
                    <a:lnTo>
                      <a:pt x="1071" y="2360"/>
                    </a:lnTo>
                    <a:lnTo>
                      <a:pt x="1069" y="2360"/>
                    </a:lnTo>
                    <a:lnTo>
                      <a:pt x="1065" y="2362"/>
                    </a:lnTo>
                    <a:lnTo>
                      <a:pt x="1061" y="2368"/>
                    </a:lnTo>
                    <a:lnTo>
                      <a:pt x="1055" y="2382"/>
                    </a:lnTo>
                    <a:lnTo>
                      <a:pt x="1049" y="2392"/>
                    </a:lnTo>
                    <a:lnTo>
                      <a:pt x="1046" y="2396"/>
                    </a:lnTo>
                    <a:lnTo>
                      <a:pt x="1040" y="2399"/>
                    </a:lnTo>
                    <a:lnTo>
                      <a:pt x="1035" y="2401"/>
                    </a:lnTo>
                    <a:lnTo>
                      <a:pt x="1029" y="2403"/>
                    </a:lnTo>
                    <a:lnTo>
                      <a:pt x="1013" y="2405"/>
                    </a:lnTo>
                    <a:lnTo>
                      <a:pt x="998" y="2408"/>
                    </a:lnTo>
                    <a:lnTo>
                      <a:pt x="981" y="2410"/>
                    </a:lnTo>
                    <a:lnTo>
                      <a:pt x="966" y="2413"/>
                    </a:lnTo>
                    <a:lnTo>
                      <a:pt x="959" y="2415"/>
                    </a:lnTo>
                    <a:lnTo>
                      <a:pt x="954" y="2418"/>
                    </a:lnTo>
                    <a:lnTo>
                      <a:pt x="948" y="2422"/>
                    </a:lnTo>
                    <a:lnTo>
                      <a:pt x="943" y="2426"/>
                    </a:lnTo>
                    <a:lnTo>
                      <a:pt x="939" y="2434"/>
                    </a:lnTo>
                    <a:lnTo>
                      <a:pt x="935" y="2445"/>
                    </a:lnTo>
                    <a:lnTo>
                      <a:pt x="933" y="2460"/>
                    </a:lnTo>
                    <a:lnTo>
                      <a:pt x="932" y="2474"/>
                    </a:lnTo>
                    <a:lnTo>
                      <a:pt x="928" y="2505"/>
                    </a:lnTo>
                    <a:lnTo>
                      <a:pt x="922" y="2529"/>
                    </a:lnTo>
                    <a:lnTo>
                      <a:pt x="919" y="2545"/>
                    </a:lnTo>
                    <a:lnTo>
                      <a:pt x="913" y="2558"/>
                    </a:lnTo>
                    <a:lnTo>
                      <a:pt x="908" y="2568"/>
                    </a:lnTo>
                    <a:lnTo>
                      <a:pt x="903" y="2577"/>
                    </a:lnTo>
                    <a:lnTo>
                      <a:pt x="890" y="2594"/>
                    </a:lnTo>
                    <a:lnTo>
                      <a:pt x="871" y="2615"/>
                    </a:lnTo>
                    <a:lnTo>
                      <a:pt x="862" y="2627"/>
                    </a:lnTo>
                    <a:lnTo>
                      <a:pt x="854" y="2640"/>
                    </a:lnTo>
                    <a:lnTo>
                      <a:pt x="845" y="2655"/>
                    </a:lnTo>
                    <a:lnTo>
                      <a:pt x="837" y="2671"/>
                    </a:lnTo>
                    <a:lnTo>
                      <a:pt x="829" y="2688"/>
                    </a:lnTo>
                    <a:lnTo>
                      <a:pt x="820" y="2703"/>
                    </a:lnTo>
                    <a:lnTo>
                      <a:pt x="811" y="2719"/>
                    </a:lnTo>
                    <a:lnTo>
                      <a:pt x="802" y="2733"/>
                    </a:lnTo>
                    <a:lnTo>
                      <a:pt x="795" y="2741"/>
                    </a:lnTo>
                    <a:lnTo>
                      <a:pt x="792" y="2745"/>
                    </a:lnTo>
                    <a:lnTo>
                      <a:pt x="786" y="2747"/>
                    </a:lnTo>
                    <a:lnTo>
                      <a:pt x="783" y="2748"/>
                    </a:lnTo>
                    <a:lnTo>
                      <a:pt x="775" y="2748"/>
                    </a:lnTo>
                    <a:lnTo>
                      <a:pt x="760" y="2751"/>
                    </a:lnTo>
                    <a:lnTo>
                      <a:pt x="751" y="2761"/>
                    </a:lnTo>
                    <a:lnTo>
                      <a:pt x="738" y="2785"/>
                    </a:lnTo>
                    <a:lnTo>
                      <a:pt x="726" y="2809"/>
                    </a:lnTo>
                    <a:lnTo>
                      <a:pt x="718" y="2825"/>
                    </a:lnTo>
                    <a:lnTo>
                      <a:pt x="714" y="2831"/>
                    </a:lnTo>
                    <a:lnTo>
                      <a:pt x="710" y="2839"/>
                    </a:lnTo>
                    <a:lnTo>
                      <a:pt x="706" y="2844"/>
                    </a:lnTo>
                    <a:lnTo>
                      <a:pt x="701" y="2849"/>
                    </a:lnTo>
                    <a:lnTo>
                      <a:pt x="689" y="2859"/>
                    </a:lnTo>
                    <a:lnTo>
                      <a:pt x="678" y="2866"/>
                    </a:lnTo>
                    <a:lnTo>
                      <a:pt x="665" y="2874"/>
                    </a:lnTo>
                    <a:lnTo>
                      <a:pt x="653" y="2882"/>
                    </a:lnTo>
                    <a:lnTo>
                      <a:pt x="640" y="2891"/>
                    </a:lnTo>
                    <a:lnTo>
                      <a:pt x="630" y="2903"/>
                    </a:lnTo>
                    <a:lnTo>
                      <a:pt x="617" y="2917"/>
                    </a:lnTo>
                    <a:lnTo>
                      <a:pt x="604" y="2930"/>
                    </a:lnTo>
                    <a:lnTo>
                      <a:pt x="599" y="2938"/>
                    </a:lnTo>
                    <a:lnTo>
                      <a:pt x="595" y="2945"/>
                    </a:lnTo>
                    <a:lnTo>
                      <a:pt x="591" y="2953"/>
                    </a:lnTo>
                    <a:lnTo>
                      <a:pt x="589" y="2962"/>
                    </a:lnTo>
                    <a:lnTo>
                      <a:pt x="588" y="2976"/>
                    </a:lnTo>
                    <a:lnTo>
                      <a:pt x="586" y="2988"/>
                    </a:lnTo>
                    <a:lnTo>
                      <a:pt x="583" y="3001"/>
                    </a:lnTo>
                    <a:lnTo>
                      <a:pt x="580" y="3011"/>
                    </a:lnTo>
                    <a:lnTo>
                      <a:pt x="575" y="3022"/>
                    </a:lnTo>
                    <a:lnTo>
                      <a:pt x="569" y="3032"/>
                    </a:lnTo>
                    <a:lnTo>
                      <a:pt x="560" y="3041"/>
                    </a:lnTo>
                    <a:lnTo>
                      <a:pt x="548" y="3049"/>
                    </a:lnTo>
                    <a:lnTo>
                      <a:pt x="540" y="3059"/>
                    </a:lnTo>
                    <a:lnTo>
                      <a:pt x="534" y="3068"/>
                    </a:lnTo>
                    <a:lnTo>
                      <a:pt x="530" y="3076"/>
                    </a:lnTo>
                    <a:lnTo>
                      <a:pt x="527" y="3084"/>
                    </a:lnTo>
                    <a:lnTo>
                      <a:pt x="526" y="3090"/>
                    </a:lnTo>
                    <a:lnTo>
                      <a:pt x="526" y="3098"/>
                    </a:lnTo>
                    <a:lnTo>
                      <a:pt x="526" y="3105"/>
                    </a:lnTo>
                    <a:lnTo>
                      <a:pt x="529" y="3110"/>
                    </a:lnTo>
                    <a:lnTo>
                      <a:pt x="532" y="3123"/>
                    </a:lnTo>
                    <a:lnTo>
                      <a:pt x="535" y="3137"/>
                    </a:lnTo>
                    <a:lnTo>
                      <a:pt x="536" y="3146"/>
                    </a:lnTo>
                    <a:lnTo>
                      <a:pt x="536" y="3154"/>
                    </a:lnTo>
                    <a:lnTo>
                      <a:pt x="535" y="3164"/>
                    </a:lnTo>
                    <a:lnTo>
                      <a:pt x="532" y="3175"/>
                    </a:lnTo>
                    <a:lnTo>
                      <a:pt x="527" y="3189"/>
                    </a:lnTo>
                    <a:lnTo>
                      <a:pt x="522" y="3199"/>
                    </a:lnTo>
                    <a:lnTo>
                      <a:pt x="517" y="3208"/>
                    </a:lnTo>
                    <a:lnTo>
                      <a:pt x="512" y="3213"/>
                    </a:lnTo>
                    <a:lnTo>
                      <a:pt x="507" y="3216"/>
                    </a:lnTo>
                    <a:lnTo>
                      <a:pt x="501" y="3216"/>
                    </a:lnTo>
                    <a:lnTo>
                      <a:pt x="495" y="3216"/>
                    </a:lnTo>
                    <a:lnTo>
                      <a:pt x="490" y="3212"/>
                    </a:lnTo>
                    <a:lnTo>
                      <a:pt x="485" y="3208"/>
                    </a:lnTo>
                    <a:lnTo>
                      <a:pt x="479" y="3202"/>
                    </a:lnTo>
                    <a:lnTo>
                      <a:pt x="474" y="3195"/>
                    </a:lnTo>
                    <a:lnTo>
                      <a:pt x="469" y="3188"/>
                    </a:lnTo>
                    <a:lnTo>
                      <a:pt x="461" y="3171"/>
                    </a:lnTo>
                    <a:lnTo>
                      <a:pt x="455" y="3154"/>
                    </a:lnTo>
                    <a:lnTo>
                      <a:pt x="443" y="3163"/>
                    </a:lnTo>
                    <a:lnTo>
                      <a:pt x="429" y="3175"/>
                    </a:lnTo>
                    <a:lnTo>
                      <a:pt x="407" y="3177"/>
                    </a:lnTo>
                    <a:lnTo>
                      <a:pt x="382" y="3178"/>
                    </a:lnTo>
                    <a:lnTo>
                      <a:pt x="376" y="3180"/>
                    </a:lnTo>
                    <a:lnTo>
                      <a:pt x="371" y="3181"/>
                    </a:lnTo>
                    <a:lnTo>
                      <a:pt x="367" y="3182"/>
                    </a:lnTo>
                    <a:lnTo>
                      <a:pt x="363" y="3185"/>
                    </a:lnTo>
                    <a:lnTo>
                      <a:pt x="360" y="3189"/>
                    </a:lnTo>
                    <a:lnTo>
                      <a:pt x="358" y="3193"/>
                    </a:lnTo>
                    <a:lnTo>
                      <a:pt x="358" y="3198"/>
                    </a:lnTo>
                    <a:lnTo>
                      <a:pt x="358" y="3204"/>
                    </a:lnTo>
                    <a:lnTo>
                      <a:pt x="363" y="3233"/>
                    </a:lnTo>
                    <a:lnTo>
                      <a:pt x="365" y="3255"/>
                    </a:lnTo>
                    <a:lnTo>
                      <a:pt x="367" y="3265"/>
                    </a:lnTo>
                    <a:lnTo>
                      <a:pt x="367" y="3273"/>
                    </a:lnTo>
                    <a:lnTo>
                      <a:pt x="367" y="3282"/>
                    </a:lnTo>
                    <a:lnTo>
                      <a:pt x="365" y="3290"/>
                    </a:lnTo>
                    <a:lnTo>
                      <a:pt x="363" y="3298"/>
                    </a:lnTo>
                    <a:lnTo>
                      <a:pt x="360" y="3305"/>
                    </a:lnTo>
                    <a:lnTo>
                      <a:pt x="356" y="3312"/>
                    </a:lnTo>
                    <a:lnTo>
                      <a:pt x="351" y="3321"/>
                    </a:lnTo>
                    <a:lnTo>
                      <a:pt x="339" y="3338"/>
                    </a:lnTo>
                    <a:lnTo>
                      <a:pt x="324" y="3360"/>
                    </a:lnTo>
                    <a:lnTo>
                      <a:pt x="315" y="3371"/>
                    </a:lnTo>
                    <a:lnTo>
                      <a:pt x="308" y="3382"/>
                    </a:lnTo>
                    <a:lnTo>
                      <a:pt x="303" y="3394"/>
                    </a:lnTo>
                    <a:lnTo>
                      <a:pt x="299" y="3404"/>
                    </a:lnTo>
                    <a:lnTo>
                      <a:pt x="297" y="3416"/>
                    </a:lnTo>
                    <a:lnTo>
                      <a:pt x="297" y="3427"/>
                    </a:lnTo>
                    <a:lnTo>
                      <a:pt x="299" y="3440"/>
                    </a:lnTo>
                    <a:lnTo>
                      <a:pt x="304" y="3453"/>
                    </a:lnTo>
                    <a:lnTo>
                      <a:pt x="306" y="3460"/>
                    </a:lnTo>
                    <a:lnTo>
                      <a:pt x="307" y="3467"/>
                    </a:lnTo>
                    <a:lnTo>
                      <a:pt x="307" y="3478"/>
                    </a:lnTo>
                    <a:lnTo>
                      <a:pt x="307" y="3489"/>
                    </a:lnTo>
                    <a:lnTo>
                      <a:pt x="304" y="3517"/>
                    </a:lnTo>
                    <a:lnTo>
                      <a:pt x="302" y="3545"/>
                    </a:lnTo>
                    <a:lnTo>
                      <a:pt x="302" y="3559"/>
                    </a:lnTo>
                    <a:lnTo>
                      <a:pt x="302" y="3572"/>
                    </a:lnTo>
                    <a:lnTo>
                      <a:pt x="302" y="3584"/>
                    </a:lnTo>
                    <a:lnTo>
                      <a:pt x="303" y="3593"/>
                    </a:lnTo>
                    <a:lnTo>
                      <a:pt x="306" y="3601"/>
                    </a:lnTo>
                    <a:lnTo>
                      <a:pt x="308" y="3607"/>
                    </a:lnTo>
                    <a:lnTo>
                      <a:pt x="311" y="3609"/>
                    </a:lnTo>
                    <a:lnTo>
                      <a:pt x="314" y="3610"/>
                    </a:lnTo>
                    <a:lnTo>
                      <a:pt x="316" y="3610"/>
                    </a:lnTo>
                    <a:lnTo>
                      <a:pt x="320" y="3609"/>
                    </a:lnTo>
                    <a:lnTo>
                      <a:pt x="329" y="3606"/>
                    </a:lnTo>
                    <a:lnTo>
                      <a:pt x="336" y="3606"/>
                    </a:lnTo>
                    <a:lnTo>
                      <a:pt x="338" y="3607"/>
                    </a:lnTo>
                    <a:lnTo>
                      <a:pt x="341" y="3609"/>
                    </a:lnTo>
                    <a:lnTo>
                      <a:pt x="342" y="3611"/>
                    </a:lnTo>
                    <a:lnTo>
                      <a:pt x="343" y="3614"/>
                    </a:lnTo>
                    <a:lnTo>
                      <a:pt x="345" y="3620"/>
                    </a:lnTo>
                    <a:lnTo>
                      <a:pt x="343" y="3629"/>
                    </a:lnTo>
                    <a:lnTo>
                      <a:pt x="342" y="3638"/>
                    </a:lnTo>
                    <a:lnTo>
                      <a:pt x="339" y="3649"/>
                    </a:lnTo>
                    <a:lnTo>
                      <a:pt x="333" y="3673"/>
                    </a:lnTo>
                    <a:lnTo>
                      <a:pt x="327" y="3697"/>
                    </a:lnTo>
                    <a:lnTo>
                      <a:pt x="324" y="3708"/>
                    </a:lnTo>
                    <a:lnTo>
                      <a:pt x="323" y="3719"/>
                    </a:lnTo>
                    <a:lnTo>
                      <a:pt x="321" y="3729"/>
                    </a:lnTo>
                    <a:lnTo>
                      <a:pt x="323" y="3737"/>
                    </a:lnTo>
                    <a:lnTo>
                      <a:pt x="323" y="3742"/>
                    </a:lnTo>
                    <a:lnTo>
                      <a:pt x="321" y="3756"/>
                    </a:lnTo>
                    <a:lnTo>
                      <a:pt x="323" y="3772"/>
                    </a:lnTo>
                    <a:lnTo>
                      <a:pt x="325" y="3783"/>
                    </a:lnTo>
                    <a:lnTo>
                      <a:pt x="329" y="3790"/>
                    </a:lnTo>
                    <a:lnTo>
                      <a:pt x="333" y="3796"/>
                    </a:lnTo>
                    <a:lnTo>
                      <a:pt x="337" y="3800"/>
                    </a:lnTo>
                    <a:lnTo>
                      <a:pt x="341" y="3803"/>
                    </a:lnTo>
                    <a:lnTo>
                      <a:pt x="347" y="3807"/>
                    </a:lnTo>
                    <a:lnTo>
                      <a:pt x="354" y="3809"/>
                    </a:lnTo>
                    <a:lnTo>
                      <a:pt x="356" y="3811"/>
                    </a:lnTo>
                    <a:lnTo>
                      <a:pt x="359" y="3813"/>
                    </a:lnTo>
                    <a:lnTo>
                      <a:pt x="360" y="3816"/>
                    </a:lnTo>
                    <a:lnTo>
                      <a:pt x="363" y="3820"/>
                    </a:lnTo>
                    <a:lnTo>
                      <a:pt x="365" y="3831"/>
                    </a:lnTo>
                    <a:lnTo>
                      <a:pt x="365" y="3851"/>
                    </a:lnTo>
                    <a:lnTo>
                      <a:pt x="367" y="3861"/>
                    </a:lnTo>
                    <a:lnTo>
                      <a:pt x="371" y="3870"/>
                    </a:lnTo>
                    <a:lnTo>
                      <a:pt x="374" y="3879"/>
                    </a:lnTo>
                    <a:lnTo>
                      <a:pt x="378" y="3887"/>
                    </a:lnTo>
                    <a:lnTo>
                      <a:pt x="384" y="3895"/>
                    </a:lnTo>
                    <a:lnTo>
                      <a:pt x="387" y="3903"/>
                    </a:lnTo>
                    <a:lnTo>
                      <a:pt x="390" y="3910"/>
                    </a:lnTo>
                    <a:lnTo>
                      <a:pt x="391" y="3918"/>
                    </a:lnTo>
                    <a:lnTo>
                      <a:pt x="390" y="3923"/>
                    </a:lnTo>
                    <a:lnTo>
                      <a:pt x="387" y="3929"/>
                    </a:lnTo>
                    <a:lnTo>
                      <a:pt x="384" y="3934"/>
                    </a:lnTo>
                    <a:lnTo>
                      <a:pt x="380" y="3939"/>
                    </a:lnTo>
                    <a:lnTo>
                      <a:pt x="374" y="3945"/>
                    </a:lnTo>
                    <a:lnTo>
                      <a:pt x="371" y="3952"/>
                    </a:lnTo>
                    <a:lnTo>
                      <a:pt x="368" y="3961"/>
                    </a:lnTo>
                    <a:lnTo>
                      <a:pt x="368" y="3970"/>
                    </a:lnTo>
                    <a:lnTo>
                      <a:pt x="373" y="3995"/>
                    </a:lnTo>
                    <a:lnTo>
                      <a:pt x="382" y="4030"/>
                    </a:lnTo>
                    <a:lnTo>
                      <a:pt x="386" y="4048"/>
                    </a:lnTo>
                    <a:lnTo>
                      <a:pt x="389" y="4065"/>
                    </a:lnTo>
                    <a:lnTo>
                      <a:pt x="389" y="4071"/>
                    </a:lnTo>
                    <a:lnTo>
                      <a:pt x="387" y="4077"/>
                    </a:lnTo>
                    <a:lnTo>
                      <a:pt x="385" y="4084"/>
                    </a:lnTo>
                    <a:lnTo>
                      <a:pt x="382" y="4088"/>
                    </a:lnTo>
                    <a:lnTo>
                      <a:pt x="380" y="4089"/>
                    </a:lnTo>
                    <a:lnTo>
                      <a:pt x="376" y="4088"/>
                    </a:lnTo>
                    <a:lnTo>
                      <a:pt x="372" y="4085"/>
                    </a:lnTo>
                    <a:lnTo>
                      <a:pt x="368" y="4083"/>
                    </a:lnTo>
                    <a:lnTo>
                      <a:pt x="363" y="4080"/>
                    </a:lnTo>
                    <a:lnTo>
                      <a:pt x="358" y="4079"/>
                    </a:lnTo>
                    <a:lnTo>
                      <a:pt x="355" y="4079"/>
                    </a:lnTo>
                    <a:lnTo>
                      <a:pt x="351" y="4080"/>
                    </a:lnTo>
                    <a:lnTo>
                      <a:pt x="349" y="4083"/>
                    </a:lnTo>
                    <a:lnTo>
                      <a:pt x="346" y="4085"/>
                    </a:lnTo>
                    <a:lnTo>
                      <a:pt x="345" y="4088"/>
                    </a:lnTo>
                    <a:lnTo>
                      <a:pt x="346" y="4093"/>
                    </a:lnTo>
                    <a:lnTo>
                      <a:pt x="347" y="4101"/>
                    </a:lnTo>
                    <a:lnTo>
                      <a:pt x="349" y="4110"/>
                    </a:lnTo>
                    <a:lnTo>
                      <a:pt x="356" y="4132"/>
                    </a:lnTo>
                    <a:lnTo>
                      <a:pt x="364" y="4157"/>
                    </a:lnTo>
                    <a:lnTo>
                      <a:pt x="374" y="4181"/>
                    </a:lnTo>
                    <a:lnTo>
                      <a:pt x="385" y="4204"/>
                    </a:lnTo>
                    <a:lnTo>
                      <a:pt x="393" y="4223"/>
                    </a:lnTo>
                    <a:lnTo>
                      <a:pt x="399" y="4234"/>
                    </a:lnTo>
                    <a:lnTo>
                      <a:pt x="400" y="4237"/>
                    </a:lnTo>
                    <a:lnTo>
                      <a:pt x="402" y="4239"/>
                    </a:lnTo>
                    <a:lnTo>
                      <a:pt x="400" y="4243"/>
                    </a:lnTo>
                    <a:lnTo>
                      <a:pt x="400" y="4246"/>
                    </a:lnTo>
                    <a:lnTo>
                      <a:pt x="398" y="4252"/>
                    </a:lnTo>
                    <a:lnTo>
                      <a:pt x="394" y="4260"/>
                    </a:lnTo>
                    <a:lnTo>
                      <a:pt x="390" y="4267"/>
                    </a:lnTo>
                    <a:lnTo>
                      <a:pt x="387" y="4276"/>
                    </a:lnTo>
                    <a:lnTo>
                      <a:pt x="386" y="4280"/>
                    </a:lnTo>
                    <a:lnTo>
                      <a:pt x="387" y="4285"/>
                    </a:lnTo>
                    <a:lnTo>
                      <a:pt x="387" y="4289"/>
                    </a:lnTo>
                    <a:lnTo>
                      <a:pt x="390" y="4294"/>
                    </a:lnTo>
                    <a:lnTo>
                      <a:pt x="400" y="4318"/>
                    </a:lnTo>
                    <a:lnTo>
                      <a:pt x="409" y="4342"/>
                    </a:lnTo>
                    <a:lnTo>
                      <a:pt x="416" y="4366"/>
                    </a:lnTo>
                    <a:lnTo>
                      <a:pt x="424" y="4392"/>
                    </a:lnTo>
                    <a:lnTo>
                      <a:pt x="429" y="4399"/>
                    </a:lnTo>
                    <a:lnTo>
                      <a:pt x="433" y="4403"/>
                    </a:lnTo>
                    <a:lnTo>
                      <a:pt x="437" y="4405"/>
                    </a:lnTo>
                    <a:lnTo>
                      <a:pt x="442" y="4405"/>
                    </a:lnTo>
                    <a:lnTo>
                      <a:pt x="446" y="4404"/>
                    </a:lnTo>
                    <a:lnTo>
                      <a:pt x="450" y="4401"/>
                    </a:lnTo>
                    <a:lnTo>
                      <a:pt x="455" y="4399"/>
                    </a:lnTo>
                    <a:lnTo>
                      <a:pt x="459" y="4395"/>
                    </a:lnTo>
                    <a:lnTo>
                      <a:pt x="469" y="4386"/>
                    </a:lnTo>
                    <a:lnTo>
                      <a:pt x="479" y="4378"/>
                    </a:lnTo>
                    <a:lnTo>
                      <a:pt x="486" y="4374"/>
                    </a:lnTo>
                    <a:lnTo>
                      <a:pt x="491" y="4373"/>
                    </a:lnTo>
                    <a:lnTo>
                      <a:pt x="498" y="4370"/>
                    </a:lnTo>
                    <a:lnTo>
                      <a:pt x="504" y="4372"/>
                    </a:lnTo>
                    <a:lnTo>
                      <a:pt x="503" y="4387"/>
                    </a:lnTo>
                    <a:lnTo>
                      <a:pt x="498" y="4412"/>
                    </a:lnTo>
                    <a:lnTo>
                      <a:pt x="496" y="4423"/>
                    </a:lnTo>
                    <a:lnTo>
                      <a:pt x="498" y="4434"/>
                    </a:lnTo>
                    <a:lnTo>
                      <a:pt x="499" y="4438"/>
                    </a:lnTo>
                    <a:lnTo>
                      <a:pt x="501" y="4441"/>
                    </a:lnTo>
                    <a:lnTo>
                      <a:pt x="504" y="4443"/>
                    </a:lnTo>
                    <a:lnTo>
                      <a:pt x="508" y="4444"/>
                    </a:lnTo>
                    <a:lnTo>
                      <a:pt x="522" y="4444"/>
                    </a:lnTo>
                    <a:lnTo>
                      <a:pt x="532" y="4447"/>
                    </a:lnTo>
                    <a:lnTo>
                      <a:pt x="543" y="4451"/>
                    </a:lnTo>
                    <a:lnTo>
                      <a:pt x="551" y="4454"/>
                    </a:lnTo>
                    <a:lnTo>
                      <a:pt x="564" y="4465"/>
                    </a:lnTo>
                    <a:lnTo>
                      <a:pt x="575" y="4475"/>
                    </a:lnTo>
                    <a:lnTo>
                      <a:pt x="580" y="4480"/>
                    </a:lnTo>
                    <a:lnTo>
                      <a:pt x="587" y="4483"/>
                    </a:lnTo>
                    <a:lnTo>
                      <a:pt x="595" y="4486"/>
                    </a:lnTo>
                    <a:lnTo>
                      <a:pt x="602" y="4487"/>
                    </a:lnTo>
                    <a:lnTo>
                      <a:pt x="613" y="4486"/>
                    </a:lnTo>
                    <a:lnTo>
                      <a:pt x="626" y="4483"/>
                    </a:lnTo>
                    <a:lnTo>
                      <a:pt x="640" y="4478"/>
                    </a:lnTo>
                    <a:lnTo>
                      <a:pt x="657" y="4470"/>
                    </a:lnTo>
                    <a:lnTo>
                      <a:pt x="663" y="4467"/>
                    </a:lnTo>
                    <a:lnTo>
                      <a:pt x="672" y="4466"/>
                    </a:lnTo>
                    <a:lnTo>
                      <a:pt x="680" y="4466"/>
                    </a:lnTo>
                    <a:lnTo>
                      <a:pt x="687" y="4467"/>
                    </a:lnTo>
                    <a:lnTo>
                      <a:pt x="689" y="4469"/>
                    </a:lnTo>
                    <a:lnTo>
                      <a:pt x="692" y="4470"/>
                    </a:lnTo>
                    <a:lnTo>
                      <a:pt x="693" y="4471"/>
                    </a:lnTo>
                    <a:lnTo>
                      <a:pt x="693" y="4474"/>
                    </a:lnTo>
                    <a:lnTo>
                      <a:pt x="693" y="4476"/>
                    </a:lnTo>
                    <a:lnTo>
                      <a:pt x="692" y="4480"/>
                    </a:lnTo>
                    <a:lnTo>
                      <a:pt x="689" y="4484"/>
                    </a:lnTo>
                    <a:lnTo>
                      <a:pt x="684" y="4488"/>
                    </a:lnTo>
                    <a:lnTo>
                      <a:pt x="672" y="4496"/>
                    </a:lnTo>
                    <a:lnTo>
                      <a:pt x="659" y="4504"/>
                    </a:lnTo>
                    <a:lnTo>
                      <a:pt x="658" y="4506"/>
                    </a:lnTo>
                    <a:lnTo>
                      <a:pt x="656" y="4508"/>
                    </a:lnTo>
                    <a:lnTo>
                      <a:pt x="656" y="4510"/>
                    </a:lnTo>
                    <a:lnTo>
                      <a:pt x="656" y="4513"/>
                    </a:lnTo>
                    <a:lnTo>
                      <a:pt x="657" y="4514"/>
                    </a:lnTo>
                    <a:lnTo>
                      <a:pt x="658" y="4517"/>
                    </a:lnTo>
                    <a:lnTo>
                      <a:pt x="662" y="4519"/>
                    </a:lnTo>
                    <a:lnTo>
                      <a:pt x="667" y="4522"/>
                    </a:lnTo>
                    <a:lnTo>
                      <a:pt x="676" y="4526"/>
                    </a:lnTo>
                    <a:lnTo>
                      <a:pt x="684" y="4531"/>
                    </a:lnTo>
                    <a:lnTo>
                      <a:pt x="691" y="4536"/>
                    </a:lnTo>
                    <a:lnTo>
                      <a:pt x="694" y="4541"/>
                    </a:lnTo>
                    <a:lnTo>
                      <a:pt x="697" y="4546"/>
                    </a:lnTo>
                    <a:lnTo>
                      <a:pt x="698" y="4552"/>
                    </a:lnTo>
                    <a:lnTo>
                      <a:pt x="698" y="4557"/>
                    </a:lnTo>
                    <a:lnTo>
                      <a:pt x="697" y="4562"/>
                    </a:lnTo>
                    <a:lnTo>
                      <a:pt x="693" y="4572"/>
                    </a:lnTo>
                    <a:lnTo>
                      <a:pt x="685" y="4584"/>
                    </a:lnTo>
                    <a:lnTo>
                      <a:pt x="676" y="4596"/>
                    </a:lnTo>
                    <a:lnTo>
                      <a:pt x="666" y="4606"/>
                    </a:lnTo>
                    <a:lnTo>
                      <a:pt x="657" y="4618"/>
                    </a:lnTo>
                    <a:lnTo>
                      <a:pt x="648" y="4628"/>
                    </a:lnTo>
                    <a:lnTo>
                      <a:pt x="645" y="4633"/>
                    </a:lnTo>
                    <a:lnTo>
                      <a:pt x="643" y="4638"/>
                    </a:lnTo>
                    <a:lnTo>
                      <a:pt x="641" y="4644"/>
                    </a:lnTo>
                    <a:lnTo>
                      <a:pt x="640" y="4649"/>
                    </a:lnTo>
                    <a:lnTo>
                      <a:pt x="641" y="4654"/>
                    </a:lnTo>
                    <a:lnTo>
                      <a:pt x="643" y="4658"/>
                    </a:lnTo>
                    <a:lnTo>
                      <a:pt x="646" y="4663"/>
                    </a:lnTo>
                    <a:lnTo>
                      <a:pt x="650" y="4667"/>
                    </a:lnTo>
                    <a:lnTo>
                      <a:pt x="657" y="4671"/>
                    </a:lnTo>
                    <a:lnTo>
                      <a:pt x="666" y="4675"/>
                    </a:lnTo>
                    <a:lnTo>
                      <a:pt x="676" y="4679"/>
                    </a:lnTo>
                    <a:lnTo>
                      <a:pt x="688" y="4682"/>
                    </a:lnTo>
                    <a:lnTo>
                      <a:pt x="702" y="4686"/>
                    </a:lnTo>
                    <a:lnTo>
                      <a:pt x="713" y="4690"/>
                    </a:lnTo>
                    <a:lnTo>
                      <a:pt x="722" y="4693"/>
                    </a:lnTo>
                    <a:lnTo>
                      <a:pt x="729" y="4693"/>
                    </a:lnTo>
                    <a:lnTo>
                      <a:pt x="733" y="4692"/>
                    </a:lnTo>
                    <a:lnTo>
                      <a:pt x="736" y="4690"/>
                    </a:lnTo>
                    <a:lnTo>
                      <a:pt x="740" y="4688"/>
                    </a:lnTo>
                    <a:lnTo>
                      <a:pt x="744" y="4684"/>
                    </a:lnTo>
                    <a:lnTo>
                      <a:pt x="750" y="4673"/>
                    </a:lnTo>
                    <a:lnTo>
                      <a:pt x="760" y="4659"/>
                    </a:lnTo>
                    <a:lnTo>
                      <a:pt x="766" y="4647"/>
                    </a:lnTo>
                    <a:lnTo>
                      <a:pt x="776" y="4627"/>
                    </a:lnTo>
                    <a:lnTo>
                      <a:pt x="790" y="4600"/>
                    </a:lnTo>
                    <a:lnTo>
                      <a:pt x="805" y="4571"/>
                    </a:lnTo>
                    <a:lnTo>
                      <a:pt x="820" y="4545"/>
                    </a:lnTo>
                    <a:lnTo>
                      <a:pt x="833" y="4527"/>
                    </a:lnTo>
                    <a:lnTo>
                      <a:pt x="838" y="4522"/>
                    </a:lnTo>
                    <a:lnTo>
                      <a:pt x="842" y="4519"/>
                    </a:lnTo>
                    <a:lnTo>
                      <a:pt x="843" y="4521"/>
                    </a:lnTo>
                    <a:lnTo>
                      <a:pt x="845" y="4522"/>
                    </a:lnTo>
                    <a:lnTo>
                      <a:pt x="845" y="4526"/>
                    </a:lnTo>
                    <a:lnTo>
                      <a:pt x="845" y="4530"/>
                    </a:lnTo>
                    <a:lnTo>
                      <a:pt x="843" y="4559"/>
                    </a:lnTo>
                    <a:lnTo>
                      <a:pt x="841" y="4584"/>
                    </a:lnTo>
                    <a:lnTo>
                      <a:pt x="841" y="4596"/>
                    </a:lnTo>
                    <a:lnTo>
                      <a:pt x="845" y="4607"/>
                    </a:lnTo>
                    <a:lnTo>
                      <a:pt x="851" y="4620"/>
                    </a:lnTo>
                    <a:lnTo>
                      <a:pt x="862" y="4636"/>
                    </a:lnTo>
                    <a:lnTo>
                      <a:pt x="868" y="4645"/>
                    </a:lnTo>
                    <a:lnTo>
                      <a:pt x="871" y="4654"/>
                    </a:lnTo>
                    <a:lnTo>
                      <a:pt x="872" y="4664"/>
                    </a:lnTo>
                    <a:lnTo>
                      <a:pt x="871" y="4673"/>
                    </a:lnTo>
                    <a:lnTo>
                      <a:pt x="868" y="4682"/>
                    </a:lnTo>
                    <a:lnTo>
                      <a:pt x="864" y="4692"/>
                    </a:lnTo>
                    <a:lnTo>
                      <a:pt x="859" y="4699"/>
                    </a:lnTo>
                    <a:lnTo>
                      <a:pt x="855" y="4707"/>
                    </a:lnTo>
                    <a:lnTo>
                      <a:pt x="846" y="4719"/>
                    </a:lnTo>
                    <a:lnTo>
                      <a:pt x="842" y="4726"/>
                    </a:lnTo>
                    <a:lnTo>
                      <a:pt x="843" y="4729"/>
                    </a:lnTo>
                    <a:lnTo>
                      <a:pt x="846" y="4729"/>
                    </a:lnTo>
                    <a:lnTo>
                      <a:pt x="852" y="4726"/>
                    </a:lnTo>
                    <a:lnTo>
                      <a:pt x="860" y="4723"/>
                    </a:lnTo>
                    <a:lnTo>
                      <a:pt x="872" y="4719"/>
                    </a:lnTo>
                    <a:lnTo>
                      <a:pt x="881" y="4717"/>
                    </a:lnTo>
                    <a:lnTo>
                      <a:pt x="889" y="4716"/>
                    </a:lnTo>
                    <a:lnTo>
                      <a:pt x="894" y="4717"/>
                    </a:lnTo>
                    <a:lnTo>
                      <a:pt x="897" y="4719"/>
                    </a:lnTo>
                    <a:lnTo>
                      <a:pt x="898" y="4720"/>
                    </a:lnTo>
                    <a:lnTo>
                      <a:pt x="899" y="4723"/>
                    </a:lnTo>
                    <a:lnTo>
                      <a:pt x="899" y="4725"/>
                    </a:lnTo>
                    <a:lnTo>
                      <a:pt x="898" y="4732"/>
                    </a:lnTo>
                    <a:lnTo>
                      <a:pt x="893" y="4741"/>
                    </a:lnTo>
                    <a:lnTo>
                      <a:pt x="882" y="4752"/>
                    </a:lnTo>
                    <a:lnTo>
                      <a:pt x="869" y="4764"/>
                    </a:lnTo>
                    <a:lnTo>
                      <a:pt x="864" y="4769"/>
                    </a:lnTo>
                    <a:lnTo>
                      <a:pt x="859" y="4774"/>
                    </a:lnTo>
                    <a:lnTo>
                      <a:pt x="858" y="4778"/>
                    </a:lnTo>
                    <a:lnTo>
                      <a:pt x="858" y="4781"/>
                    </a:lnTo>
                    <a:lnTo>
                      <a:pt x="858" y="4785"/>
                    </a:lnTo>
                    <a:lnTo>
                      <a:pt x="859" y="4789"/>
                    </a:lnTo>
                    <a:lnTo>
                      <a:pt x="878" y="4787"/>
                    </a:lnTo>
                    <a:lnTo>
                      <a:pt x="894" y="4785"/>
                    </a:lnTo>
                    <a:lnTo>
                      <a:pt x="899" y="4783"/>
                    </a:lnTo>
                    <a:lnTo>
                      <a:pt x="904" y="4781"/>
                    </a:lnTo>
                    <a:lnTo>
                      <a:pt x="908" y="4777"/>
                    </a:lnTo>
                    <a:lnTo>
                      <a:pt x="912" y="4774"/>
                    </a:lnTo>
                    <a:lnTo>
                      <a:pt x="919" y="4767"/>
                    </a:lnTo>
                    <a:lnTo>
                      <a:pt x="926" y="4756"/>
                    </a:lnTo>
                    <a:lnTo>
                      <a:pt x="938" y="4745"/>
                    </a:lnTo>
                    <a:lnTo>
                      <a:pt x="954" y="4732"/>
                    </a:lnTo>
                    <a:lnTo>
                      <a:pt x="960" y="4728"/>
                    </a:lnTo>
                    <a:lnTo>
                      <a:pt x="966" y="4724"/>
                    </a:lnTo>
                    <a:lnTo>
                      <a:pt x="973" y="4721"/>
                    </a:lnTo>
                    <a:lnTo>
                      <a:pt x="979" y="4719"/>
                    </a:lnTo>
                    <a:lnTo>
                      <a:pt x="992" y="4716"/>
                    </a:lnTo>
                    <a:lnTo>
                      <a:pt x="1005" y="4714"/>
                    </a:lnTo>
                    <a:lnTo>
                      <a:pt x="1020" y="4712"/>
                    </a:lnTo>
                    <a:lnTo>
                      <a:pt x="1031" y="4710"/>
                    </a:lnTo>
                    <a:lnTo>
                      <a:pt x="1044" y="4706"/>
                    </a:lnTo>
                    <a:lnTo>
                      <a:pt x="1056" y="4701"/>
                    </a:lnTo>
                    <a:lnTo>
                      <a:pt x="1074" y="4689"/>
                    </a:lnTo>
                    <a:lnTo>
                      <a:pt x="1092" y="4681"/>
                    </a:lnTo>
                    <a:lnTo>
                      <a:pt x="1110" y="4673"/>
                    </a:lnTo>
                    <a:lnTo>
                      <a:pt x="1128" y="4667"/>
                    </a:lnTo>
                    <a:lnTo>
                      <a:pt x="1144" y="4660"/>
                    </a:lnTo>
                    <a:lnTo>
                      <a:pt x="1158" y="4653"/>
                    </a:lnTo>
                    <a:lnTo>
                      <a:pt x="1165" y="4649"/>
                    </a:lnTo>
                    <a:lnTo>
                      <a:pt x="1171" y="4644"/>
                    </a:lnTo>
                    <a:lnTo>
                      <a:pt x="1176" y="4637"/>
                    </a:lnTo>
                    <a:lnTo>
                      <a:pt x="1182" y="4631"/>
                    </a:lnTo>
                    <a:lnTo>
                      <a:pt x="1187" y="4627"/>
                    </a:lnTo>
                    <a:lnTo>
                      <a:pt x="1193" y="4622"/>
                    </a:lnTo>
                    <a:lnTo>
                      <a:pt x="1202" y="4616"/>
                    </a:lnTo>
                    <a:lnTo>
                      <a:pt x="1211" y="4611"/>
                    </a:lnTo>
                    <a:lnTo>
                      <a:pt x="1235" y="4602"/>
                    </a:lnTo>
                    <a:lnTo>
                      <a:pt x="1261" y="4593"/>
                    </a:lnTo>
                    <a:lnTo>
                      <a:pt x="1314" y="4576"/>
                    </a:lnTo>
                    <a:lnTo>
                      <a:pt x="1354" y="4562"/>
                    </a:lnTo>
                    <a:lnTo>
                      <a:pt x="1369" y="4557"/>
                    </a:lnTo>
                    <a:lnTo>
                      <a:pt x="1384" y="4550"/>
                    </a:lnTo>
                    <a:lnTo>
                      <a:pt x="1397" y="4543"/>
                    </a:lnTo>
                    <a:lnTo>
                      <a:pt x="1410" y="4533"/>
                    </a:lnTo>
                    <a:lnTo>
                      <a:pt x="1432" y="4514"/>
                    </a:lnTo>
                    <a:lnTo>
                      <a:pt x="1456" y="4493"/>
                    </a:lnTo>
                    <a:lnTo>
                      <a:pt x="1461" y="4489"/>
                    </a:lnTo>
                    <a:lnTo>
                      <a:pt x="1465" y="4484"/>
                    </a:lnTo>
                    <a:lnTo>
                      <a:pt x="1469" y="4480"/>
                    </a:lnTo>
                    <a:lnTo>
                      <a:pt x="1472" y="4475"/>
                    </a:lnTo>
                    <a:lnTo>
                      <a:pt x="1476" y="4465"/>
                    </a:lnTo>
                    <a:lnTo>
                      <a:pt x="1477" y="4454"/>
                    </a:lnTo>
                    <a:lnTo>
                      <a:pt x="1478" y="4444"/>
                    </a:lnTo>
                    <a:lnTo>
                      <a:pt x="1481" y="4434"/>
                    </a:lnTo>
                    <a:lnTo>
                      <a:pt x="1483" y="4423"/>
                    </a:lnTo>
                    <a:lnTo>
                      <a:pt x="1487" y="4413"/>
                    </a:lnTo>
                    <a:lnTo>
                      <a:pt x="1499" y="4418"/>
                    </a:lnTo>
                    <a:lnTo>
                      <a:pt x="1516" y="4430"/>
                    </a:lnTo>
                    <a:lnTo>
                      <a:pt x="1526" y="4436"/>
                    </a:lnTo>
                    <a:lnTo>
                      <a:pt x="1537" y="4441"/>
                    </a:lnTo>
                    <a:lnTo>
                      <a:pt x="1547" y="4445"/>
                    </a:lnTo>
                    <a:lnTo>
                      <a:pt x="1559" y="4447"/>
                    </a:lnTo>
                    <a:lnTo>
                      <a:pt x="1570" y="4447"/>
                    </a:lnTo>
                    <a:lnTo>
                      <a:pt x="1581" y="4447"/>
                    </a:lnTo>
                    <a:lnTo>
                      <a:pt x="1591" y="4444"/>
                    </a:lnTo>
                    <a:lnTo>
                      <a:pt x="1601" y="4443"/>
                    </a:lnTo>
                    <a:lnTo>
                      <a:pt x="1622" y="4436"/>
                    </a:lnTo>
                    <a:lnTo>
                      <a:pt x="1641" y="4430"/>
                    </a:lnTo>
                    <a:lnTo>
                      <a:pt x="1661" y="4422"/>
                    </a:lnTo>
                    <a:lnTo>
                      <a:pt x="1680" y="4416"/>
                    </a:lnTo>
                    <a:lnTo>
                      <a:pt x="1700" y="4409"/>
                    </a:lnTo>
                    <a:lnTo>
                      <a:pt x="1720" y="4404"/>
                    </a:lnTo>
                    <a:lnTo>
                      <a:pt x="1752" y="4400"/>
                    </a:lnTo>
                    <a:lnTo>
                      <a:pt x="1784" y="4399"/>
                    </a:lnTo>
                    <a:lnTo>
                      <a:pt x="1799" y="4396"/>
                    </a:lnTo>
                    <a:lnTo>
                      <a:pt x="1815" y="4392"/>
                    </a:lnTo>
                    <a:lnTo>
                      <a:pt x="1823" y="4390"/>
                    </a:lnTo>
                    <a:lnTo>
                      <a:pt x="1831" y="4387"/>
                    </a:lnTo>
                    <a:lnTo>
                      <a:pt x="1837" y="4383"/>
                    </a:lnTo>
                    <a:lnTo>
                      <a:pt x="1844" y="4379"/>
                    </a:lnTo>
                    <a:lnTo>
                      <a:pt x="1846" y="4364"/>
                    </a:lnTo>
                    <a:lnTo>
                      <a:pt x="1850" y="4352"/>
                    </a:lnTo>
                    <a:lnTo>
                      <a:pt x="1851" y="4348"/>
                    </a:lnTo>
                    <a:lnTo>
                      <a:pt x="1854" y="4346"/>
                    </a:lnTo>
                    <a:lnTo>
                      <a:pt x="1856" y="4343"/>
                    </a:lnTo>
                    <a:lnTo>
                      <a:pt x="1859" y="4342"/>
                    </a:lnTo>
                    <a:lnTo>
                      <a:pt x="1856" y="4334"/>
                    </a:lnTo>
                    <a:lnTo>
                      <a:pt x="1855" y="4324"/>
                    </a:lnTo>
                    <a:lnTo>
                      <a:pt x="1854" y="4315"/>
                    </a:lnTo>
                    <a:lnTo>
                      <a:pt x="1854" y="4304"/>
                    </a:lnTo>
                    <a:lnTo>
                      <a:pt x="1855" y="4293"/>
                    </a:lnTo>
                    <a:lnTo>
                      <a:pt x="1856" y="4281"/>
                    </a:lnTo>
                    <a:lnTo>
                      <a:pt x="1859" y="4269"/>
                    </a:lnTo>
                    <a:lnTo>
                      <a:pt x="1862" y="4256"/>
                    </a:lnTo>
                    <a:lnTo>
                      <a:pt x="1871" y="4230"/>
                    </a:lnTo>
                    <a:lnTo>
                      <a:pt x="1881" y="4203"/>
                    </a:lnTo>
                    <a:lnTo>
                      <a:pt x="1893" y="4175"/>
                    </a:lnTo>
                    <a:lnTo>
                      <a:pt x="1907" y="4147"/>
                    </a:lnTo>
                    <a:lnTo>
                      <a:pt x="1921" y="4120"/>
                    </a:lnTo>
                    <a:lnTo>
                      <a:pt x="1937" y="4093"/>
                    </a:lnTo>
                    <a:lnTo>
                      <a:pt x="1952" y="4067"/>
                    </a:lnTo>
                    <a:lnTo>
                      <a:pt x="1967" y="4044"/>
                    </a:lnTo>
                    <a:lnTo>
                      <a:pt x="1995" y="4002"/>
                    </a:lnTo>
                    <a:lnTo>
                      <a:pt x="2018" y="3973"/>
                    </a:lnTo>
                    <a:lnTo>
                      <a:pt x="2031" y="3956"/>
                    </a:lnTo>
                    <a:lnTo>
                      <a:pt x="2046" y="3938"/>
                    </a:lnTo>
                    <a:lnTo>
                      <a:pt x="2057" y="3921"/>
                    </a:lnTo>
                    <a:lnTo>
                      <a:pt x="2070" y="3903"/>
                    </a:lnTo>
                    <a:lnTo>
                      <a:pt x="2095" y="3866"/>
                    </a:lnTo>
                    <a:lnTo>
                      <a:pt x="2121" y="3833"/>
                    </a:lnTo>
                    <a:lnTo>
                      <a:pt x="2131" y="3812"/>
                    </a:lnTo>
                    <a:lnTo>
                      <a:pt x="2144" y="3792"/>
                    </a:lnTo>
                    <a:lnTo>
                      <a:pt x="2157" y="3774"/>
                    </a:lnTo>
                    <a:lnTo>
                      <a:pt x="2170" y="3755"/>
                    </a:lnTo>
                    <a:lnTo>
                      <a:pt x="2199" y="3717"/>
                    </a:lnTo>
                    <a:lnTo>
                      <a:pt x="2228" y="3681"/>
                    </a:lnTo>
                    <a:lnTo>
                      <a:pt x="2259" y="3645"/>
                    </a:lnTo>
                    <a:lnTo>
                      <a:pt x="2289" y="3609"/>
                    </a:lnTo>
                    <a:lnTo>
                      <a:pt x="2318" y="3571"/>
                    </a:lnTo>
                    <a:lnTo>
                      <a:pt x="2345" y="3533"/>
                    </a:lnTo>
                    <a:lnTo>
                      <a:pt x="2357" y="3517"/>
                    </a:lnTo>
                    <a:lnTo>
                      <a:pt x="2367" y="3498"/>
                    </a:lnTo>
                    <a:lnTo>
                      <a:pt x="2376" y="3480"/>
                    </a:lnTo>
                    <a:lnTo>
                      <a:pt x="2385" y="3461"/>
                    </a:lnTo>
                    <a:lnTo>
                      <a:pt x="2403" y="3423"/>
                    </a:lnTo>
                    <a:lnTo>
                      <a:pt x="2420" y="3386"/>
                    </a:lnTo>
                    <a:lnTo>
                      <a:pt x="2437" y="3348"/>
                    </a:lnTo>
                    <a:lnTo>
                      <a:pt x="2454" y="3311"/>
                    </a:lnTo>
                    <a:lnTo>
                      <a:pt x="2463" y="3292"/>
                    </a:lnTo>
                    <a:lnTo>
                      <a:pt x="2472" y="3274"/>
                    </a:lnTo>
                    <a:lnTo>
                      <a:pt x="2482" y="3257"/>
                    </a:lnTo>
                    <a:lnTo>
                      <a:pt x="2494" y="3239"/>
                    </a:lnTo>
                    <a:lnTo>
                      <a:pt x="2503" y="3215"/>
                    </a:lnTo>
                    <a:lnTo>
                      <a:pt x="2511" y="3193"/>
                    </a:lnTo>
                    <a:lnTo>
                      <a:pt x="2515" y="3173"/>
                    </a:lnTo>
                    <a:lnTo>
                      <a:pt x="2517" y="3155"/>
                    </a:lnTo>
                    <a:lnTo>
                      <a:pt x="2516" y="3138"/>
                    </a:lnTo>
                    <a:lnTo>
                      <a:pt x="2513" y="3124"/>
                    </a:lnTo>
                    <a:lnTo>
                      <a:pt x="2509" y="3110"/>
                    </a:lnTo>
                    <a:lnTo>
                      <a:pt x="2503" y="3097"/>
                    </a:lnTo>
                    <a:lnTo>
                      <a:pt x="2495" y="3084"/>
                    </a:lnTo>
                    <a:lnTo>
                      <a:pt x="2486" y="3072"/>
                    </a:lnTo>
                    <a:lnTo>
                      <a:pt x="2476" y="3059"/>
                    </a:lnTo>
                    <a:lnTo>
                      <a:pt x="2464" y="3046"/>
                    </a:lnTo>
                    <a:lnTo>
                      <a:pt x="2438" y="3018"/>
                    </a:lnTo>
                    <a:lnTo>
                      <a:pt x="2411" y="2984"/>
                    </a:lnTo>
                    <a:lnTo>
                      <a:pt x="2353" y="2908"/>
                    </a:lnTo>
                    <a:lnTo>
                      <a:pt x="2347" y="2903"/>
                    </a:lnTo>
                    <a:lnTo>
                      <a:pt x="2342" y="2897"/>
                    </a:lnTo>
                    <a:lnTo>
                      <a:pt x="2337" y="2895"/>
                    </a:lnTo>
                    <a:lnTo>
                      <a:pt x="2331" y="2891"/>
                    </a:lnTo>
                    <a:lnTo>
                      <a:pt x="2316" y="2886"/>
                    </a:lnTo>
                    <a:lnTo>
                      <a:pt x="2302" y="2882"/>
                    </a:lnTo>
                    <a:lnTo>
                      <a:pt x="2288" y="2878"/>
                    </a:lnTo>
                    <a:lnTo>
                      <a:pt x="2275" y="2873"/>
                    </a:lnTo>
                    <a:lnTo>
                      <a:pt x="2268" y="2870"/>
                    </a:lnTo>
                    <a:lnTo>
                      <a:pt x="2263" y="2866"/>
                    </a:lnTo>
                    <a:lnTo>
                      <a:pt x="2258" y="2862"/>
                    </a:lnTo>
                    <a:lnTo>
                      <a:pt x="2254" y="2859"/>
                    </a:lnTo>
                    <a:lnTo>
                      <a:pt x="2245" y="2844"/>
                    </a:lnTo>
                    <a:lnTo>
                      <a:pt x="2236" y="2829"/>
                    </a:lnTo>
                    <a:lnTo>
                      <a:pt x="2227" y="2814"/>
                    </a:lnTo>
                    <a:lnTo>
                      <a:pt x="2218" y="2802"/>
                    </a:lnTo>
                    <a:lnTo>
                      <a:pt x="2188" y="2769"/>
                    </a:lnTo>
                    <a:lnTo>
                      <a:pt x="2164" y="2741"/>
                    </a:lnTo>
                    <a:lnTo>
                      <a:pt x="2160" y="2734"/>
                    </a:lnTo>
                    <a:lnTo>
                      <a:pt x="2157" y="2726"/>
                    </a:lnTo>
                    <a:lnTo>
                      <a:pt x="2154" y="2717"/>
                    </a:lnTo>
                    <a:lnTo>
                      <a:pt x="2154" y="2708"/>
                    </a:lnTo>
                    <a:lnTo>
                      <a:pt x="2154" y="2698"/>
                    </a:lnTo>
                    <a:lnTo>
                      <a:pt x="2157" y="2686"/>
                    </a:lnTo>
                    <a:lnTo>
                      <a:pt x="2160" y="2675"/>
                    </a:lnTo>
                    <a:lnTo>
                      <a:pt x="2165" y="2660"/>
                    </a:lnTo>
                    <a:lnTo>
                      <a:pt x="2169" y="2638"/>
                    </a:lnTo>
                    <a:lnTo>
                      <a:pt x="2173" y="2615"/>
                    </a:lnTo>
                    <a:lnTo>
                      <a:pt x="2175" y="2592"/>
                    </a:lnTo>
                    <a:lnTo>
                      <a:pt x="2176" y="2567"/>
                    </a:lnTo>
                    <a:lnTo>
                      <a:pt x="2175" y="2542"/>
                    </a:lnTo>
                    <a:lnTo>
                      <a:pt x="2174" y="2519"/>
                    </a:lnTo>
                    <a:lnTo>
                      <a:pt x="2171" y="2507"/>
                    </a:lnTo>
                    <a:lnTo>
                      <a:pt x="2169" y="2497"/>
                    </a:lnTo>
                    <a:lnTo>
                      <a:pt x="2166" y="2487"/>
                    </a:lnTo>
                    <a:lnTo>
                      <a:pt x="2162" y="2476"/>
                    </a:lnTo>
                    <a:lnTo>
                      <a:pt x="2153" y="2458"/>
                    </a:lnTo>
                    <a:lnTo>
                      <a:pt x="2143" y="2441"/>
                    </a:lnTo>
                    <a:lnTo>
                      <a:pt x="2131" y="2425"/>
                    </a:lnTo>
                    <a:lnTo>
                      <a:pt x="2121" y="2409"/>
                    </a:lnTo>
                    <a:lnTo>
                      <a:pt x="2112" y="2392"/>
                    </a:lnTo>
                    <a:lnTo>
                      <a:pt x="2104" y="2374"/>
                    </a:lnTo>
                    <a:lnTo>
                      <a:pt x="2100" y="2365"/>
                    </a:lnTo>
                    <a:lnTo>
                      <a:pt x="2097" y="2356"/>
                    </a:lnTo>
                    <a:lnTo>
                      <a:pt x="2096" y="2346"/>
                    </a:lnTo>
                    <a:lnTo>
                      <a:pt x="2096" y="2334"/>
                    </a:lnTo>
                    <a:lnTo>
                      <a:pt x="2094" y="2300"/>
                    </a:lnTo>
                    <a:lnTo>
                      <a:pt x="2092" y="2292"/>
                    </a:lnTo>
                    <a:lnTo>
                      <a:pt x="2090" y="2286"/>
                    </a:lnTo>
                    <a:lnTo>
                      <a:pt x="2087" y="2279"/>
                    </a:lnTo>
                    <a:lnTo>
                      <a:pt x="2082" y="2273"/>
                    </a:lnTo>
                    <a:lnTo>
                      <a:pt x="2072" y="2261"/>
                    </a:lnTo>
                    <a:lnTo>
                      <a:pt x="2060" y="2251"/>
                    </a:lnTo>
                    <a:lnTo>
                      <a:pt x="2047" y="2241"/>
                    </a:lnTo>
                    <a:lnTo>
                      <a:pt x="2035" y="2229"/>
                    </a:lnTo>
                    <a:lnTo>
                      <a:pt x="2029" y="2224"/>
                    </a:lnTo>
                    <a:lnTo>
                      <a:pt x="2024" y="2217"/>
                    </a:lnTo>
                    <a:lnTo>
                      <a:pt x="2020" y="2212"/>
                    </a:lnTo>
                    <a:lnTo>
                      <a:pt x="2016" y="2206"/>
                    </a:lnTo>
                    <a:lnTo>
                      <a:pt x="2005" y="2180"/>
                    </a:lnTo>
                    <a:lnTo>
                      <a:pt x="1996" y="2155"/>
                    </a:lnTo>
                    <a:lnTo>
                      <a:pt x="1991" y="2129"/>
                    </a:lnTo>
                    <a:lnTo>
                      <a:pt x="1986" y="2102"/>
                    </a:lnTo>
                    <a:lnTo>
                      <a:pt x="1983" y="2083"/>
                    </a:lnTo>
                    <a:lnTo>
                      <a:pt x="1980" y="2064"/>
                    </a:lnTo>
                    <a:lnTo>
                      <a:pt x="1976" y="2046"/>
                    </a:lnTo>
                    <a:lnTo>
                      <a:pt x="1972" y="2026"/>
                    </a:lnTo>
                    <a:lnTo>
                      <a:pt x="1963" y="2010"/>
                    </a:lnTo>
                    <a:lnTo>
                      <a:pt x="1955" y="1997"/>
                    </a:lnTo>
                    <a:lnTo>
                      <a:pt x="1950" y="1985"/>
                    </a:lnTo>
                    <a:lnTo>
                      <a:pt x="1946" y="1974"/>
                    </a:lnTo>
                    <a:lnTo>
                      <a:pt x="1945" y="1961"/>
                    </a:lnTo>
                    <a:lnTo>
                      <a:pt x="1945" y="1948"/>
                    </a:lnTo>
                    <a:lnTo>
                      <a:pt x="1947" y="1932"/>
                    </a:lnTo>
                    <a:lnTo>
                      <a:pt x="1951" y="1914"/>
                    </a:lnTo>
                    <a:lnTo>
                      <a:pt x="1956" y="1897"/>
                    </a:lnTo>
                    <a:lnTo>
                      <a:pt x="1960" y="1880"/>
                    </a:lnTo>
                    <a:lnTo>
                      <a:pt x="1963" y="1864"/>
                    </a:lnTo>
                    <a:lnTo>
                      <a:pt x="1965" y="1847"/>
                    </a:lnTo>
                    <a:lnTo>
                      <a:pt x="1967" y="1830"/>
                    </a:lnTo>
                    <a:lnTo>
                      <a:pt x="1967" y="1813"/>
                    </a:lnTo>
                    <a:lnTo>
                      <a:pt x="1967" y="1795"/>
                    </a:lnTo>
                    <a:lnTo>
                      <a:pt x="1965" y="1778"/>
                    </a:lnTo>
                    <a:lnTo>
                      <a:pt x="1961" y="1759"/>
                    </a:lnTo>
                    <a:lnTo>
                      <a:pt x="1956" y="1742"/>
                    </a:lnTo>
                    <a:lnTo>
                      <a:pt x="1950" y="1724"/>
                    </a:lnTo>
                    <a:lnTo>
                      <a:pt x="1941" y="1707"/>
                    </a:lnTo>
                    <a:lnTo>
                      <a:pt x="1932" y="1690"/>
                    </a:lnTo>
                    <a:lnTo>
                      <a:pt x="1921" y="1673"/>
                    </a:lnTo>
                    <a:lnTo>
                      <a:pt x="1910" y="1658"/>
                    </a:lnTo>
                    <a:lnTo>
                      <a:pt x="1898" y="1642"/>
                    </a:lnTo>
                    <a:lnTo>
                      <a:pt x="1873" y="1610"/>
                    </a:lnTo>
                    <a:lnTo>
                      <a:pt x="1850" y="1579"/>
                    </a:lnTo>
                    <a:lnTo>
                      <a:pt x="1838" y="1562"/>
                    </a:lnTo>
                    <a:lnTo>
                      <a:pt x="1828" y="1546"/>
                    </a:lnTo>
                    <a:lnTo>
                      <a:pt x="1819" y="1529"/>
                    </a:lnTo>
                    <a:lnTo>
                      <a:pt x="1811" y="1513"/>
                    </a:lnTo>
                    <a:lnTo>
                      <a:pt x="1799" y="1494"/>
                    </a:lnTo>
                    <a:lnTo>
                      <a:pt x="1784" y="1478"/>
                    </a:lnTo>
                    <a:lnTo>
                      <a:pt x="1770" y="1461"/>
                    </a:lnTo>
                    <a:lnTo>
                      <a:pt x="1754" y="1444"/>
                    </a:lnTo>
                    <a:lnTo>
                      <a:pt x="1741" y="1427"/>
                    </a:lnTo>
                    <a:lnTo>
                      <a:pt x="1728" y="1409"/>
                    </a:lnTo>
                    <a:lnTo>
                      <a:pt x="1723" y="1399"/>
                    </a:lnTo>
                    <a:lnTo>
                      <a:pt x="1719" y="1388"/>
                    </a:lnTo>
                    <a:lnTo>
                      <a:pt x="1715" y="1378"/>
                    </a:lnTo>
                    <a:lnTo>
                      <a:pt x="1713" y="1366"/>
                    </a:lnTo>
                    <a:lnTo>
                      <a:pt x="1711" y="1357"/>
                    </a:lnTo>
                    <a:lnTo>
                      <a:pt x="1711" y="1348"/>
                    </a:lnTo>
                    <a:lnTo>
                      <a:pt x="1711" y="1340"/>
                    </a:lnTo>
                    <a:lnTo>
                      <a:pt x="1713" y="1331"/>
                    </a:lnTo>
                    <a:lnTo>
                      <a:pt x="1717" y="1314"/>
                    </a:lnTo>
                    <a:lnTo>
                      <a:pt x="1723" y="1298"/>
                    </a:lnTo>
                    <a:lnTo>
                      <a:pt x="1737" y="1265"/>
                    </a:lnTo>
                    <a:lnTo>
                      <a:pt x="1752" y="1233"/>
                    </a:lnTo>
                    <a:lnTo>
                      <a:pt x="1763" y="1203"/>
                    </a:lnTo>
                    <a:lnTo>
                      <a:pt x="1775" y="1172"/>
                    </a:lnTo>
                    <a:lnTo>
                      <a:pt x="1788" y="1137"/>
                    </a:lnTo>
                    <a:lnTo>
                      <a:pt x="1797" y="1103"/>
                    </a:lnTo>
                    <a:lnTo>
                      <a:pt x="1801" y="1085"/>
                    </a:lnTo>
                    <a:lnTo>
                      <a:pt x="1803" y="1068"/>
                    </a:lnTo>
                    <a:lnTo>
                      <a:pt x="1803" y="1051"/>
                    </a:lnTo>
                    <a:lnTo>
                      <a:pt x="1802" y="1036"/>
                    </a:lnTo>
                    <a:lnTo>
                      <a:pt x="1799" y="1020"/>
                    </a:lnTo>
                    <a:lnTo>
                      <a:pt x="1794" y="1006"/>
                    </a:lnTo>
                    <a:lnTo>
                      <a:pt x="1790" y="998"/>
                    </a:lnTo>
                    <a:lnTo>
                      <a:pt x="1787" y="992"/>
                    </a:lnTo>
                    <a:lnTo>
                      <a:pt x="1781" y="985"/>
                    </a:lnTo>
                    <a:lnTo>
                      <a:pt x="1776" y="979"/>
                    </a:lnTo>
                    <a:lnTo>
                      <a:pt x="1763" y="963"/>
                    </a:lnTo>
                    <a:lnTo>
                      <a:pt x="1749" y="946"/>
                    </a:lnTo>
                    <a:lnTo>
                      <a:pt x="1735" y="928"/>
                    </a:lnTo>
                    <a:lnTo>
                      <a:pt x="1720" y="908"/>
                    </a:lnTo>
                    <a:lnTo>
                      <a:pt x="1708" y="887"/>
                    </a:lnTo>
                    <a:lnTo>
                      <a:pt x="1696" y="866"/>
                    </a:lnTo>
                    <a:lnTo>
                      <a:pt x="1688" y="847"/>
                    </a:lnTo>
                    <a:lnTo>
                      <a:pt x="1682" y="827"/>
                    </a:lnTo>
                    <a:lnTo>
                      <a:pt x="1641" y="791"/>
                    </a:lnTo>
                    <a:lnTo>
                      <a:pt x="1601" y="755"/>
                    </a:lnTo>
                    <a:lnTo>
                      <a:pt x="1581" y="735"/>
                    </a:lnTo>
                    <a:lnTo>
                      <a:pt x="1562" y="716"/>
                    </a:lnTo>
                    <a:lnTo>
                      <a:pt x="1544" y="695"/>
                    </a:lnTo>
                    <a:lnTo>
                      <a:pt x="1529" y="673"/>
                    </a:lnTo>
                    <a:lnTo>
                      <a:pt x="1524" y="664"/>
                    </a:lnTo>
                    <a:lnTo>
                      <a:pt x="1520" y="654"/>
                    </a:lnTo>
                    <a:lnTo>
                      <a:pt x="1516" y="645"/>
                    </a:lnTo>
                    <a:lnTo>
                      <a:pt x="1514" y="636"/>
                    </a:lnTo>
                    <a:lnTo>
                      <a:pt x="1512" y="616"/>
                    </a:lnTo>
                    <a:lnTo>
                      <a:pt x="1512" y="597"/>
                    </a:lnTo>
                    <a:lnTo>
                      <a:pt x="1513" y="579"/>
                    </a:lnTo>
                    <a:lnTo>
                      <a:pt x="1513" y="559"/>
                    </a:lnTo>
                    <a:lnTo>
                      <a:pt x="1514" y="540"/>
                    </a:lnTo>
                    <a:lnTo>
                      <a:pt x="1513" y="520"/>
                    </a:lnTo>
                    <a:lnTo>
                      <a:pt x="1500" y="514"/>
                    </a:lnTo>
                    <a:lnTo>
                      <a:pt x="1485" y="506"/>
                    </a:lnTo>
                    <a:lnTo>
                      <a:pt x="1478" y="503"/>
                    </a:lnTo>
                    <a:lnTo>
                      <a:pt x="1472" y="498"/>
                    </a:lnTo>
                    <a:lnTo>
                      <a:pt x="1468" y="494"/>
                    </a:lnTo>
                    <a:lnTo>
                      <a:pt x="1465" y="489"/>
                    </a:lnTo>
                    <a:lnTo>
                      <a:pt x="1467" y="474"/>
                    </a:lnTo>
                    <a:lnTo>
                      <a:pt x="1468" y="459"/>
                    </a:lnTo>
                    <a:lnTo>
                      <a:pt x="1469" y="444"/>
                    </a:lnTo>
                    <a:lnTo>
                      <a:pt x="1473" y="430"/>
                    </a:lnTo>
                    <a:lnTo>
                      <a:pt x="1474" y="418"/>
                    </a:lnTo>
                    <a:lnTo>
                      <a:pt x="1476" y="406"/>
                    </a:lnTo>
                    <a:lnTo>
                      <a:pt x="1477" y="395"/>
                    </a:lnTo>
                    <a:lnTo>
                      <a:pt x="1477" y="383"/>
                    </a:lnTo>
                    <a:lnTo>
                      <a:pt x="1479" y="373"/>
                    </a:lnTo>
                    <a:lnTo>
                      <a:pt x="1482" y="364"/>
                    </a:lnTo>
                    <a:lnTo>
                      <a:pt x="1483" y="353"/>
                    </a:lnTo>
                    <a:lnTo>
                      <a:pt x="1485" y="342"/>
                    </a:lnTo>
                    <a:lnTo>
                      <a:pt x="1483" y="326"/>
                    </a:lnTo>
                    <a:lnTo>
                      <a:pt x="1482" y="310"/>
                    </a:lnTo>
                    <a:lnTo>
                      <a:pt x="1481" y="295"/>
                    </a:lnTo>
                    <a:lnTo>
                      <a:pt x="1479" y="279"/>
                    </a:lnTo>
                    <a:lnTo>
                      <a:pt x="1479" y="239"/>
                    </a:lnTo>
                    <a:lnTo>
                      <a:pt x="1477" y="195"/>
                    </a:lnTo>
                    <a:lnTo>
                      <a:pt x="1474" y="173"/>
                    </a:lnTo>
                    <a:lnTo>
                      <a:pt x="1472" y="152"/>
                    </a:lnTo>
                    <a:lnTo>
                      <a:pt x="1467" y="132"/>
                    </a:lnTo>
                    <a:lnTo>
                      <a:pt x="1460" y="114"/>
                    </a:lnTo>
                    <a:lnTo>
                      <a:pt x="1455" y="106"/>
                    </a:lnTo>
                    <a:lnTo>
                      <a:pt x="1450" y="98"/>
                    </a:lnTo>
                    <a:lnTo>
                      <a:pt x="1442" y="91"/>
                    </a:lnTo>
                    <a:lnTo>
                      <a:pt x="1434" y="85"/>
                    </a:lnTo>
                    <a:lnTo>
                      <a:pt x="1416" y="76"/>
                    </a:lnTo>
                    <a:lnTo>
                      <a:pt x="1395" y="67"/>
                    </a:lnTo>
                    <a:lnTo>
                      <a:pt x="1373" y="60"/>
                    </a:lnTo>
                    <a:lnTo>
                      <a:pt x="1351" y="54"/>
                    </a:lnTo>
                    <a:lnTo>
                      <a:pt x="1332" y="46"/>
                    </a:lnTo>
                    <a:lnTo>
                      <a:pt x="1314" y="38"/>
                    </a:lnTo>
                    <a:lnTo>
                      <a:pt x="1299" y="28"/>
                    </a:lnTo>
                    <a:lnTo>
                      <a:pt x="1283" y="15"/>
                    </a:lnTo>
                    <a:lnTo>
                      <a:pt x="1275" y="9"/>
                    </a:lnTo>
                    <a:lnTo>
                      <a:pt x="1266" y="5"/>
                    </a:lnTo>
                    <a:lnTo>
                      <a:pt x="1259" y="1"/>
                    </a:lnTo>
                    <a:lnTo>
                      <a:pt x="1253" y="0"/>
                    </a:lnTo>
                    <a:lnTo>
                      <a:pt x="1245" y="1"/>
                    </a:lnTo>
                    <a:lnTo>
                      <a:pt x="1240" y="2"/>
                    </a:lnTo>
                    <a:lnTo>
                      <a:pt x="1235" y="5"/>
                    </a:lnTo>
                    <a:lnTo>
                      <a:pt x="1231" y="9"/>
                    </a:lnTo>
                    <a:lnTo>
                      <a:pt x="1227" y="16"/>
                    </a:lnTo>
                    <a:lnTo>
                      <a:pt x="1224" y="27"/>
                    </a:lnTo>
                    <a:lnTo>
                      <a:pt x="1223" y="37"/>
                    </a:lnTo>
                    <a:lnTo>
                      <a:pt x="1220" y="47"/>
                    </a:lnTo>
                    <a:lnTo>
                      <a:pt x="1219" y="51"/>
                    </a:lnTo>
                    <a:lnTo>
                      <a:pt x="1217" y="57"/>
                    </a:lnTo>
                    <a:lnTo>
                      <a:pt x="1214" y="59"/>
                    </a:lnTo>
                    <a:lnTo>
                      <a:pt x="1209" y="63"/>
                    </a:lnTo>
                    <a:lnTo>
                      <a:pt x="1204" y="66"/>
                    </a:lnTo>
                    <a:lnTo>
                      <a:pt x="1197" y="67"/>
                    </a:lnTo>
                    <a:lnTo>
                      <a:pt x="1192" y="67"/>
                    </a:lnTo>
                    <a:lnTo>
                      <a:pt x="1185" y="67"/>
                    </a:lnTo>
                    <a:lnTo>
                      <a:pt x="1172" y="67"/>
                    </a:lnTo>
                    <a:lnTo>
                      <a:pt x="1161" y="68"/>
                    </a:lnTo>
                    <a:lnTo>
                      <a:pt x="1150" y="73"/>
                    </a:lnTo>
                    <a:lnTo>
                      <a:pt x="1143" y="80"/>
                    </a:lnTo>
                    <a:lnTo>
                      <a:pt x="1136" y="86"/>
                    </a:lnTo>
                    <a:lnTo>
                      <a:pt x="1130" y="94"/>
                    </a:lnTo>
                    <a:lnTo>
                      <a:pt x="1121" y="112"/>
                    </a:lnTo>
                    <a:lnTo>
                      <a:pt x="1109" y="130"/>
                    </a:lnTo>
                    <a:lnTo>
                      <a:pt x="1105" y="141"/>
                    </a:lnTo>
                    <a:lnTo>
                      <a:pt x="1097" y="154"/>
                    </a:lnTo>
                    <a:lnTo>
                      <a:pt x="1090" y="165"/>
                    </a:lnTo>
                    <a:lnTo>
                      <a:pt x="1082" y="178"/>
                    </a:lnTo>
                    <a:lnTo>
                      <a:pt x="1074" y="190"/>
                    </a:lnTo>
                    <a:lnTo>
                      <a:pt x="1069" y="202"/>
                    </a:lnTo>
                    <a:lnTo>
                      <a:pt x="1068" y="208"/>
                    </a:lnTo>
                    <a:lnTo>
                      <a:pt x="1066" y="213"/>
                    </a:lnTo>
                    <a:lnTo>
                      <a:pt x="1068" y="218"/>
                    </a:lnTo>
                    <a:lnTo>
                      <a:pt x="1069" y="225"/>
                    </a:lnTo>
                    <a:lnTo>
                      <a:pt x="1074" y="233"/>
                    </a:lnTo>
                    <a:lnTo>
                      <a:pt x="1077" y="242"/>
                    </a:lnTo>
                    <a:lnTo>
                      <a:pt x="1078" y="250"/>
                    </a:lnTo>
                    <a:lnTo>
                      <a:pt x="1079" y="257"/>
                    </a:lnTo>
                    <a:lnTo>
                      <a:pt x="1080" y="273"/>
                    </a:lnTo>
                    <a:lnTo>
                      <a:pt x="1080" y="292"/>
                    </a:lnTo>
                    <a:lnTo>
                      <a:pt x="1082" y="316"/>
                    </a:lnTo>
                    <a:lnTo>
                      <a:pt x="1084" y="342"/>
                    </a:lnTo>
                    <a:lnTo>
                      <a:pt x="1086" y="367"/>
                    </a:lnTo>
                    <a:lnTo>
                      <a:pt x="1087" y="395"/>
                    </a:lnTo>
                    <a:lnTo>
                      <a:pt x="1086" y="422"/>
                    </a:lnTo>
                    <a:lnTo>
                      <a:pt x="1084" y="448"/>
                    </a:lnTo>
                    <a:lnTo>
                      <a:pt x="1083" y="459"/>
                    </a:lnTo>
                    <a:lnTo>
                      <a:pt x="1082" y="472"/>
                    </a:lnTo>
                    <a:lnTo>
                      <a:pt x="1078" y="484"/>
                    </a:lnTo>
                    <a:lnTo>
                      <a:pt x="1075" y="496"/>
                    </a:lnTo>
                    <a:lnTo>
                      <a:pt x="1073" y="502"/>
                    </a:lnTo>
                    <a:lnTo>
                      <a:pt x="1069" y="509"/>
                    </a:lnTo>
                    <a:lnTo>
                      <a:pt x="1065" y="514"/>
                    </a:lnTo>
                    <a:lnTo>
                      <a:pt x="1060" y="519"/>
                    </a:lnTo>
                    <a:lnTo>
                      <a:pt x="1049" y="528"/>
                    </a:lnTo>
                    <a:lnTo>
                      <a:pt x="1038" y="537"/>
                    </a:lnTo>
                    <a:lnTo>
                      <a:pt x="1027" y="546"/>
                    </a:lnTo>
                    <a:lnTo>
                      <a:pt x="1018" y="557"/>
                    </a:lnTo>
                    <a:lnTo>
                      <a:pt x="1014" y="562"/>
                    </a:lnTo>
                    <a:lnTo>
                      <a:pt x="1012" y="568"/>
                    </a:lnTo>
                    <a:lnTo>
                      <a:pt x="1009" y="575"/>
                    </a:lnTo>
                    <a:lnTo>
                      <a:pt x="1008" y="584"/>
                    </a:lnTo>
                    <a:lnTo>
                      <a:pt x="1007" y="595"/>
                    </a:lnTo>
                    <a:lnTo>
                      <a:pt x="1004" y="607"/>
                    </a:lnTo>
                    <a:lnTo>
                      <a:pt x="1000" y="616"/>
                    </a:lnTo>
                    <a:lnTo>
                      <a:pt x="996" y="625"/>
                    </a:lnTo>
                    <a:lnTo>
                      <a:pt x="991" y="634"/>
                    </a:lnTo>
                    <a:lnTo>
                      <a:pt x="985" y="641"/>
                    </a:lnTo>
                    <a:lnTo>
                      <a:pt x="978" y="647"/>
                    </a:lnTo>
                    <a:lnTo>
                      <a:pt x="970" y="654"/>
                    </a:lnTo>
                    <a:lnTo>
                      <a:pt x="952" y="663"/>
                    </a:lnTo>
                    <a:lnTo>
                      <a:pt x="934" y="671"/>
                    </a:lnTo>
                    <a:lnTo>
                      <a:pt x="913" y="677"/>
                    </a:lnTo>
                    <a:lnTo>
                      <a:pt x="893" y="682"/>
                    </a:lnTo>
                    <a:lnTo>
                      <a:pt x="872" y="677"/>
                    </a:lnTo>
                    <a:lnTo>
                      <a:pt x="854" y="672"/>
                    </a:lnTo>
                    <a:lnTo>
                      <a:pt x="838" y="665"/>
                    </a:lnTo>
                    <a:lnTo>
                      <a:pt x="825" y="659"/>
                    </a:lnTo>
                    <a:lnTo>
                      <a:pt x="812" y="650"/>
                    </a:lnTo>
                    <a:lnTo>
                      <a:pt x="801" y="638"/>
                    </a:lnTo>
                    <a:lnTo>
                      <a:pt x="789" y="625"/>
                    </a:lnTo>
                    <a:lnTo>
                      <a:pt x="776" y="608"/>
                    </a:lnTo>
                    <a:lnTo>
                      <a:pt x="772" y="603"/>
                    </a:lnTo>
                    <a:lnTo>
                      <a:pt x="767" y="601"/>
                    </a:lnTo>
                    <a:lnTo>
                      <a:pt x="760" y="599"/>
                    </a:lnTo>
                    <a:lnTo>
                      <a:pt x="754" y="599"/>
                    </a:lnTo>
                    <a:lnTo>
                      <a:pt x="748" y="602"/>
                    </a:lnTo>
                    <a:lnTo>
                      <a:pt x="740" y="604"/>
                    </a:lnTo>
                    <a:lnTo>
                      <a:pt x="732" y="608"/>
                    </a:lnTo>
                    <a:lnTo>
                      <a:pt x="726" y="614"/>
                    </a:lnTo>
                    <a:lnTo>
                      <a:pt x="696" y="634"/>
                    </a:lnTo>
                    <a:lnTo>
                      <a:pt x="672" y="650"/>
                    </a:lnTo>
                    <a:lnTo>
                      <a:pt x="662" y="655"/>
                    </a:lnTo>
                    <a:lnTo>
                      <a:pt x="652" y="658"/>
                    </a:lnTo>
                    <a:lnTo>
                      <a:pt x="641" y="660"/>
                    </a:lnTo>
                    <a:lnTo>
                      <a:pt x="631" y="660"/>
                    </a:lnTo>
                    <a:lnTo>
                      <a:pt x="621" y="660"/>
                    </a:lnTo>
                    <a:lnTo>
                      <a:pt x="610" y="660"/>
                    </a:lnTo>
                    <a:lnTo>
                      <a:pt x="601" y="658"/>
                    </a:lnTo>
                    <a:lnTo>
                      <a:pt x="591" y="655"/>
                    </a:lnTo>
                    <a:lnTo>
                      <a:pt x="582" y="652"/>
                    </a:lnTo>
                    <a:lnTo>
                      <a:pt x="573" y="647"/>
                    </a:lnTo>
                    <a:lnTo>
                      <a:pt x="564" y="642"/>
                    </a:lnTo>
                    <a:lnTo>
                      <a:pt x="556" y="637"/>
                    </a:lnTo>
                    <a:lnTo>
                      <a:pt x="539" y="624"/>
                    </a:lnTo>
                    <a:lnTo>
                      <a:pt x="522" y="610"/>
                    </a:lnTo>
                    <a:lnTo>
                      <a:pt x="507" y="594"/>
                    </a:lnTo>
                    <a:lnTo>
                      <a:pt x="492" y="577"/>
                    </a:lnTo>
                    <a:lnTo>
                      <a:pt x="478" y="559"/>
                    </a:lnTo>
                    <a:lnTo>
                      <a:pt x="464" y="541"/>
                    </a:lnTo>
                    <a:lnTo>
                      <a:pt x="439" y="507"/>
                    </a:lnTo>
                    <a:lnTo>
                      <a:pt x="416" y="478"/>
                    </a:lnTo>
                    <a:lnTo>
                      <a:pt x="391" y="446"/>
                    </a:lnTo>
                    <a:lnTo>
                      <a:pt x="351" y="400"/>
                    </a:lnTo>
                    <a:lnTo>
                      <a:pt x="332" y="378"/>
                    </a:lnTo>
                    <a:lnTo>
                      <a:pt x="312" y="362"/>
                    </a:lnTo>
                    <a:lnTo>
                      <a:pt x="304" y="357"/>
                    </a:lnTo>
                    <a:lnTo>
                      <a:pt x="298" y="354"/>
                    </a:lnTo>
                    <a:lnTo>
                      <a:pt x="295" y="354"/>
                    </a:lnTo>
                    <a:lnTo>
                      <a:pt x="293" y="354"/>
                    </a:lnTo>
                    <a:lnTo>
                      <a:pt x="290" y="356"/>
                    </a:lnTo>
                    <a:lnTo>
                      <a:pt x="289" y="358"/>
                    </a:lnTo>
                    <a:lnTo>
                      <a:pt x="281" y="379"/>
                    </a:lnTo>
                    <a:lnTo>
                      <a:pt x="273" y="406"/>
                    </a:lnTo>
                    <a:lnTo>
                      <a:pt x="266" y="435"/>
                    </a:lnTo>
                    <a:lnTo>
                      <a:pt x="262" y="458"/>
                    </a:lnTo>
                    <a:lnTo>
                      <a:pt x="187" y="47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50" name="Freeform 45"/>
              <p:cNvSpPr>
                <a:spLocks/>
              </p:cNvSpPr>
              <p:nvPr/>
            </p:nvSpPr>
            <p:spPr bwMode="auto">
              <a:xfrm>
                <a:off x="8481126" y="1876881"/>
                <a:ext cx="74690" cy="92122"/>
              </a:xfrm>
              <a:custGeom>
                <a:avLst/>
                <a:gdLst/>
                <a:ahLst/>
                <a:cxnLst>
                  <a:cxn ang="0">
                    <a:pos x="64" y="190"/>
                  </a:cxn>
                  <a:cxn ang="0">
                    <a:pos x="56" y="185"/>
                  </a:cxn>
                  <a:cxn ang="0">
                    <a:pos x="39" y="170"/>
                  </a:cxn>
                  <a:cxn ang="0">
                    <a:pos x="17" y="140"/>
                  </a:cxn>
                  <a:cxn ang="0">
                    <a:pos x="3" y="114"/>
                  </a:cxn>
                  <a:cxn ang="0">
                    <a:pos x="14" y="102"/>
                  </a:cxn>
                  <a:cxn ang="0">
                    <a:pos x="39" y="91"/>
                  </a:cxn>
                  <a:cxn ang="0">
                    <a:pos x="47" y="82"/>
                  </a:cxn>
                  <a:cxn ang="0">
                    <a:pos x="48" y="75"/>
                  </a:cxn>
                  <a:cxn ang="0">
                    <a:pos x="40" y="56"/>
                  </a:cxn>
                  <a:cxn ang="0">
                    <a:pos x="29" y="32"/>
                  </a:cxn>
                  <a:cxn ang="0">
                    <a:pos x="27" y="19"/>
                  </a:cxn>
                  <a:cxn ang="0">
                    <a:pos x="30" y="10"/>
                  </a:cxn>
                  <a:cxn ang="0">
                    <a:pos x="34" y="4"/>
                  </a:cxn>
                  <a:cxn ang="0">
                    <a:pos x="40" y="0"/>
                  </a:cxn>
                  <a:cxn ang="0">
                    <a:pos x="51" y="1"/>
                  </a:cxn>
                  <a:cxn ang="0">
                    <a:pos x="73" y="15"/>
                  </a:cxn>
                  <a:cxn ang="0">
                    <a:pos x="101" y="38"/>
                  </a:cxn>
                  <a:cxn ang="0">
                    <a:pos x="128" y="56"/>
                  </a:cxn>
                  <a:cxn ang="0">
                    <a:pos x="136" y="63"/>
                  </a:cxn>
                  <a:cxn ang="0">
                    <a:pos x="139" y="71"/>
                  </a:cxn>
                  <a:cxn ang="0">
                    <a:pos x="136" y="79"/>
                  </a:cxn>
                  <a:cxn ang="0">
                    <a:pos x="117" y="93"/>
                  </a:cxn>
                  <a:cxn ang="0">
                    <a:pos x="105" y="107"/>
                  </a:cxn>
                  <a:cxn ang="0">
                    <a:pos x="102" y="120"/>
                  </a:cxn>
                  <a:cxn ang="0">
                    <a:pos x="105" y="141"/>
                  </a:cxn>
                  <a:cxn ang="0">
                    <a:pos x="111" y="157"/>
                  </a:cxn>
                  <a:cxn ang="0">
                    <a:pos x="121" y="163"/>
                  </a:cxn>
                  <a:cxn ang="0">
                    <a:pos x="144" y="161"/>
                  </a:cxn>
                  <a:cxn ang="0">
                    <a:pos x="159" y="155"/>
                  </a:cxn>
                  <a:cxn ang="0">
                    <a:pos x="163" y="158"/>
                  </a:cxn>
                  <a:cxn ang="0">
                    <a:pos x="165" y="170"/>
                  </a:cxn>
                  <a:cxn ang="0">
                    <a:pos x="165" y="189"/>
                  </a:cxn>
                  <a:cxn ang="0">
                    <a:pos x="159" y="196"/>
                  </a:cxn>
                  <a:cxn ang="0">
                    <a:pos x="146" y="201"/>
                  </a:cxn>
                  <a:cxn ang="0">
                    <a:pos x="113" y="201"/>
                  </a:cxn>
                  <a:cxn ang="0">
                    <a:pos x="67" y="192"/>
                  </a:cxn>
                </a:cxnLst>
                <a:rect l="0" t="0" r="r" b="b"/>
                <a:pathLst>
                  <a:path w="165" h="202">
                    <a:moveTo>
                      <a:pt x="67" y="192"/>
                    </a:moveTo>
                    <a:lnTo>
                      <a:pt x="64" y="190"/>
                    </a:lnTo>
                    <a:lnTo>
                      <a:pt x="60" y="189"/>
                    </a:lnTo>
                    <a:lnTo>
                      <a:pt x="56" y="185"/>
                    </a:lnTo>
                    <a:lnTo>
                      <a:pt x="51" y="181"/>
                    </a:lnTo>
                    <a:lnTo>
                      <a:pt x="39" y="170"/>
                    </a:lnTo>
                    <a:lnTo>
                      <a:pt x="29" y="155"/>
                    </a:lnTo>
                    <a:lnTo>
                      <a:pt x="17" y="140"/>
                    </a:lnTo>
                    <a:lnTo>
                      <a:pt x="9" y="126"/>
                    </a:lnTo>
                    <a:lnTo>
                      <a:pt x="3" y="114"/>
                    </a:lnTo>
                    <a:lnTo>
                      <a:pt x="0" y="106"/>
                    </a:lnTo>
                    <a:lnTo>
                      <a:pt x="14" y="102"/>
                    </a:lnTo>
                    <a:lnTo>
                      <a:pt x="31" y="96"/>
                    </a:lnTo>
                    <a:lnTo>
                      <a:pt x="39" y="91"/>
                    </a:lnTo>
                    <a:lnTo>
                      <a:pt x="45" y="85"/>
                    </a:lnTo>
                    <a:lnTo>
                      <a:pt x="47" y="82"/>
                    </a:lnTo>
                    <a:lnTo>
                      <a:pt x="48" y="79"/>
                    </a:lnTo>
                    <a:lnTo>
                      <a:pt x="48" y="75"/>
                    </a:lnTo>
                    <a:lnTo>
                      <a:pt x="47" y="71"/>
                    </a:lnTo>
                    <a:lnTo>
                      <a:pt x="40" y="56"/>
                    </a:lnTo>
                    <a:lnTo>
                      <a:pt x="31" y="40"/>
                    </a:lnTo>
                    <a:lnTo>
                      <a:pt x="29" y="32"/>
                    </a:lnTo>
                    <a:lnTo>
                      <a:pt x="27" y="25"/>
                    </a:lnTo>
                    <a:lnTo>
                      <a:pt x="27" y="19"/>
                    </a:lnTo>
                    <a:lnTo>
                      <a:pt x="27" y="15"/>
                    </a:lnTo>
                    <a:lnTo>
                      <a:pt x="30" y="10"/>
                    </a:lnTo>
                    <a:lnTo>
                      <a:pt x="31" y="6"/>
                    </a:lnTo>
                    <a:lnTo>
                      <a:pt x="34" y="4"/>
                    </a:lnTo>
                    <a:lnTo>
                      <a:pt x="36" y="1"/>
                    </a:lnTo>
                    <a:lnTo>
                      <a:pt x="40" y="0"/>
                    </a:lnTo>
                    <a:lnTo>
                      <a:pt x="44" y="0"/>
                    </a:lnTo>
                    <a:lnTo>
                      <a:pt x="51" y="1"/>
                    </a:lnTo>
                    <a:lnTo>
                      <a:pt x="58" y="5"/>
                    </a:lnTo>
                    <a:lnTo>
                      <a:pt x="73" y="15"/>
                    </a:lnTo>
                    <a:lnTo>
                      <a:pt x="83" y="25"/>
                    </a:lnTo>
                    <a:lnTo>
                      <a:pt x="101" y="38"/>
                    </a:lnTo>
                    <a:lnTo>
                      <a:pt x="124" y="52"/>
                    </a:lnTo>
                    <a:lnTo>
                      <a:pt x="128" y="56"/>
                    </a:lnTo>
                    <a:lnTo>
                      <a:pt x="133" y="60"/>
                    </a:lnTo>
                    <a:lnTo>
                      <a:pt x="136" y="63"/>
                    </a:lnTo>
                    <a:lnTo>
                      <a:pt x="139" y="67"/>
                    </a:lnTo>
                    <a:lnTo>
                      <a:pt x="139" y="71"/>
                    </a:lnTo>
                    <a:lnTo>
                      <a:pt x="139" y="75"/>
                    </a:lnTo>
                    <a:lnTo>
                      <a:pt x="136" y="79"/>
                    </a:lnTo>
                    <a:lnTo>
                      <a:pt x="131" y="84"/>
                    </a:lnTo>
                    <a:lnTo>
                      <a:pt x="117" y="93"/>
                    </a:lnTo>
                    <a:lnTo>
                      <a:pt x="108" y="102"/>
                    </a:lnTo>
                    <a:lnTo>
                      <a:pt x="105" y="107"/>
                    </a:lnTo>
                    <a:lnTo>
                      <a:pt x="104" y="113"/>
                    </a:lnTo>
                    <a:lnTo>
                      <a:pt x="102" y="120"/>
                    </a:lnTo>
                    <a:lnTo>
                      <a:pt x="102" y="129"/>
                    </a:lnTo>
                    <a:lnTo>
                      <a:pt x="105" y="141"/>
                    </a:lnTo>
                    <a:lnTo>
                      <a:pt x="109" y="152"/>
                    </a:lnTo>
                    <a:lnTo>
                      <a:pt x="111" y="157"/>
                    </a:lnTo>
                    <a:lnTo>
                      <a:pt x="115" y="161"/>
                    </a:lnTo>
                    <a:lnTo>
                      <a:pt x="121" y="163"/>
                    </a:lnTo>
                    <a:lnTo>
                      <a:pt x="126" y="164"/>
                    </a:lnTo>
                    <a:lnTo>
                      <a:pt x="144" y="161"/>
                    </a:lnTo>
                    <a:lnTo>
                      <a:pt x="157" y="155"/>
                    </a:lnTo>
                    <a:lnTo>
                      <a:pt x="159" y="155"/>
                    </a:lnTo>
                    <a:lnTo>
                      <a:pt x="161" y="157"/>
                    </a:lnTo>
                    <a:lnTo>
                      <a:pt x="163" y="158"/>
                    </a:lnTo>
                    <a:lnTo>
                      <a:pt x="163" y="161"/>
                    </a:lnTo>
                    <a:lnTo>
                      <a:pt x="165" y="170"/>
                    </a:lnTo>
                    <a:lnTo>
                      <a:pt x="165" y="184"/>
                    </a:lnTo>
                    <a:lnTo>
                      <a:pt x="165" y="189"/>
                    </a:lnTo>
                    <a:lnTo>
                      <a:pt x="162" y="193"/>
                    </a:lnTo>
                    <a:lnTo>
                      <a:pt x="159" y="196"/>
                    </a:lnTo>
                    <a:lnTo>
                      <a:pt x="155" y="198"/>
                    </a:lnTo>
                    <a:lnTo>
                      <a:pt x="146" y="201"/>
                    </a:lnTo>
                    <a:lnTo>
                      <a:pt x="136" y="202"/>
                    </a:lnTo>
                    <a:lnTo>
                      <a:pt x="113" y="201"/>
                    </a:lnTo>
                    <a:lnTo>
                      <a:pt x="96" y="198"/>
                    </a:lnTo>
                    <a:lnTo>
                      <a:pt x="67" y="192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51" name="Freeform 46"/>
              <p:cNvSpPr>
                <a:spLocks/>
              </p:cNvSpPr>
              <p:nvPr/>
            </p:nvSpPr>
            <p:spPr bwMode="auto">
              <a:xfrm>
                <a:off x="8566746" y="-146180"/>
                <a:ext cx="1062046" cy="2162147"/>
              </a:xfrm>
              <a:custGeom>
                <a:avLst/>
                <a:gdLst/>
                <a:ahLst/>
                <a:cxnLst>
                  <a:cxn ang="0">
                    <a:pos x="304" y="803"/>
                  </a:cxn>
                  <a:cxn ang="0">
                    <a:pos x="489" y="956"/>
                  </a:cxn>
                  <a:cxn ang="0">
                    <a:pos x="546" y="1193"/>
                  </a:cxn>
                  <a:cxn ang="0">
                    <a:pos x="586" y="1413"/>
                  </a:cxn>
                  <a:cxn ang="0">
                    <a:pos x="579" y="1663"/>
                  </a:cxn>
                  <a:cxn ang="0">
                    <a:pos x="658" y="1925"/>
                  </a:cxn>
                  <a:cxn ang="0">
                    <a:pos x="782" y="2018"/>
                  </a:cxn>
                  <a:cxn ang="0">
                    <a:pos x="892" y="2187"/>
                  </a:cxn>
                  <a:cxn ang="0">
                    <a:pos x="970" y="2300"/>
                  </a:cxn>
                  <a:cxn ang="0">
                    <a:pos x="891" y="2364"/>
                  </a:cxn>
                  <a:cxn ang="0">
                    <a:pos x="767" y="2418"/>
                  </a:cxn>
                  <a:cxn ang="0">
                    <a:pos x="658" y="2655"/>
                  </a:cxn>
                  <a:cxn ang="0">
                    <a:pos x="523" y="2839"/>
                  </a:cxn>
                  <a:cxn ang="0">
                    <a:pos x="396" y="3001"/>
                  </a:cxn>
                  <a:cxn ang="0">
                    <a:pos x="349" y="3154"/>
                  </a:cxn>
                  <a:cxn ang="0">
                    <a:pos x="256" y="3163"/>
                  </a:cxn>
                  <a:cxn ang="0">
                    <a:pos x="178" y="3290"/>
                  </a:cxn>
                  <a:cxn ang="0">
                    <a:pos x="120" y="3478"/>
                  </a:cxn>
                  <a:cxn ang="0">
                    <a:pos x="154" y="3609"/>
                  </a:cxn>
                  <a:cxn ang="0">
                    <a:pos x="142" y="3790"/>
                  </a:cxn>
                  <a:cxn ang="0">
                    <a:pos x="200" y="3903"/>
                  </a:cxn>
                  <a:cxn ang="0">
                    <a:pos x="198" y="4084"/>
                  </a:cxn>
                  <a:cxn ang="0">
                    <a:pos x="177" y="4157"/>
                  </a:cxn>
                  <a:cxn ang="0">
                    <a:pos x="213" y="4318"/>
                  </a:cxn>
                  <a:cxn ang="0">
                    <a:pos x="317" y="4372"/>
                  </a:cxn>
                  <a:cxn ang="0">
                    <a:pos x="408" y="4486"/>
                  </a:cxn>
                  <a:cxn ang="0">
                    <a:pos x="497" y="4488"/>
                  </a:cxn>
                  <a:cxn ang="0">
                    <a:pos x="511" y="4557"/>
                  </a:cxn>
                  <a:cxn ang="0">
                    <a:pos x="479" y="4675"/>
                  </a:cxn>
                  <a:cxn ang="0">
                    <a:pos x="633" y="4545"/>
                  </a:cxn>
                  <a:cxn ang="0">
                    <a:pos x="684" y="4673"/>
                  </a:cxn>
                  <a:cxn ang="0">
                    <a:pos x="712" y="4723"/>
                  </a:cxn>
                  <a:cxn ang="0">
                    <a:pos x="725" y="4774"/>
                  </a:cxn>
                  <a:cxn ang="0">
                    <a:pos x="923" y="4673"/>
                  </a:cxn>
                  <a:cxn ang="0">
                    <a:pos x="1197" y="4550"/>
                  </a:cxn>
                  <a:cxn ang="0">
                    <a:pos x="1339" y="4436"/>
                  </a:cxn>
                  <a:cxn ang="0">
                    <a:pos x="1628" y="4392"/>
                  </a:cxn>
                  <a:cxn ang="0">
                    <a:pos x="1669" y="4281"/>
                  </a:cxn>
                  <a:cxn ang="0">
                    <a:pos x="1908" y="3866"/>
                  </a:cxn>
                  <a:cxn ang="0">
                    <a:pos x="2233" y="3386"/>
                  </a:cxn>
                  <a:cxn ang="0">
                    <a:pos x="2289" y="3059"/>
                  </a:cxn>
                  <a:cxn ang="0">
                    <a:pos x="2058" y="2844"/>
                  </a:cxn>
                  <a:cxn ang="0">
                    <a:pos x="1989" y="2567"/>
                  </a:cxn>
                  <a:cxn ang="0">
                    <a:pos x="1907" y="2300"/>
                  </a:cxn>
                  <a:cxn ang="0">
                    <a:pos x="1796" y="2083"/>
                  </a:cxn>
                  <a:cxn ang="0">
                    <a:pos x="1780" y="1813"/>
                  </a:cxn>
                  <a:cxn ang="0">
                    <a:pos x="1612" y="1494"/>
                  </a:cxn>
                  <a:cxn ang="0">
                    <a:pos x="1565" y="1233"/>
                  </a:cxn>
                  <a:cxn ang="0">
                    <a:pos x="1548" y="928"/>
                  </a:cxn>
                  <a:cxn ang="0">
                    <a:pos x="1325" y="597"/>
                  </a:cxn>
                  <a:cxn ang="0">
                    <a:pos x="1289" y="406"/>
                  </a:cxn>
                  <a:cxn ang="0">
                    <a:pos x="1268" y="106"/>
                  </a:cxn>
                  <a:cxn ang="0">
                    <a:pos x="1053" y="2"/>
                  </a:cxn>
                  <a:cxn ang="0">
                    <a:pos x="963" y="73"/>
                  </a:cxn>
                  <a:cxn ang="0">
                    <a:pos x="890" y="242"/>
                  </a:cxn>
                  <a:cxn ang="0">
                    <a:pos x="878" y="514"/>
                  </a:cxn>
                  <a:cxn ang="0">
                    <a:pos x="783" y="654"/>
                  </a:cxn>
                  <a:cxn ang="0">
                    <a:pos x="561" y="602"/>
                  </a:cxn>
                  <a:cxn ang="0">
                    <a:pos x="369" y="637"/>
                  </a:cxn>
                  <a:cxn ang="0">
                    <a:pos x="103" y="356"/>
                  </a:cxn>
                </a:cxnLst>
                <a:rect l="0" t="0" r="r" b="b"/>
                <a:pathLst>
                  <a:path w="2330" h="4789">
                    <a:moveTo>
                      <a:pt x="0" y="478"/>
                    </a:moveTo>
                    <a:lnTo>
                      <a:pt x="25" y="510"/>
                    </a:lnTo>
                    <a:lnTo>
                      <a:pt x="50" y="546"/>
                    </a:lnTo>
                    <a:lnTo>
                      <a:pt x="73" y="582"/>
                    </a:lnTo>
                    <a:lnTo>
                      <a:pt x="97" y="617"/>
                    </a:lnTo>
                    <a:lnTo>
                      <a:pt x="105" y="629"/>
                    </a:lnTo>
                    <a:lnTo>
                      <a:pt x="114" y="639"/>
                    </a:lnTo>
                    <a:lnTo>
                      <a:pt x="123" y="649"/>
                    </a:lnTo>
                    <a:lnTo>
                      <a:pt x="132" y="658"/>
                    </a:lnTo>
                    <a:lnTo>
                      <a:pt x="152" y="672"/>
                    </a:lnTo>
                    <a:lnTo>
                      <a:pt x="173" y="685"/>
                    </a:lnTo>
                    <a:lnTo>
                      <a:pt x="220" y="709"/>
                    </a:lnTo>
                    <a:lnTo>
                      <a:pt x="265" y="735"/>
                    </a:lnTo>
                    <a:lnTo>
                      <a:pt x="273" y="752"/>
                    </a:lnTo>
                    <a:lnTo>
                      <a:pt x="282" y="769"/>
                    </a:lnTo>
                    <a:lnTo>
                      <a:pt x="292" y="786"/>
                    </a:lnTo>
                    <a:lnTo>
                      <a:pt x="304" y="803"/>
                    </a:lnTo>
                    <a:lnTo>
                      <a:pt x="326" y="836"/>
                    </a:lnTo>
                    <a:lnTo>
                      <a:pt x="348" y="866"/>
                    </a:lnTo>
                    <a:lnTo>
                      <a:pt x="360" y="880"/>
                    </a:lnTo>
                    <a:lnTo>
                      <a:pt x="371" y="893"/>
                    </a:lnTo>
                    <a:lnTo>
                      <a:pt x="379" y="899"/>
                    </a:lnTo>
                    <a:lnTo>
                      <a:pt x="387" y="904"/>
                    </a:lnTo>
                    <a:lnTo>
                      <a:pt x="395" y="906"/>
                    </a:lnTo>
                    <a:lnTo>
                      <a:pt x="404" y="908"/>
                    </a:lnTo>
                    <a:lnTo>
                      <a:pt x="419" y="905"/>
                    </a:lnTo>
                    <a:lnTo>
                      <a:pt x="439" y="901"/>
                    </a:lnTo>
                    <a:lnTo>
                      <a:pt x="449" y="900"/>
                    </a:lnTo>
                    <a:lnTo>
                      <a:pt x="458" y="899"/>
                    </a:lnTo>
                    <a:lnTo>
                      <a:pt x="466" y="899"/>
                    </a:lnTo>
                    <a:lnTo>
                      <a:pt x="472" y="900"/>
                    </a:lnTo>
                    <a:lnTo>
                      <a:pt x="478" y="918"/>
                    </a:lnTo>
                    <a:lnTo>
                      <a:pt x="483" y="937"/>
                    </a:lnTo>
                    <a:lnTo>
                      <a:pt x="489" y="956"/>
                    </a:lnTo>
                    <a:lnTo>
                      <a:pt x="496" y="975"/>
                    </a:lnTo>
                    <a:lnTo>
                      <a:pt x="502" y="994"/>
                    </a:lnTo>
                    <a:lnTo>
                      <a:pt x="507" y="1013"/>
                    </a:lnTo>
                    <a:lnTo>
                      <a:pt x="511" y="1032"/>
                    </a:lnTo>
                    <a:lnTo>
                      <a:pt x="514" y="1051"/>
                    </a:lnTo>
                    <a:lnTo>
                      <a:pt x="509" y="1088"/>
                    </a:lnTo>
                    <a:lnTo>
                      <a:pt x="504" y="1127"/>
                    </a:lnTo>
                    <a:lnTo>
                      <a:pt x="504" y="1134"/>
                    </a:lnTo>
                    <a:lnTo>
                      <a:pt x="504" y="1143"/>
                    </a:lnTo>
                    <a:lnTo>
                      <a:pt x="506" y="1150"/>
                    </a:lnTo>
                    <a:lnTo>
                      <a:pt x="509" y="1158"/>
                    </a:lnTo>
                    <a:lnTo>
                      <a:pt x="514" y="1163"/>
                    </a:lnTo>
                    <a:lnTo>
                      <a:pt x="520" y="1168"/>
                    </a:lnTo>
                    <a:lnTo>
                      <a:pt x="528" y="1172"/>
                    </a:lnTo>
                    <a:lnTo>
                      <a:pt x="539" y="1174"/>
                    </a:lnTo>
                    <a:lnTo>
                      <a:pt x="544" y="1184"/>
                    </a:lnTo>
                    <a:lnTo>
                      <a:pt x="546" y="1193"/>
                    </a:lnTo>
                    <a:lnTo>
                      <a:pt x="546" y="1202"/>
                    </a:lnTo>
                    <a:lnTo>
                      <a:pt x="545" y="1212"/>
                    </a:lnTo>
                    <a:lnTo>
                      <a:pt x="540" y="1231"/>
                    </a:lnTo>
                    <a:lnTo>
                      <a:pt x="532" y="1251"/>
                    </a:lnTo>
                    <a:lnTo>
                      <a:pt x="523" y="1278"/>
                    </a:lnTo>
                    <a:lnTo>
                      <a:pt x="518" y="1295"/>
                    </a:lnTo>
                    <a:lnTo>
                      <a:pt x="518" y="1303"/>
                    </a:lnTo>
                    <a:lnTo>
                      <a:pt x="518" y="1313"/>
                    </a:lnTo>
                    <a:lnTo>
                      <a:pt x="518" y="1325"/>
                    </a:lnTo>
                    <a:lnTo>
                      <a:pt x="519" y="1340"/>
                    </a:lnTo>
                    <a:lnTo>
                      <a:pt x="528" y="1355"/>
                    </a:lnTo>
                    <a:lnTo>
                      <a:pt x="539" y="1366"/>
                    </a:lnTo>
                    <a:lnTo>
                      <a:pt x="550" y="1377"/>
                    </a:lnTo>
                    <a:lnTo>
                      <a:pt x="561" y="1387"/>
                    </a:lnTo>
                    <a:lnTo>
                      <a:pt x="571" y="1396"/>
                    </a:lnTo>
                    <a:lnTo>
                      <a:pt x="581" y="1406"/>
                    </a:lnTo>
                    <a:lnTo>
                      <a:pt x="586" y="1413"/>
                    </a:lnTo>
                    <a:lnTo>
                      <a:pt x="590" y="1419"/>
                    </a:lnTo>
                    <a:lnTo>
                      <a:pt x="594" y="1427"/>
                    </a:lnTo>
                    <a:lnTo>
                      <a:pt x="598" y="1435"/>
                    </a:lnTo>
                    <a:lnTo>
                      <a:pt x="602" y="1446"/>
                    </a:lnTo>
                    <a:lnTo>
                      <a:pt x="603" y="1459"/>
                    </a:lnTo>
                    <a:lnTo>
                      <a:pt x="605" y="1471"/>
                    </a:lnTo>
                    <a:lnTo>
                      <a:pt x="605" y="1483"/>
                    </a:lnTo>
                    <a:lnTo>
                      <a:pt x="601" y="1507"/>
                    </a:lnTo>
                    <a:lnTo>
                      <a:pt x="596" y="1532"/>
                    </a:lnTo>
                    <a:lnTo>
                      <a:pt x="589" y="1557"/>
                    </a:lnTo>
                    <a:lnTo>
                      <a:pt x="583" y="1581"/>
                    </a:lnTo>
                    <a:lnTo>
                      <a:pt x="580" y="1594"/>
                    </a:lnTo>
                    <a:lnTo>
                      <a:pt x="577" y="1606"/>
                    </a:lnTo>
                    <a:lnTo>
                      <a:pt x="576" y="1617"/>
                    </a:lnTo>
                    <a:lnTo>
                      <a:pt x="575" y="1630"/>
                    </a:lnTo>
                    <a:lnTo>
                      <a:pt x="576" y="1646"/>
                    </a:lnTo>
                    <a:lnTo>
                      <a:pt x="579" y="1663"/>
                    </a:lnTo>
                    <a:lnTo>
                      <a:pt x="583" y="1678"/>
                    </a:lnTo>
                    <a:lnTo>
                      <a:pt x="586" y="1693"/>
                    </a:lnTo>
                    <a:lnTo>
                      <a:pt x="598" y="1722"/>
                    </a:lnTo>
                    <a:lnTo>
                      <a:pt x="611" y="1751"/>
                    </a:lnTo>
                    <a:lnTo>
                      <a:pt x="625" y="1779"/>
                    </a:lnTo>
                    <a:lnTo>
                      <a:pt x="637" y="1808"/>
                    </a:lnTo>
                    <a:lnTo>
                      <a:pt x="642" y="1822"/>
                    </a:lnTo>
                    <a:lnTo>
                      <a:pt x="646" y="1836"/>
                    </a:lnTo>
                    <a:lnTo>
                      <a:pt x="649" y="1851"/>
                    </a:lnTo>
                    <a:lnTo>
                      <a:pt x="651" y="1865"/>
                    </a:lnTo>
                    <a:lnTo>
                      <a:pt x="649" y="1910"/>
                    </a:lnTo>
                    <a:lnTo>
                      <a:pt x="649" y="1910"/>
                    </a:lnTo>
                    <a:lnTo>
                      <a:pt x="651" y="1912"/>
                    </a:lnTo>
                    <a:lnTo>
                      <a:pt x="653" y="1913"/>
                    </a:lnTo>
                    <a:lnTo>
                      <a:pt x="654" y="1914"/>
                    </a:lnTo>
                    <a:lnTo>
                      <a:pt x="655" y="1917"/>
                    </a:lnTo>
                    <a:lnTo>
                      <a:pt x="658" y="1925"/>
                    </a:lnTo>
                    <a:lnTo>
                      <a:pt x="662" y="1932"/>
                    </a:lnTo>
                    <a:lnTo>
                      <a:pt x="668" y="1937"/>
                    </a:lnTo>
                    <a:lnTo>
                      <a:pt x="676" y="1943"/>
                    </a:lnTo>
                    <a:lnTo>
                      <a:pt x="693" y="1952"/>
                    </a:lnTo>
                    <a:lnTo>
                      <a:pt x="712" y="1961"/>
                    </a:lnTo>
                    <a:lnTo>
                      <a:pt x="732" y="1969"/>
                    </a:lnTo>
                    <a:lnTo>
                      <a:pt x="747" y="1976"/>
                    </a:lnTo>
                    <a:lnTo>
                      <a:pt x="752" y="1982"/>
                    </a:lnTo>
                    <a:lnTo>
                      <a:pt x="756" y="1988"/>
                    </a:lnTo>
                    <a:lnTo>
                      <a:pt x="759" y="1994"/>
                    </a:lnTo>
                    <a:lnTo>
                      <a:pt x="759" y="2002"/>
                    </a:lnTo>
                    <a:lnTo>
                      <a:pt x="759" y="2004"/>
                    </a:lnTo>
                    <a:lnTo>
                      <a:pt x="760" y="2006"/>
                    </a:lnTo>
                    <a:lnTo>
                      <a:pt x="761" y="2007"/>
                    </a:lnTo>
                    <a:lnTo>
                      <a:pt x="764" y="2010"/>
                    </a:lnTo>
                    <a:lnTo>
                      <a:pt x="772" y="2014"/>
                    </a:lnTo>
                    <a:lnTo>
                      <a:pt x="782" y="2018"/>
                    </a:lnTo>
                    <a:lnTo>
                      <a:pt x="808" y="2028"/>
                    </a:lnTo>
                    <a:lnTo>
                      <a:pt x="838" y="2041"/>
                    </a:lnTo>
                    <a:lnTo>
                      <a:pt x="852" y="2049"/>
                    </a:lnTo>
                    <a:lnTo>
                      <a:pt x="866" y="2058"/>
                    </a:lnTo>
                    <a:lnTo>
                      <a:pt x="878" y="2068"/>
                    </a:lnTo>
                    <a:lnTo>
                      <a:pt x="888" y="2080"/>
                    </a:lnTo>
                    <a:lnTo>
                      <a:pt x="893" y="2086"/>
                    </a:lnTo>
                    <a:lnTo>
                      <a:pt x="896" y="2093"/>
                    </a:lnTo>
                    <a:lnTo>
                      <a:pt x="900" y="2101"/>
                    </a:lnTo>
                    <a:lnTo>
                      <a:pt x="901" y="2108"/>
                    </a:lnTo>
                    <a:lnTo>
                      <a:pt x="903" y="2118"/>
                    </a:lnTo>
                    <a:lnTo>
                      <a:pt x="903" y="2127"/>
                    </a:lnTo>
                    <a:lnTo>
                      <a:pt x="903" y="2136"/>
                    </a:lnTo>
                    <a:lnTo>
                      <a:pt x="901" y="2146"/>
                    </a:lnTo>
                    <a:lnTo>
                      <a:pt x="897" y="2159"/>
                    </a:lnTo>
                    <a:lnTo>
                      <a:pt x="895" y="2173"/>
                    </a:lnTo>
                    <a:lnTo>
                      <a:pt x="892" y="2187"/>
                    </a:lnTo>
                    <a:lnTo>
                      <a:pt x="891" y="2202"/>
                    </a:lnTo>
                    <a:lnTo>
                      <a:pt x="891" y="2208"/>
                    </a:lnTo>
                    <a:lnTo>
                      <a:pt x="892" y="2215"/>
                    </a:lnTo>
                    <a:lnTo>
                      <a:pt x="893" y="2221"/>
                    </a:lnTo>
                    <a:lnTo>
                      <a:pt x="896" y="2228"/>
                    </a:lnTo>
                    <a:lnTo>
                      <a:pt x="900" y="2234"/>
                    </a:lnTo>
                    <a:lnTo>
                      <a:pt x="904" y="2239"/>
                    </a:lnTo>
                    <a:lnTo>
                      <a:pt x="909" y="2244"/>
                    </a:lnTo>
                    <a:lnTo>
                      <a:pt x="916" y="2250"/>
                    </a:lnTo>
                    <a:lnTo>
                      <a:pt x="931" y="2260"/>
                    </a:lnTo>
                    <a:lnTo>
                      <a:pt x="945" y="2270"/>
                    </a:lnTo>
                    <a:lnTo>
                      <a:pt x="952" y="2274"/>
                    </a:lnTo>
                    <a:lnTo>
                      <a:pt x="957" y="2279"/>
                    </a:lnTo>
                    <a:lnTo>
                      <a:pt x="962" y="2285"/>
                    </a:lnTo>
                    <a:lnTo>
                      <a:pt x="966" y="2289"/>
                    </a:lnTo>
                    <a:lnTo>
                      <a:pt x="969" y="2294"/>
                    </a:lnTo>
                    <a:lnTo>
                      <a:pt x="970" y="2300"/>
                    </a:lnTo>
                    <a:lnTo>
                      <a:pt x="969" y="2305"/>
                    </a:lnTo>
                    <a:lnTo>
                      <a:pt x="967" y="2312"/>
                    </a:lnTo>
                    <a:lnTo>
                      <a:pt x="962" y="2318"/>
                    </a:lnTo>
                    <a:lnTo>
                      <a:pt x="957" y="2326"/>
                    </a:lnTo>
                    <a:lnTo>
                      <a:pt x="948" y="2334"/>
                    </a:lnTo>
                    <a:lnTo>
                      <a:pt x="938" y="2343"/>
                    </a:lnTo>
                    <a:lnTo>
                      <a:pt x="935" y="2351"/>
                    </a:lnTo>
                    <a:lnTo>
                      <a:pt x="931" y="2357"/>
                    </a:lnTo>
                    <a:lnTo>
                      <a:pt x="926" y="2365"/>
                    </a:lnTo>
                    <a:lnTo>
                      <a:pt x="921" y="2371"/>
                    </a:lnTo>
                    <a:lnTo>
                      <a:pt x="914" y="2375"/>
                    </a:lnTo>
                    <a:lnTo>
                      <a:pt x="906" y="2377"/>
                    </a:lnTo>
                    <a:lnTo>
                      <a:pt x="904" y="2377"/>
                    </a:lnTo>
                    <a:lnTo>
                      <a:pt x="900" y="2375"/>
                    </a:lnTo>
                    <a:lnTo>
                      <a:pt x="897" y="2373"/>
                    </a:lnTo>
                    <a:lnTo>
                      <a:pt x="893" y="2369"/>
                    </a:lnTo>
                    <a:lnTo>
                      <a:pt x="891" y="2364"/>
                    </a:lnTo>
                    <a:lnTo>
                      <a:pt x="888" y="2361"/>
                    </a:lnTo>
                    <a:lnTo>
                      <a:pt x="884" y="2360"/>
                    </a:lnTo>
                    <a:lnTo>
                      <a:pt x="882" y="2360"/>
                    </a:lnTo>
                    <a:lnTo>
                      <a:pt x="878" y="2362"/>
                    </a:lnTo>
                    <a:lnTo>
                      <a:pt x="874" y="2368"/>
                    </a:lnTo>
                    <a:lnTo>
                      <a:pt x="868" y="2382"/>
                    </a:lnTo>
                    <a:lnTo>
                      <a:pt x="862" y="2392"/>
                    </a:lnTo>
                    <a:lnTo>
                      <a:pt x="859" y="2396"/>
                    </a:lnTo>
                    <a:lnTo>
                      <a:pt x="853" y="2399"/>
                    </a:lnTo>
                    <a:lnTo>
                      <a:pt x="848" y="2401"/>
                    </a:lnTo>
                    <a:lnTo>
                      <a:pt x="842" y="2403"/>
                    </a:lnTo>
                    <a:lnTo>
                      <a:pt x="826" y="2405"/>
                    </a:lnTo>
                    <a:lnTo>
                      <a:pt x="811" y="2408"/>
                    </a:lnTo>
                    <a:lnTo>
                      <a:pt x="794" y="2410"/>
                    </a:lnTo>
                    <a:lnTo>
                      <a:pt x="779" y="2413"/>
                    </a:lnTo>
                    <a:lnTo>
                      <a:pt x="772" y="2415"/>
                    </a:lnTo>
                    <a:lnTo>
                      <a:pt x="767" y="2418"/>
                    </a:lnTo>
                    <a:lnTo>
                      <a:pt x="761" y="2422"/>
                    </a:lnTo>
                    <a:lnTo>
                      <a:pt x="756" y="2426"/>
                    </a:lnTo>
                    <a:lnTo>
                      <a:pt x="752" y="2434"/>
                    </a:lnTo>
                    <a:lnTo>
                      <a:pt x="748" y="2445"/>
                    </a:lnTo>
                    <a:lnTo>
                      <a:pt x="746" y="2460"/>
                    </a:lnTo>
                    <a:lnTo>
                      <a:pt x="745" y="2474"/>
                    </a:lnTo>
                    <a:lnTo>
                      <a:pt x="741" y="2505"/>
                    </a:lnTo>
                    <a:lnTo>
                      <a:pt x="735" y="2529"/>
                    </a:lnTo>
                    <a:lnTo>
                      <a:pt x="732" y="2545"/>
                    </a:lnTo>
                    <a:lnTo>
                      <a:pt x="726" y="2558"/>
                    </a:lnTo>
                    <a:lnTo>
                      <a:pt x="721" y="2568"/>
                    </a:lnTo>
                    <a:lnTo>
                      <a:pt x="716" y="2577"/>
                    </a:lnTo>
                    <a:lnTo>
                      <a:pt x="703" y="2594"/>
                    </a:lnTo>
                    <a:lnTo>
                      <a:pt x="684" y="2615"/>
                    </a:lnTo>
                    <a:lnTo>
                      <a:pt x="675" y="2627"/>
                    </a:lnTo>
                    <a:lnTo>
                      <a:pt x="667" y="2640"/>
                    </a:lnTo>
                    <a:lnTo>
                      <a:pt x="658" y="2655"/>
                    </a:lnTo>
                    <a:lnTo>
                      <a:pt x="650" y="2671"/>
                    </a:lnTo>
                    <a:lnTo>
                      <a:pt x="642" y="2688"/>
                    </a:lnTo>
                    <a:lnTo>
                      <a:pt x="633" y="2703"/>
                    </a:lnTo>
                    <a:lnTo>
                      <a:pt x="624" y="2719"/>
                    </a:lnTo>
                    <a:lnTo>
                      <a:pt x="615" y="2733"/>
                    </a:lnTo>
                    <a:lnTo>
                      <a:pt x="608" y="2741"/>
                    </a:lnTo>
                    <a:lnTo>
                      <a:pt x="605" y="2745"/>
                    </a:lnTo>
                    <a:lnTo>
                      <a:pt x="599" y="2747"/>
                    </a:lnTo>
                    <a:lnTo>
                      <a:pt x="596" y="2748"/>
                    </a:lnTo>
                    <a:lnTo>
                      <a:pt x="588" y="2748"/>
                    </a:lnTo>
                    <a:lnTo>
                      <a:pt x="573" y="2751"/>
                    </a:lnTo>
                    <a:lnTo>
                      <a:pt x="564" y="2761"/>
                    </a:lnTo>
                    <a:lnTo>
                      <a:pt x="551" y="2785"/>
                    </a:lnTo>
                    <a:lnTo>
                      <a:pt x="539" y="2809"/>
                    </a:lnTo>
                    <a:lnTo>
                      <a:pt x="531" y="2825"/>
                    </a:lnTo>
                    <a:lnTo>
                      <a:pt x="527" y="2831"/>
                    </a:lnTo>
                    <a:lnTo>
                      <a:pt x="523" y="2839"/>
                    </a:lnTo>
                    <a:lnTo>
                      <a:pt x="519" y="2844"/>
                    </a:lnTo>
                    <a:lnTo>
                      <a:pt x="514" y="2849"/>
                    </a:lnTo>
                    <a:lnTo>
                      <a:pt x="502" y="2859"/>
                    </a:lnTo>
                    <a:lnTo>
                      <a:pt x="491" y="2866"/>
                    </a:lnTo>
                    <a:lnTo>
                      <a:pt x="478" y="2874"/>
                    </a:lnTo>
                    <a:lnTo>
                      <a:pt x="466" y="2882"/>
                    </a:lnTo>
                    <a:lnTo>
                      <a:pt x="453" y="2891"/>
                    </a:lnTo>
                    <a:lnTo>
                      <a:pt x="443" y="2903"/>
                    </a:lnTo>
                    <a:lnTo>
                      <a:pt x="430" y="2917"/>
                    </a:lnTo>
                    <a:lnTo>
                      <a:pt x="417" y="2930"/>
                    </a:lnTo>
                    <a:lnTo>
                      <a:pt x="412" y="2938"/>
                    </a:lnTo>
                    <a:lnTo>
                      <a:pt x="408" y="2945"/>
                    </a:lnTo>
                    <a:lnTo>
                      <a:pt x="404" y="2953"/>
                    </a:lnTo>
                    <a:lnTo>
                      <a:pt x="402" y="2962"/>
                    </a:lnTo>
                    <a:lnTo>
                      <a:pt x="401" y="2976"/>
                    </a:lnTo>
                    <a:lnTo>
                      <a:pt x="399" y="2988"/>
                    </a:lnTo>
                    <a:lnTo>
                      <a:pt x="396" y="3001"/>
                    </a:lnTo>
                    <a:lnTo>
                      <a:pt x="393" y="3011"/>
                    </a:lnTo>
                    <a:lnTo>
                      <a:pt x="388" y="3022"/>
                    </a:lnTo>
                    <a:lnTo>
                      <a:pt x="382" y="3032"/>
                    </a:lnTo>
                    <a:lnTo>
                      <a:pt x="373" y="3041"/>
                    </a:lnTo>
                    <a:lnTo>
                      <a:pt x="361" y="3049"/>
                    </a:lnTo>
                    <a:lnTo>
                      <a:pt x="353" y="3059"/>
                    </a:lnTo>
                    <a:lnTo>
                      <a:pt x="347" y="3068"/>
                    </a:lnTo>
                    <a:lnTo>
                      <a:pt x="343" y="3076"/>
                    </a:lnTo>
                    <a:lnTo>
                      <a:pt x="340" y="3084"/>
                    </a:lnTo>
                    <a:lnTo>
                      <a:pt x="339" y="3090"/>
                    </a:lnTo>
                    <a:lnTo>
                      <a:pt x="339" y="3098"/>
                    </a:lnTo>
                    <a:lnTo>
                      <a:pt x="339" y="3105"/>
                    </a:lnTo>
                    <a:lnTo>
                      <a:pt x="342" y="3110"/>
                    </a:lnTo>
                    <a:lnTo>
                      <a:pt x="345" y="3123"/>
                    </a:lnTo>
                    <a:lnTo>
                      <a:pt x="348" y="3137"/>
                    </a:lnTo>
                    <a:lnTo>
                      <a:pt x="349" y="3146"/>
                    </a:lnTo>
                    <a:lnTo>
                      <a:pt x="349" y="3154"/>
                    </a:lnTo>
                    <a:lnTo>
                      <a:pt x="348" y="3164"/>
                    </a:lnTo>
                    <a:lnTo>
                      <a:pt x="345" y="3175"/>
                    </a:lnTo>
                    <a:lnTo>
                      <a:pt x="340" y="3189"/>
                    </a:lnTo>
                    <a:lnTo>
                      <a:pt x="335" y="3199"/>
                    </a:lnTo>
                    <a:lnTo>
                      <a:pt x="330" y="3208"/>
                    </a:lnTo>
                    <a:lnTo>
                      <a:pt x="325" y="3213"/>
                    </a:lnTo>
                    <a:lnTo>
                      <a:pt x="320" y="3216"/>
                    </a:lnTo>
                    <a:lnTo>
                      <a:pt x="314" y="3216"/>
                    </a:lnTo>
                    <a:lnTo>
                      <a:pt x="308" y="3216"/>
                    </a:lnTo>
                    <a:lnTo>
                      <a:pt x="303" y="3212"/>
                    </a:lnTo>
                    <a:lnTo>
                      <a:pt x="298" y="3208"/>
                    </a:lnTo>
                    <a:lnTo>
                      <a:pt x="292" y="3202"/>
                    </a:lnTo>
                    <a:lnTo>
                      <a:pt x="287" y="3195"/>
                    </a:lnTo>
                    <a:lnTo>
                      <a:pt x="282" y="3188"/>
                    </a:lnTo>
                    <a:lnTo>
                      <a:pt x="274" y="3171"/>
                    </a:lnTo>
                    <a:lnTo>
                      <a:pt x="268" y="3154"/>
                    </a:lnTo>
                    <a:lnTo>
                      <a:pt x="256" y="3163"/>
                    </a:lnTo>
                    <a:lnTo>
                      <a:pt x="242" y="3175"/>
                    </a:lnTo>
                    <a:lnTo>
                      <a:pt x="220" y="3177"/>
                    </a:lnTo>
                    <a:lnTo>
                      <a:pt x="195" y="3178"/>
                    </a:lnTo>
                    <a:lnTo>
                      <a:pt x="189" y="3180"/>
                    </a:lnTo>
                    <a:lnTo>
                      <a:pt x="184" y="3181"/>
                    </a:lnTo>
                    <a:lnTo>
                      <a:pt x="180" y="3182"/>
                    </a:lnTo>
                    <a:lnTo>
                      <a:pt x="176" y="3185"/>
                    </a:lnTo>
                    <a:lnTo>
                      <a:pt x="173" y="3189"/>
                    </a:lnTo>
                    <a:lnTo>
                      <a:pt x="171" y="3193"/>
                    </a:lnTo>
                    <a:lnTo>
                      <a:pt x="171" y="3198"/>
                    </a:lnTo>
                    <a:lnTo>
                      <a:pt x="171" y="3204"/>
                    </a:lnTo>
                    <a:lnTo>
                      <a:pt x="176" y="3233"/>
                    </a:lnTo>
                    <a:lnTo>
                      <a:pt x="178" y="3255"/>
                    </a:lnTo>
                    <a:lnTo>
                      <a:pt x="180" y="3265"/>
                    </a:lnTo>
                    <a:lnTo>
                      <a:pt x="180" y="3273"/>
                    </a:lnTo>
                    <a:lnTo>
                      <a:pt x="180" y="3282"/>
                    </a:lnTo>
                    <a:lnTo>
                      <a:pt x="178" y="3290"/>
                    </a:lnTo>
                    <a:lnTo>
                      <a:pt x="176" y="3298"/>
                    </a:lnTo>
                    <a:lnTo>
                      <a:pt x="173" y="3305"/>
                    </a:lnTo>
                    <a:lnTo>
                      <a:pt x="169" y="3312"/>
                    </a:lnTo>
                    <a:lnTo>
                      <a:pt x="164" y="3321"/>
                    </a:lnTo>
                    <a:lnTo>
                      <a:pt x="152" y="3338"/>
                    </a:lnTo>
                    <a:lnTo>
                      <a:pt x="137" y="3360"/>
                    </a:lnTo>
                    <a:lnTo>
                      <a:pt x="128" y="3371"/>
                    </a:lnTo>
                    <a:lnTo>
                      <a:pt x="121" y="3382"/>
                    </a:lnTo>
                    <a:lnTo>
                      <a:pt x="116" y="3394"/>
                    </a:lnTo>
                    <a:lnTo>
                      <a:pt x="112" y="3404"/>
                    </a:lnTo>
                    <a:lnTo>
                      <a:pt x="110" y="3416"/>
                    </a:lnTo>
                    <a:lnTo>
                      <a:pt x="110" y="3427"/>
                    </a:lnTo>
                    <a:lnTo>
                      <a:pt x="112" y="3440"/>
                    </a:lnTo>
                    <a:lnTo>
                      <a:pt x="117" y="3453"/>
                    </a:lnTo>
                    <a:lnTo>
                      <a:pt x="119" y="3460"/>
                    </a:lnTo>
                    <a:lnTo>
                      <a:pt x="120" y="3467"/>
                    </a:lnTo>
                    <a:lnTo>
                      <a:pt x="120" y="3478"/>
                    </a:lnTo>
                    <a:lnTo>
                      <a:pt x="120" y="3489"/>
                    </a:lnTo>
                    <a:lnTo>
                      <a:pt x="117" y="3517"/>
                    </a:lnTo>
                    <a:lnTo>
                      <a:pt x="115" y="3545"/>
                    </a:lnTo>
                    <a:lnTo>
                      <a:pt x="115" y="3559"/>
                    </a:lnTo>
                    <a:lnTo>
                      <a:pt x="115" y="3572"/>
                    </a:lnTo>
                    <a:lnTo>
                      <a:pt x="115" y="3584"/>
                    </a:lnTo>
                    <a:lnTo>
                      <a:pt x="116" y="3593"/>
                    </a:lnTo>
                    <a:lnTo>
                      <a:pt x="119" y="3601"/>
                    </a:lnTo>
                    <a:lnTo>
                      <a:pt x="121" y="3607"/>
                    </a:lnTo>
                    <a:lnTo>
                      <a:pt x="124" y="3609"/>
                    </a:lnTo>
                    <a:lnTo>
                      <a:pt x="127" y="3610"/>
                    </a:lnTo>
                    <a:lnTo>
                      <a:pt x="129" y="3610"/>
                    </a:lnTo>
                    <a:lnTo>
                      <a:pt x="133" y="3609"/>
                    </a:lnTo>
                    <a:lnTo>
                      <a:pt x="142" y="3606"/>
                    </a:lnTo>
                    <a:lnTo>
                      <a:pt x="149" y="3606"/>
                    </a:lnTo>
                    <a:lnTo>
                      <a:pt x="151" y="3607"/>
                    </a:lnTo>
                    <a:lnTo>
                      <a:pt x="154" y="3609"/>
                    </a:lnTo>
                    <a:lnTo>
                      <a:pt x="155" y="3611"/>
                    </a:lnTo>
                    <a:lnTo>
                      <a:pt x="156" y="3614"/>
                    </a:lnTo>
                    <a:lnTo>
                      <a:pt x="158" y="3620"/>
                    </a:lnTo>
                    <a:lnTo>
                      <a:pt x="156" y="3629"/>
                    </a:lnTo>
                    <a:lnTo>
                      <a:pt x="155" y="3638"/>
                    </a:lnTo>
                    <a:lnTo>
                      <a:pt x="152" y="3649"/>
                    </a:lnTo>
                    <a:lnTo>
                      <a:pt x="146" y="3673"/>
                    </a:lnTo>
                    <a:lnTo>
                      <a:pt x="140" y="3697"/>
                    </a:lnTo>
                    <a:lnTo>
                      <a:pt x="137" y="3708"/>
                    </a:lnTo>
                    <a:lnTo>
                      <a:pt x="136" y="3719"/>
                    </a:lnTo>
                    <a:lnTo>
                      <a:pt x="134" y="3729"/>
                    </a:lnTo>
                    <a:lnTo>
                      <a:pt x="136" y="3737"/>
                    </a:lnTo>
                    <a:lnTo>
                      <a:pt x="136" y="3742"/>
                    </a:lnTo>
                    <a:lnTo>
                      <a:pt x="134" y="3756"/>
                    </a:lnTo>
                    <a:lnTo>
                      <a:pt x="136" y="3772"/>
                    </a:lnTo>
                    <a:lnTo>
                      <a:pt x="138" y="3783"/>
                    </a:lnTo>
                    <a:lnTo>
                      <a:pt x="142" y="3790"/>
                    </a:lnTo>
                    <a:lnTo>
                      <a:pt x="146" y="3796"/>
                    </a:lnTo>
                    <a:lnTo>
                      <a:pt x="150" y="3800"/>
                    </a:lnTo>
                    <a:lnTo>
                      <a:pt x="154" y="3803"/>
                    </a:lnTo>
                    <a:lnTo>
                      <a:pt x="160" y="3807"/>
                    </a:lnTo>
                    <a:lnTo>
                      <a:pt x="167" y="3809"/>
                    </a:lnTo>
                    <a:lnTo>
                      <a:pt x="169" y="3811"/>
                    </a:lnTo>
                    <a:lnTo>
                      <a:pt x="172" y="3813"/>
                    </a:lnTo>
                    <a:lnTo>
                      <a:pt x="173" y="3816"/>
                    </a:lnTo>
                    <a:lnTo>
                      <a:pt x="176" y="3820"/>
                    </a:lnTo>
                    <a:lnTo>
                      <a:pt x="178" y="3831"/>
                    </a:lnTo>
                    <a:lnTo>
                      <a:pt x="178" y="3851"/>
                    </a:lnTo>
                    <a:lnTo>
                      <a:pt x="180" y="3861"/>
                    </a:lnTo>
                    <a:lnTo>
                      <a:pt x="184" y="3870"/>
                    </a:lnTo>
                    <a:lnTo>
                      <a:pt x="187" y="3879"/>
                    </a:lnTo>
                    <a:lnTo>
                      <a:pt x="191" y="3887"/>
                    </a:lnTo>
                    <a:lnTo>
                      <a:pt x="197" y="3895"/>
                    </a:lnTo>
                    <a:lnTo>
                      <a:pt x="200" y="3903"/>
                    </a:lnTo>
                    <a:lnTo>
                      <a:pt x="203" y="3910"/>
                    </a:lnTo>
                    <a:lnTo>
                      <a:pt x="204" y="3918"/>
                    </a:lnTo>
                    <a:lnTo>
                      <a:pt x="203" y="3923"/>
                    </a:lnTo>
                    <a:lnTo>
                      <a:pt x="200" y="3929"/>
                    </a:lnTo>
                    <a:lnTo>
                      <a:pt x="197" y="3934"/>
                    </a:lnTo>
                    <a:lnTo>
                      <a:pt x="193" y="3939"/>
                    </a:lnTo>
                    <a:lnTo>
                      <a:pt x="187" y="3945"/>
                    </a:lnTo>
                    <a:lnTo>
                      <a:pt x="184" y="3952"/>
                    </a:lnTo>
                    <a:lnTo>
                      <a:pt x="181" y="3961"/>
                    </a:lnTo>
                    <a:lnTo>
                      <a:pt x="181" y="3970"/>
                    </a:lnTo>
                    <a:lnTo>
                      <a:pt x="186" y="3995"/>
                    </a:lnTo>
                    <a:lnTo>
                      <a:pt x="195" y="4030"/>
                    </a:lnTo>
                    <a:lnTo>
                      <a:pt x="199" y="4048"/>
                    </a:lnTo>
                    <a:lnTo>
                      <a:pt x="202" y="4065"/>
                    </a:lnTo>
                    <a:lnTo>
                      <a:pt x="202" y="4071"/>
                    </a:lnTo>
                    <a:lnTo>
                      <a:pt x="200" y="4077"/>
                    </a:lnTo>
                    <a:lnTo>
                      <a:pt x="198" y="4084"/>
                    </a:lnTo>
                    <a:lnTo>
                      <a:pt x="195" y="4088"/>
                    </a:lnTo>
                    <a:lnTo>
                      <a:pt x="193" y="4089"/>
                    </a:lnTo>
                    <a:lnTo>
                      <a:pt x="189" y="4088"/>
                    </a:lnTo>
                    <a:lnTo>
                      <a:pt x="185" y="4085"/>
                    </a:lnTo>
                    <a:lnTo>
                      <a:pt x="181" y="4083"/>
                    </a:lnTo>
                    <a:lnTo>
                      <a:pt x="176" y="4080"/>
                    </a:lnTo>
                    <a:lnTo>
                      <a:pt x="171" y="4079"/>
                    </a:lnTo>
                    <a:lnTo>
                      <a:pt x="168" y="4079"/>
                    </a:lnTo>
                    <a:lnTo>
                      <a:pt x="164" y="4080"/>
                    </a:lnTo>
                    <a:lnTo>
                      <a:pt x="162" y="4083"/>
                    </a:lnTo>
                    <a:lnTo>
                      <a:pt x="159" y="4085"/>
                    </a:lnTo>
                    <a:lnTo>
                      <a:pt x="158" y="4088"/>
                    </a:lnTo>
                    <a:lnTo>
                      <a:pt x="159" y="4093"/>
                    </a:lnTo>
                    <a:lnTo>
                      <a:pt x="160" y="4101"/>
                    </a:lnTo>
                    <a:lnTo>
                      <a:pt x="162" y="4110"/>
                    </a:lnTo>
                    <a:lnTo>
                      <a:pt x="169" y="4132"/>
                    </a:lnTo>
                    <a:lnTo>
                      <a:pt x="177" y="4157"/>
                    </a:lnTo>
                    <a:lnTo>
                      <a:pt x="187" y="4181"/>
                    </a:lnTo>
                    <a:lnTo>
                      <a:pt x="198" y="4204"/>
                    </a:lnTo>
                    <a:lnTo>
                      <a:pt x="206" y="4223"/>
                    </a:lnTo>
                    <a:lnTo>
                      <a:pt x="212" y="4234"/>
                    </a:lnTo>
                    <a:lnTo>
                      <a:pt x="213" y="4237"/>
                    </a:lnTo>
                    <a:lnTo>
                      <a:pt x="215" y="4239"/>
                    </a:lnTo>
                    <a:lnTo>
                      <a:pt x="213" y="4243"/>
                    </a:lnTo>
                    <a:lnTo>
                      <a:pt x="213" y="4246"/>
                    </a:lnTo>
                    <a:lnTo>
                      <a:pt x="211" y="4252"/>
                    </a:lnTo>
                    <a:lnTo>
                      <a:pt x="207" y="4260"/>
                    </a:lnTo>
                    <a:lnTo>
                      <a:pt x="203" y="4267"/>
                    </a:lnTo>
                    <a:lnTo>
                      <a:pt x="200" y="4276"/>
                    </a:lnTo>
                    <a:lnTo>
                      <a:pt x="199" y="4280"/>
                    </a:lnTo>
                    <a:lnTo>
                      <a:pt x="200" y="4285"/>
                    </a:lnTo>
                    <a:lnTo>
                      <a:pt x="200" y="4289"/>
                    </a:lnTo>
                    <a:lnTo>
                      <a:pt x="203" y="4294"/>
                    </a:lnTo>
                    <a:lnTo>
                      <a:pt x="213" y="4318"/>
                    </a:lnTo>
                    <a:lnTo>
                      <a:pt x="222" y="4342"/>
                    </a:lnTo>
                    <a:lnTo>
                      <a:pt x="229" y="4366"/>
                    </a:lnTo>
                    <a:lnTo>
                      <a:pt x="237" y="4392"/>
                    </a:lnTo>
                    <a:lnTo>
                      <a:pt x="242" y="4399"/>
                    </a:lnTo>
                    <a:lnTo>
                      <a:pt x="246" y="4403"/>
                    </a:lnTo>
                    <a:lnTo>
                      <a:pt x="250" y="4405"/>
                    </a:lnTo>
                    <a:lnTo>
                      <a:pt x="255" y="4405"/>
                    </a:lnTo>
                    <a:lnTo>
                      <a:pt x="259" y="4404"/>
                    </a:lnTo>
                    <a:lnTo>
                      <a:pt x="263" y="4401"/>
                    </a:lnTo>
                    <a:lnTo>
                      <a:pt x="268" y="4399"/>
                    </a:lnTo>
                    <a:lnTo>
                      <a:pt x="272" y="4395"/>
                    </a:lnTo>
                    <a:lnTo>
                      <a:pt x="282" y="4386"/>
                    </a:lnTo>
                    <a:lnTo>
                      <a:pt x="292" y="4378"/>
                    </a:lnTo>
                    <a:lnTo>
                      <a:pt x="299" y="4374"/>
                    </a:lnTo>
                    <a:lnTo>
                      <a:pt x="304" y="4373"/>
                    </a:lnTo>
                    <a:lnTo>
                      <a:pt x="311" y="4370"/>
                    </a:lnTo>
                    <a:lnTo>
                      <a:pt x="317" y="4372"/>
                    </a:lnTo>
                    <a:lnTo>
                      <a:pt x="316" y="4387"/>
                    </a:lnTo>
                    <a:lnTo>
                      <a:pt x="311" y="4412"/>
                    </a:lnTo>
                    <a:lnTo>
                      <a:pt x="309" y="4423"/>
                    </a:lnTo>
                    <a:lnTo>
                      <a:pt x="311" y="4434"/>
                    </a:lnTo>
                    <a:lnTo>
                      <a:pt x="312" y="4438"/>
                    </a:lnTo>
                    <a:lnTo>
                      <a:pt x="314" y="4441"/>
                    </a:lnTo>
                    <a:lnTo>
                      <a:pt x="317" y="4443"/>
                    </a:lnTo>
                    <a:lnTo>
                      <a:pt x="321" y="4444"/>
                    </a:lnTo>
                    <a:lnTo>
                      <a:pt x="335" y="4444"/>
                    </a:lnTo>
                    <a:lnTo>
                      <a:pt x="345" y="4447"/>
                    </a:lnTo>
                    <a:lnTo>
                      <a:pt x="356" y="4451"/>
                    </a:lnTo>
                    <a:lnTo>
                      <a:pt x="364" y="4454"/>
                    </a:lnTo>
                    <a:lnTo>
                      <a:pt x="377" y="4465"/>
                    </a:lnTo>
                    <a:lnTo>
                      <a:pt x="388" y="4475"/>
                    </a:lnTo>
                    <a:lnTo>
                      <a:pt x="393" y="4480"/>
                    </a:lnTo>
                    <a:lnTo>
                      <a:pt x="400" y="4483"/>
                    </a:lnTo>
                    <a:lnTo>
                      <a:pt x="408" y="4486"/>
                    </a:lnTo>
                    <a:lnTo>
                      <a:pt x="415" y="4487"/>
                    </a:lnTo>
                    <a:lnTo>
                      <a:pt x="426" y="4486"/>
                    </a:lnTo>
                    <a:lnTo>
                      <a:pt x="439" y="4483"/>
                    </a:lnTo>
                    <a:lnTo>
                      <a:pt x="453" y="4478"/>
                    </a:lnTo>
                    <a:lnTo>
                      <a:pt x="470" y="4470"/>
                    </a:lnTo>
                    <a:lnTo>
                      <a:pt x="476" y="4467"/>
                    </a:lnTo>
                    <a:lnTo>
                      <a:pt x="485" y="4466"/>
                    </a:lnTo>
                    <a:lnTo>
                      <a:pt x="493" y="4466"/>
                    </a:lnTo>
                    <a:lnTo>
                      <a:pt x="500" y="4467"/>
                    </a:lnTo>
                    <a:lnTo>
                      <a:pt x="502" y="4469"/>
                    </a:lnTo>
                    <a:lnTo>
                      <a:pt x="505" y="4470"/>
                    </a:lnTo>
                    <a:lnTo>
                      <a:pt x="506" y="4471"/>
                    </a:lnTo>
                    <a:lnTo>
                      <a:pt x="506" y="4474"/>
                    </a:lnTo>
                    <a:lnTo>
                      <a:pt x="506" y="4476"/>
                    </a:lnTo>
                    <a:lnTo>
                      <a:pt x="505" y="4480"/>
                    </a:lnTo>
                    <a:lnTo>
                      <a:pt x="502" y="4484"/>
                    </a:lnTo>
                    <a:lnTo>
                      <a:pt x="497" y="4488"/>
                    </a:lnTo>
                    <a:lnTo>
                      <a:pt x="485" y="4496"/>
                    </a:lnTo>
                    <a:lnTo>
                      <a:pt x="472" y="4504"/>
                    </a:lnTo>
                    <a:lnTo>
                      <a:pt x="471" y="4506"/>
                    </a:lnTo>
                    <a:lnTo>
                      <a:pt x="469" y="4508"/>
                    </a:lnTo>
                    <a:lnTo>
                      <a:pt x="469" y="4510"/>
                    </a:lnTo>
                    <a:lnTo>
                      <a:pt x="469" y="4513"/>
                    </a:lnTo>
                    <a:lnTo>
                      <a:pt x="470" y="4514"/>
                    </a:lnTo>
                    <a:lnTo>
                      <a:pt x="471" y="4517"/>
                    </a:lnTo>
                    <a:lnTo>
                      <a:pt x="475" y="4519"/>
                    </a:lnTo>
                    <a:lnTo>
                      <a:pt x="480" y="4522"/>
                    </a:lnTo>
                    <a:lnTo>
                      <a:pt x="489" y="4526"/>
                    </a:lnTo>
                    <a:lnTo>
                      <a:pt x="497" y="4531"/>
                    </a:lnTo>
                    <a:lnTo>
                      <a:pt x="504" y="4536"/>
                    </a:lnTo>
                    <a:lnTo>
                      <a:pt x="507" y="4541"/>
                    </a:lnTo>
                    <a:lnTo>
                      <a:pt x="510" y="4546"/>
                    </a:lnTo>
                    <a:lnTo>
                      <a:pt x="511" y="4552"/>
                    </a:lnTo>
                    <a:lnTo>
                      <a:pt x="511" y="4557"/>
                    </a:lnTo>
                    <a:lnTo>
                      <a:pt x="510" y="4562"/>
                    </a:lnTo>
                    <a:lnTo>
                      <a:pt x="506" y="4572"/>
                    </a:lnTo>
                    <a:lnTo>
                      <a:pt x="498" y="4584"/>
                    </a:lnTo>
                    <a:lnTo>
                      <a:pt x="489" y="4596"/>
                    </a:lnTo>
                    <a:lnTo>
                      <a:pt x="479" y="4606"/>
                    </a:lnTo>
                    <a:lnTo>
                      <a:pt x="470" y="4618"/>
                    </a:lnTo>
                    <a:lnTo>
                      <a:pt x="461" y="4628"/>
                    </a:lnTo>
                    <a:lnTo>
                      <a:pt x="458" y="4633"/>
                    </a:lnTo>
                    <a:lnTo>
                      <a:pt x="456" y="4638"/>
                    </a:lnTo>
                    <a:lnTo>
                      <a:pt x="454" y="4644"/>
                    </a:lnTo>
                    <a:lnTo>
                      <a:pt x="453" y="4649"/>
                    </a:lnTo>
                    <a:lnTo>
                      <a:pt x="454" y="4654"/>
                    </a:lnTo>
                    <a:lnTo>
                      <a:pt x="456" y="4658"/>
                    </a:lnTo>
                    <a:lnTo>
                      <a:pt x="459" y="4663"/>
                    </a:lnTo>
                    <a:lnTo>
                      <a:pt x="463" y="4667"/>
                    </a:lnTo>
                    <a:lnTo>
                      <a:pt x="470" y="4671"/>
                    </a:lnTo>
                    <a:lnTo>
                      <a:pt x="479" y="4675"/>
                    </a:lnTo>
                    <a:lnTo>
                      <a:pt x="489" y="4679"/>
                    </a:lnTo>
                    <a:lnTo>
                      <a:pt x="501" y="4682"/>
                    </a:lnTo>
                    <a:lnTo>
                      <a:pt x="515" y="4686"/>
                    </a:lnTo>
                    <a:lnTo>
                      <a:pt x="526" y="4690"/>
                    </a:lnTo>
                    <a:lnTo>
                      <a:pt x="535" y="4693"/>
                    </a:lnTo>
                    <a:lnTo>
                      <a:pt x="542" y="4693"/>
                    </a:lnTo>
                    <a:lnTo>
                      <a:pt x="546" y="4692"/>
                    </a:lnTo>
                    <a:lnTo>
                      <a:pt x="549" y="4690"/>
                    </a:lnTo>
                    <a:lnTo>
                      <a:pt x="553" y="4688"/>
                    </a:lnTo>
                    <a:lnTo>
                      <a:pt x="557" y="4684"/>
                    </a:lnTo>
                    <a:lnTo>
                      <a:pt x="563" y="4673"/>
                    </a:lnTo>
                    <a:lnTo>
                      <a:pt x="573" y="4659"/>
                    </a:lnTo>
                    <a:lnTo>
                      <a:pt x="579" y="4647"/>
                    </a:lnTo>
                    <a:lnTo>
                      <a:pt x="589" y="4627"/>
                    </a:lnTo>
                    <a:lnTo>
                      <a:pt x="603" y="4600"/>
                    </a:lnTo>
                    <a:lnTo>
                      <a:pt x="618" y="4571"/>
                    </a:lnTo>
                    <a:lnTo>
                      <a:pt x="633" y="4545"/>
                    </a:lnTo>
                    <a:lnTo>
                      <a:pt x="646" y="4527"/>
                    </a:lnTo>
                    <a:lnTo>
                      <a:pt x="651" y="4522"/>
                    </a:lnTo>
                    <a:lnTo>
                      <a:pt x="655" y="4519"/>
                    </a:lnTo>
                    <a:lnTo>
                      <a:pt x="656" y="4521"/>
                    </a:lnTo>
                    <a:lnTo>
                      <a:pt x="658" y="4522"/>
                    </a:lnTo>
                    <a:lnTo>
                      <a:pt x="658" y="4526"/>
                    </a:lnTo>
                    <a:lnTo>
                      <a:pt x="658" y="4530"/>
                    </a:lnTo>
                    <a:lnTo>
                      <a:pt x="656" y="4559"/>
                    </a:lnTo>
                    <a:lnTo>
                      <a:pt x="654" y="4584"/>
                    </a:lnTo>
                    <a:lnTo>
                      <a:pt x="654" y="4596"/>
                    </a:lnTo>
                    <a:lnTo>
                      <a:pt x="658" y="4607"/>
                    </a:lnTo>
                    <a:lnTo>
                      <a:pt x="664" y="4620"/>
                    </a:lnTo>
                    <a:lnTo>
                      <a:pt x="675" y="4636"/>
                    </a:lnTo>
                    <a:lnTo>
                      <a:pt x="681" y="4645"/>
                    </a:lnTo>
                    <a:lnTo>
                      <a:pt x="684" y="4654"/>
                    </a:lnTo>
                    <a:lnTo>
                      <a:pt x="685" y="4664"/>
                    </a:lnTo>
                    <a:lnTo>
                      <a:pt x="684" y="4673"/>
                    </a:lnTo>
                    <a:lnTo>
                      <a:pt x="681" y="4682"/>
                    </a:lnTo>
                    <a:lnTo>
                      <a:pt x="677" y="4692"/>
                    </a:lnTo>
                    <a:lnTo>
                      <a:pt x="672" y="4699"/>
                    </a:lnTo>
                    <a:lnTo>
                      <a:pt x="668" y="4707"/>
                    </a:lnTo>
                    <a:lnTo>
                      <a:pt x="659" y="4719"/>
                    </a:lnTo>
                    <a:lnTo>
                      <a:pt x="655" y="4726"/>
                    </a:lnTo>
                    <a:lnTo>
                      <a:pt x="656" y="4729"/>
                    </a:lnTo>
                    <a:lnTo>
                      <a:pt x="659" y="4729"/>
                    </a:lnTo>
                    <a:lnTo>
                      <a:pt x="665" y="4726"/>
                    </a:lnTo>
                    <a:lnTo>
                      <a:pt x="673" y="4723"/>
                    </a:lnTo>
                    <a:lnTo>
                      <a:pt x="685" y="4719"/>
                    </a:lnTo>
                    <a:lnTo>
                      <a:pt x="694" y="4717"/>
                    </a:lnTo>
                    <a:lnTo>
                      <a:pt x="702" y="4716"/>
                    </a:lnTo>
                    <a:lnTo>
                      <a:pt x="707" y="4717"/>
                    </a:lnTo>
                    <a:lnTo>
                      <a:pt x="710" y="4719"/>
                    </a:lnTo>
                    <a:lnTo>
                      <a:pt x="711" y="4720"/>
                    </a:lnTo>
                    <a:lnTo>
                      <a:pt x="712" y="4723"/>
                    </a:lnTo>
                    <a:lnTo>
                      <a:pt x="712" y="4725"/>
                    </a:lnTo>
                    <a:lnTo>
                      <a:pt x="711" y="4732"/>
                    </a:lnTo>
                    <a:lnTo>
                      <a:pt x="706" y="4741"/>
                    </a:lnTo>
                    <a:lnTo>
                      <a:pt x="695" y="4752"/>
                    </a:lnTo>
                    <a:lnTo>
                      <a:pt x="682" y="4764"/>
                    </a:lnTo>
                    <a:lnTo>
                      <a:pt x="677" y="4769"/>
                    </a:lnTo>
                    <a:lnTo>
                      <a:pt x="672" y="4774"/>
                    </a:lnTo>
                    <a:lnTo>
                      <a:pt x="671" y="4778"/>
                    </a:lnTo>
                    <a:lnTo>
                      <a:pt x="671" y="4781"/>
                    </a:lnTo>
                    <a:lnTo>
                      <a:pt x="671" y="4785"/>
                    </a:lnTo>
                    <a:lnTo>
                      <a:pt x="672" y="4789"/>
                    </a:lnTo>
                    <a:lnTo>
                      <a:pt x="691" y="4787"/>
                    </a:lnTo>
                    <a:lnTo>
                      <a:pt x="707" y="4785"/>
                    </a:lnTo>
                    <a:lnTo>
                      <a:pt x="712" y="4783"/>
                    </a:lnTo>
                    <a:lnTo>
                      <a:pt x="717" y="4781"/>
                    </a:lnTo>
                    <a:lnTo>
                      <a:pt x="721" y="4777"/>
                    </a:lnTo>
                    <a:lnTo>
                      <a:pt x="725" y="4774"/>
                    </a:lnTo>
                    <a:lnTo>
                      <a:pt x="732" y="4767"/>
                    </a:lnTo>
                    <a:lnTo>
                      <a:pt x="739" y="4756"/>
                    </a:lnTo>
                    <a:lnTo>
                      <a:pt x="751" y="4745"/>
                    </a:lnTo>
                    <a:lnTo>
                      <a:pt x="767" y="4732"/>
                    </a:lnTo>
                    <a:lnTo>
                      <a:pt x="773" y="4728"/>
                    </a:lnTo>
                    <a:lnTo>
                      <a:pt x="779" y="4724"/>
                    </a:lnTo>
                    <a:lnTo>
                      <a:pt x="786" y="4721"/>
                    </a:lnTo>
                    <a:lnTo>
                      <a:pt x="792" y="4719"/>
                    </a:lnTo>
                    <a:lnTo>
                      <a:pt x="805" y="4716"/>
                    </a:lnTo>
                    <a:lnTo>
                      <a:pt x="818" y="4714"/>
                    </a:lnTo>
                    <a:lnTo>
                      <a:pt x="833" y="4712"/>
                    </a:lnTo>
                    <a:lnTo>
                      <a:pt x="844" y="4710"/>
                    </a:lnTo>
                    <a:lnTo>
                      <a:pt x="857" y="4706"/>
                    </a:lnTo>
                    <a:lnTo>
                      <a:pt x="869" y="4701"/>
                    </a:lnTo>
                    <a:lnTo>
                      <a:pt x="887" y="4689"/>
                    </a:lnTo>
                    <a:lnTo>
                      <a:pt x="905" y="4681"/>
                    </a:lnTo>
                    <a:lnTo>
                      <a:pt x="923" y="4673"/>
                    </a:lnTo>
                    <a:lnTo>
                      <a:pt x="941" y="4667"/>
                    </a:lnTo>
                    <a:lnTo>
                      <a:pt x="957" y="4660"/>
                    </a:lnTo>
                    <a:lnTo>
                      <a:pt x="971" y="4653"/>
                    </a:lnTo>
                    <a:lnTo>
                      <a:pt x="978" y="4649"/>
                    </a:lnTo>
                    <a:lnTo>
                      <a:pt x="984" y="4644"/>
                    </a:lnTo>
                    <a:lnTo>
                      <a:pt x="989" y="4637"/>
                    </a:lnTo>
                    <a:lnTo>
                      <a:pt x="995" y="4631"/>
                    </a:lnTo>
                    <a:lnTo>
                      <a:pt x="1000" y="4627"/>
                    </a:lnTo>
                    <a:lnTo>
                      <a:pt x="1006" y="4622"/>
                    </a:lnTo>
                    <a:lnTo>
                      <a:pt x="1015" y="4616"/>
                    </a:lnTo>
                    <a:lnTo>
                      <a:pt x="1024" y="4611"/>
                    </a:lnTo>
                    <a:lnTo>
                      <a:pt x="1048" y="4602"/>
                    </a:lnTo>
                    <a:lnTo>
                      <a:pt x="1074" y="4593"/>
                    </a:lnTo>
                    <a:lnTo>
                      <a:pt x="1127" y="4576"/>
                    </a:lnTo>
                    <a:lnTo>
                      <a:pt x="1167" y="4562"/>
                    </a:lnTo>
                    <a:lnTo>
                      <a:pt x="1182" y="4557"/>
                    </a:lnTo>
                    <a:lnTo>
                      <a:pt x="1197" y="4550"/>
                    </a:lnTo>
                    <a:lnTo>
                      <a:pt x="1210" y="4543"/>
                    </a:lnTo>
                    <a:lnTo>
                      <a:pt x="1223" y="4533"/>
                    </a:lnTo>
                    <a:lnTo>
                      <a:pt x="1245" y="4514"/>
                    </a:lnTo>
                    <a:lnTo>
                      <a:pt x="1269" y="4493"/>
                    </a:lnTo>
                    <a:lnTo>
                      <a:pt x="1274" y="4489"/>
                    </a:lnTo>
                    <a:lnTo>
                      <a:pt x="1278" y="4484"/>
                    </a:lnTo>
                    <a:lnTo>
                      <a:pt x="1282" y="4480"/>
                    </a:lnTo>
                    <a:lnTo>
                      <a:pt x="1285" y="4475"/>
                    </a:lnTo>
                    <a:lnTo>
                      <a:pt x="1289" y="4465"/>
                    </a:lnTo>
                    <a:lnTo>
                      <a:pt x="1290" y="4454"/>
                    </a:lnTo>
                    <a:lnTo>
                      <a:pt x="1291" y="4444"/>
                    </a:lnTo>
                    <a:lnTo>
                      <a:pt x="1294" y="4434"/>
                    </a:lnTo>
                    <a:lnTo>
                      <a:pt x="1296" y="4423"/>
                    </a:lnTo>
                    <a:lnTo>
                      <a:pt x="1300" y="4413"/>
                    </a:lnTo>
                    <a:lnTo>
                      <a:pt x="1312" y="4418"/>
                    </a:lnTo>
                    <a:lnTo>
                      <a:pt x="1329" y="4430"/>
                    </a:lnTo>
                    <a:lnTo>
                      <a:pt x="1339" y="4436"/>
                    </a:lnTo>
                    <a:lnTo>
                      <a:pt x="1350" y="4441"/>
                    </a:lnTo>
                    <a:lnTo>
                      <a:pt x="1360" y="4445"/>
                    </a:lnTo>
                    <a:lnTo>
                      <a:pt x="1372" y="4447"/>
                    </a:lnTo>
                    <a:lnTo>
                      <a:pt x="1383" y="4447"/>
                    </a:lnTo>
                    <a:lnTo>
                      <a:pt x="1394" y="4447"/>
                    </a:lnTo>
                    <a:lnTo>
                      <a:pt x="1404" y="4444"/>
                    </a:lnTo>
                    <a:lnTo>
                      <a:pt x="1414" y="4443"/>
                    </a:lnTo>
                    <a:lnTo>
                      <a:pt x="1435" y="4436"/>
                    </a:lnTo>
                    <a:lnTo>
                      <a:pt x="1454" y="4430"/>
                    </a:lnTo>
                    <a:lnTo>
                      <a:pt x="1474" y="4422"/>
                    </a:lnTo>
                    <a:lnTo>
                      <a:pt x="1493" y="4416"/>
                    </a:lnTo>
                    <a:lnTo>
                      <a:pt x="1513" y="4409"/>
                    </a:lnTo>
                    <a:lnTo>
                      <a:pt x="1533" y="4404"/>
                    </a:lnTo>
                    <a:lnTo>
                      <a:pt x="1565" y="4400"/>
                    </a:lnTo>
                    <a:lnTo>
                      <a:pt x="1597" y="4399"/>
                    </a:lnTo>
                    <a:lnTo>
                      <a:pt x="1612" y="4396"/>
                    </a:lnTo>
                    <a:lnTo>
                      <a:pt x="1628" y="4392"/>
                    </a:lnTo>
                    <a:lnTo>
                      <a:pt x="1636" y="4390"/>
                    </a:lnTo>
                    <a:lnTo>
                      <a:pt x="1644" y="4387"/>
                    </a:lnTo>
                    <a:lnTo>
                      <a:pt x="1650" y="4383"/>
                    </a:lnTo>
                    <a:lnTo>
                      <a:pt x="1657" y="4379"/>
                    </a:lnTo>
                    <a:lnTo>
                      <a:pt x="1659" y="4364"/>
                    </a:lnTo>
                    <a:lnTo>
                      <a:pt x="1663" y="4352"/>
                    </a:lnTo>
                    <a:lnTo>
                      <a:pt x="1664" y="4348"/>
                    </a:lnTo>
                    <a:lnTo>
                      <a:pt x="1667" y="4346"/>
                    </a:lnTo>
                    <a:lnTo>
                      <a:pt x="1669" y="4343"/>
                    </a:lnTo>
                    <a:lnTo>
                      <a:pt x="1672" y="4342"/>
                    </a:lnTo>
                    <a:lnTo>
                      <a:pt x="1672" y="4342"/>
                    </a:lnTo>
                    <a:lnTo>
                      <a:pt x="1669" y="4334"/>
                    </a:lnTo>
                    <a:lnTo>
                      <a:pt x="1668" y="4324"/>
                    </a:lnTo>
                    <a:lnTo>
                      <a:pt x="1667" y="4315"/>
                    </a:lnTo>
                    <a:lnTo>
                      <a:pt x="1667" y="4304"/>
                    </a:lnTo>
                    <a:lnTo>
                      <a:pt x="1668" y="4293"/>
                    </a:lnTo>
                    <a:lnTo>
                      <a:pt x="1669" y="4281"/>
                    </a:lnTo>
                    <a:lnTo>
                      <a:pt x="1672" y="4269"/>
                    </a:lnTo>
                    <a:lnTo>
                      <a:pt x="1675" y="4256"/>
                    </a:lnTo>
                    <a:lnTo>
                      <a:pt x="1684" y="4230"/>
                    </a:lnTo>
                    <a:lnTo>
                      <a:pt x="1694" y="4203"/>
                    </a:lnTo>
                    <a:lnTo>
                      <a:pt x="1706" y="4175"/>
                    </a:lnTo>
                    <a:lnTo>
                      <a:pt x="1720" y="4147"/>
                    </a:lnTo>
                    <a:lnTo>
                      <a:pt x="1734" y="4120"/>
                    </a:lnTo>
                    <a:lnTo>
                      <a:pt x="1750" y="4093"/>
                    </a:lnTo>
                    <a:lnTo>
                      <a:pt x="1765" y="4067"/>
                    </a:lnTo>
                    <a:lnTo>
                      <a:pt x="1780" y="4044"/>
                    </a:lnTo>
                    <a:lnTo>
                      <a:pt x="1808" y="4002"/>
                    </a:lnTo>
                    <a:lnTo>
                      <a:pt x="1831" y="3973"/>
                    </a:lnTo>
                    <a:lnTo>
                      <a:pt x="1844" y="3956"/>
                    </a:lnTo>
                    <a:lnTo>
                      <a:pt x="1859" y="3938"/>
                    </a:lnTo>
                    <a:lnTo>
                      <a:pt x="1870" y="3921"/>
                    </a:lnTo>
                    <a:lnTo>
                      <a:pt x="1883" y="3903"/>
                    </a:lnTo>
                    <a:lnTo>
                      <a:pt x="1908" y="3866"/>
                    </a:lnTo>
                    <a:lnTo>
                      <a:pt x="1934" y="3833"/>
                    </a:lnTo>
                    <a:lnTo>
                      <a:pt x="1944" y="3812"/>
                    </a:lnTo>
                    <a:lnTo>
                      <a:pt x="1957" y="3792"/>
                    </a:lnTo>
                    <a:lnTo>
                      <a:pt x="1970" y="3774"/>
                    </a:lnTo>
                    <a:lnTo>
                      <a:pt x="1983" y="3755"/>
                    </a:lnTo>
                    <a:lnTo>
                      <a:pt x="2012" y="3717"/>
                    </a:lnTo>
                    <a:lnTo>
                      <a:pt x="2041" y="3681"/>
                    </a:lnTo>
                    <a:lnTo>
                      <a:pt x="2072" y="3645"/>
                    </a:lnTo>
                    <a:lnTo>
                      <a:pt x="2102" y="3609"/>
                    </a:lnTo>
                    <a:lnTo>
                      <a:pt x="2131" y="3571"/>
                    </a:lnTo>
                    <a:lnTo>
                      <a:pt x="2158" y="3533"/>
                    </a:lnTo>
                    <a:lnTo>
                      <a:pt x="2170" y="3517"/>
                    </a:lnTo>
                    <a:lnTo>
                      <a:pt x="2180" y="3498"/>
                    </a:lnTo>
                    <a:lnTo>
                      <a:pt x="2189" y="3480"/>
                    </a:lnTo>
                    <a:lnTo>
                      <a:pt x="2198" y="3461"/>
                    </a:lnTo>
                    <a:lnTo>
                      <a:pt x="2216" y="3423"/>
                    </a:lnTo>
                    <a:lnTo>
                      <a:pt x="2233" y="3386"/>
                    </a:lnTo>
                    <a:lnTo>
                      <a:pt x="2250" y="3348"/>
                    </a:lnTo>
                    <a:lnTo>
                      <a:pt x="2267" y="3311"/>
                    </a:lnTo>
                    <a:lnTo>
                      <a:pt x="2276" y="3292"/>
                    </a:lnTo>
                    <a:lnTo>
                      <a:pt x="2285" y="3274"/>
                    </a:lnTo>
                    <a:lnTo>
                      <a:pt x="2295" y="3257"/>
                    </a:lnTo>
                    <a:lnTo>
                      <a:pt x="2307" y="3239"/>
                    </a:lnTo>
                    <a:lnTo>
                      <a:pt x="2316" y="3215"/>
                    </a:lnTo>
                    <a:lnTo>
                      <a:pt x="2324" y="3193"/>
                    </a:lnTo>
                    <a:lnTo>
                      <a:pt x="2328" y="3173"/>
                    </a:lnTo>
                    <a:lnTo>
                      <a:pt x="2330" y="3155"/>
                    </a:lnTo>
                    <a:lnTo>
                      <a:pt x="2329" y="3138"/>
                    </a:lnTo>
                    <a:lnTo>
                      <a:pt x="2326" y="3124"/>
                    </a:lnTo>
                    <a:lnTo>
                      <a:pt x="2322" y="3110"/>
                    </a:lnTo>
                    <a:lnTo>
                      <a:pt x="2316" y="3097"/>
                    </a:lnTo>
                    <a:lnTo>
                      <a:pt x="2308" y="3084"/>
                    </a:lnTo>
                    <a:lnTo>
                      <a:pt x="2299" y="3072"/>
                    </a:lnTo>
                    <a:lnTo>
                      <a:pt x="2289" y="3059"/>
                    </a:lnTo>
                    <a:lnTo>
                      <a:pt x="2277" y="3046"/>
                    </a:lnTo>
                    <a:lnTo>
                      <a:pt x="2251" y="3018"/>
                    </a:lnTo>
                    <a:lnTo>
                      <a:pt x="2224" y="2984"/>
                    </a:lnTo>
                    <a:lnTo>
                      <a:pt x="2166" y="2908"/>
                    </a:lnTo>
                    <a:lnTo>
                      <a:pt x="2160" y="2903"/>
                    </a:lnTo>
                    <a:lnTo>
                      <a:pt x="2155" y="2897"/>
                    </a:lnTo>
                    <a:lnTo>
                      <a:pt x="2150" y="2895"/>
                    </a:lnTo>
                    <a:lnTo>
                      <a:pt x="2144" y="2891"/>
                    </a:lnTo>
                    <a:lnTo>
                      <a:pt x="2129" y="2886"/>
                    </a:lnTo>
                    <a:lnTo>
                      <a:pt x="2115" y="2882"/>
                    </a:lnTo>
                    <a:lnTo>
                      <a:pt x="2101" y="2878"/>
                    </a:lnTo>
                    <a:lnTo>
                      <a:pt x="2088" y="2873"/>
                    </a:lnTo>
                    <a:lnTo>
                      <a:pt x="2081" y="2870"/>
                    </a:lnTo>
                    <a:lnTo>
                      <a:pt x="2076" y="2866"/>
                    </a:lnTo>
                    <a:lnTo>
                      <a:pt x="2071" y="2862"/>
                    </a:lnTo>
                    <a:lnTo>
                      <a:pt x="2067" y="2859"/>
                    </a:lnTo>
                    <a:lnTo>
                      <a:pt x="2058" y="2844"/>
                    </a:lnTo>
                    <a:lnTo>
                      <a:pt x="2049" y="2829"/>
                    </a:lnTo>
                    <a:lnTo>
                      <a:pt x="2040" y="2814"/>
                    </a:lnTo>
                    <a:lnTo>
                      <a:pt x="2031" y="2802"/>
                    </a:lnTo>
                    <a:lnTo>
                      <a:pt x="2001" y="2769"/>
                    </a:lnTo>
                    <a:lnTo>
                      <a:pt x="1977" y="2741"/>
                    </a:lnTo>
                    <a:lnTo>
                      <a:pt x="1973" y="2734"/>
                    </a:lnTo>
                    <a:lnTo>
                      <a:pt x="1970" y="2726"/>
                    </a:lnTo>
                    <a:lnTo>
                      <a:pt x="1967" y="2717"/>
                    </a:lnTo>
                    <a:lnTo>
                      <a:pt x="1967" y="2708"/>
                    </a:lnTo>
                    <a:lnTo>
                      <a:pt x="1967" y="2698"/>
                    </a:lnTo>
                    <a:lnTo>
                      <a:pt x="1970" y="2686"/>
                    </a:lnTo>
                    <a:lnTo>
                      <a:pt x="1973" y="2675"/>
                    </a:lnTo>
                    <a:lnTo>
                      <a:pt x="1978" y="2660"/>
                    </a:lnTo>
                    <a:lnTo>
                      <a:pt x="1982" y="2638"/>
                    </a:lnTo>
                    <a:lnTo>
                      <a:pt x="1986" y="2615"/>
                    </a:lnTo>
                    <a:lnTo>
                      <a:pt x="1988" y="2592"/>
                    </a:lnTo>
                    <a:lnTo>
                      <a:pt x="1989" y="2567"/>
                    </a:lnTo>
                    <a:lnTo>
                      <a:pt x="1988" y="2542"/>
                    </a:lnTo>
                    <a:lnTo>
                      <a:pt x="1987" y="2519"/>
                    </a:lnTo>
                    <a:lnTo>
                      <a:pt x="1984" y="2507"/>
                    </a:lnTo>
                    <a:lnTo>
                      <a:pt x="1982" y="2497"/>
                    </a:lnTo>
                    <a:lnTo>
                      <a:pt x="1979" y="2487"/>
                    </a:lnTo>
                    <a:lnTo>
                      <a:pt x="1975" y="2476"/>
                    </a:lnTo>
                    <a:lnTo>
                      <a:pt x="1966" y="2458"/>
                    </a:lnTo>
                    <a:lnTo>
                      <a:pt x="1956" y="2441"/>
                    </a:lnTo>
                    <a:lnTo>
                      <a:pt x="1944" y="2425"/>
                    </a:lnTo>
                    <a:lnTo>
                      <a:pt x="1934" y="2409"/>
                    </a:lnTo>
                    <a:lnTo>
                      <a:pt x="1925" y="2392"/>
                    </a:lnTo>
                    <a:lnTo>
                      <a:pt x="1917" y="2374"/>
                    </a:lnTo>
                    <a:lnTo>
                      <a:pt x="1913" y="2365"/>
                    </a:lnTo>
                    <a:lnTo>
                      <a:pt x="1910" y="2356"/>
                    </a:lnTo>
                    <a:lnTo>
                      <a:pt x="1909" y="2346"/>
                    </a:lnTo>
                    <a:lnTo>
                      <a:pt x="1909" y="2334"/>
                    </a:lnTo>
                    <a:lnTo>
                      <a:pt x="1907" y="2300"/>
                    </a:lnTo>
                    <a:lnTo>
                      <a:pt x="1905" y="2292"/>
                    </a:lnTo>
                    <a:lnTo>
                      <a:pt x="1903" y="2286"/>
                    </a:lnTo>
                    <a:lnTo>
                      <a:pt x="1900" y="2279"/>
                    </a:lnTo>
                    <a:lnTo>
                      <a:pt x="1895" y="2273"/>
                    </a:lnTo>
                    <a:lnTo>
                      <a:pt x="1885" y="2261"/>
                    </a:lnTo>
                    <a:lnTo>
                      <a:pt x="1873" y="2251"/>
                    </a:lnTo>
                    <a:lnTo>
                      <a:pt x="1860" y="2241"/>
                    </a:lnTo>
                    <a:lnTo>
                      <a:pt x="1848" y="2229"/>
                    </a:lnTo>
                    <a:lnTo>
                      <a:pt x="1842" y="2224"/>
                    </a:lnTo>
                    <a:lnTo>
                      <a:pt x="1837" y="2217"/>
                    </a:lnTo>
                    <a:lnTo>
                      <a:pt x="1833" y="2212"/>
                    </a:lnTo>
                    <a:lnTo>
                      <a:pt x="1829" y="2206"/>
                    </a:lnTo>
                    <a:lnTo>
                      <a:pt x="1818" y="2180"/>
                    </a:lnTo>
                    <a:lnTo>
                      <a:pt x="1809" y="2155"/>
                    </a:lnTo>
                    <a:lnTo>
                      <a:pt x="1804" y="2129"/>
                    </a:lnTo>
                    <a:lnTo>
                      <a:pt x="1799" y="2102"/>
                    </a:lnTo>
                    <a:lnTo>
                      <a:pt x="1796" y="2083"/>
                    </a:lnTo>
                    <a:lnTo>
                      <a:pt x="1793" y="2064"/>
                    </a:lnTo>
                    <a:lnTo>
                      <a:pt x="1789" y="2046"/>
                    </a:lnTo>
                    <a:lnTo>
                      <a:pt x="1785" y="2026"/>
                    </a:lnTo>
                    <a:lnTo>
                      <a:pt x="1776" y="2010"/>
                    </a:lnTo>
                    <a:lnTo>
                      <a:pt x="1768" y="1997"/>
                    </a:lnTo>
                    <a:lnTo>
                      <a:pt x="1763" y="1985"/>
                    </a:lnTo>
                    <a:lnTo>
                      <a:pt x="1759" y="1974"/>
                    </a:lnTo>
                    <a:lnTo>
                      <a:pt x="1758" y="1961"/>
                    </a:lnTo>
                    <a:lnTo>
                      <a:pt x="1758" y="1948"/>
                    </a:lnTo>
                    <a:lnTo>
                      <a:pt x="1760" y="1932"/>
                    </a:lnTo>
                    <a:lnTo>
                      <a:pt x="1764" y="1914"/>
                    </a:lnTo>
                    <a:lnTo>
                      <a:pt x="1769" y="1897"/>
                    </a:lnTo>
                    <a:lnTo>
                      <a:pt x="1773" y="1880"/>
                    </a:lnTo>
                    <a:lnTo>
                      <a:pt x="1776" y="1864"/>
                    </a:lnTo>
                    <a:lnTo>
                      <a:pt x="1778" y="1847"/>
                    </a:lnTo>
                    <a:lnTo>
                      <a:pt x="1780" y="1830"/>
                    </a:lnTo>
                    <a:lnTo>
                      <a:pt x="1780" y="1813"/>
                    </a:lnTo>
                    <a:lnTo>
                      <a:pt x="1780" y="1795"/>
                    </a:lnTo>
                    <a:lnTo>
                      <a:pt x="1778" y="1778"/>
                    </a:lnTo>
                    <a:lnTo>
                      <a:pt x="1774" y="1759"/>
                    </a:lnTo>
                    <a:lnTo>
                      <a:pt x="1769" y="1742"/>
                    </a:lnTo>
                    <a:lnTo>
                      <a:pt x="1763" y="1724"/>
                    </a:lnTo>
                    <a:lnTo>
                      <a:pt x="1754" y="1707"/>
                    </a:lnTo>
                    <a:lnTo>
                      <a:pt x="1745" y="1690"/>
                    </a:lnTo>
                    <a:lnTo>
                      <a:pt x="1734" y="1673"/>
                    </a:lnTo>
                    <a:lnTo>
                      <a:pt x="1723" y="1658"/>
                    </a:lnTo>
                    <a:lnTo>
                      <a:pt x="1711" y="1642"/>
                    </a:lnTo>
                    <a:lnTo>
                      <a:pt x="1686" y="1610"/>
                    </a:lnTo>
                    <a:lnTo>
                      <a:pt x="1663" y="1579"/>
                    </a:lnTo>
                    <a:lnTo>
                      <a:pt x="1651" y="1562"/>
                    </a:lnTo>
                    <a:lnTo>
                      <a:pt x="1641" y="1546"/>
                    </a:lnTo>
                    <a:lnTo>
                      <a:pt x="1632" y="1529"/>
                    </a:lnTo>
                    <a:lnTo>
                      <a:pt x="1624" y="1513"/>
                    </a:lnTo>
                    <a:lnTo>
                      <a:pt x="1612" y="1494"/>
                    </a:lnTo>
                    <a:lnTo>
                      <a:pt x="1597" y="1478"/>
                    </a:lnTo>
                    <a:lnTo>
                      <a:pt x="1583" y="1461"/>
                    </a:lnTo>
                    <a:lnTo>
                      <a:pt x="1567" y="1444"/>
                    </a:lnTo>
                    <a:lnTo>
                      <a:pt x="1554" y="1427"/>
                    </a:lnTo>
                    <a:lnTo>
                      <a:pt x="1541" y="1409"/>
                    </a:lnTo>
                    <a:lnTo>
                      <a:pt x="1536" y="1399"/>
                    </a:lnTo>
                    <a:lnTo>
                      <a:pt x="1532" y="1388"/>
                    </a:lnTo>
                    <a:lnTo>
                      <a:pt x="1528" y="1378"/>
                    </a:lnTo>
                    <a:lnTo>
                      <a:pt x="1526" y="1366"/>
                    </a:lnTo>
                    <a:lnTo>
                      <a:pt x="1524" y="1357"/>
                    </a:lnTo>
                    <a:lnTo>
                      <a:pt x="1524" y="1348"/>
                    </a:lnTo>
                    <a:lnTo>
                      <a:pt x="1524" y="1340"/>
                    </a:lnTo>
                    <a:lnTo>
                      <a:pt x="1526" y="1331"/>
                    </a:lnTo>
                    <a:lnTo>
                      <a:pt x="1530" y="1314"/>
                    </a:lnTo>
                    <a:lnTo>
                      <a:pt x="1536" y="1298"/>
                    </a:lnTo>
                    <a:lnTo>
                      <a:pt x="1550" y="1265"/>
                    </a:lnTo>
                    <a:lnTo>
                      <a:pt x="1565" y="1233"/>
                    </a:lnTo>
                    <a:lnTo>
                      <a:pt x="1576" y="1203"/>
                    </a:lnTo>
                    <a:lnTo>
                      <a:pt x="1588" y="1172"/>
                    </a:lnTo>
                    <a:lnTo>
                      <a:pt x="1601" y="1137"/>
                    </a:lnTo>
                    <a:lnTo>
                      <a:pt x="1610" y="1103"/>
                    </a:lnTo>
                    <a:lnTo>
                      <a:pt x="1614" y="1085"/>
                    </a:lnTo>
                    <a:lnTo>
                      <a:pt x="1616" y="1068"/>
                    </a:lnTo>
                    <a:lnTo>
                      <a:pt x="1616" y="1051"/>
                    </a:lnTo>
                    <a:lnTo>
                      <a:pt x="1615" y="1036"/>
                    </a:lnTo>
                    <a:lnTo>
                      <a:pt x="1612" y="1020"/>
                    </a:lnTo>
                    <a:lnTo>
                      <a:pt x="1607" y="1006"/>
                    </a:lnTo>
                    <a:lnTo>
                      <a:pt x="1603" y="998"/>
                    </a:lnTo>
                    <a:lnTo>
                      <a:pt x="1600" y="992"/>
                    </a:lnTo>
                    <a:lnTo>
                      <a:pt x="1594" y="985"/>
                    </a:lnTo>
                    <a:lnTo>
                      <a:pt x="1589" y="979"/>
                    </a:lnTo>
                    <a:lnTo>
                      <a:pt x="1576" y="963"/>
                    </a:lnTo>
                    <a:lnTo>
                      <a:pt x="1562" y="946"/>
                    </a:lnTo>
                    <a:lnTo>
                      <a:pt x="1548" y="928"/>
                    </a:lnTo>
                    <a:lnTo>
                      <a:pt x="1533" y="908"/>
                    </a:lnTo>
                    <a:lnTo>
                      <a:pt x="1521" y="887"/>
                    </a:lnTo>
                    <a:lnTo>
                      <a:pt x="1509" y="866"/>
                    </a:lnTo>
                    <a:lnTo>
                      <a:pt x="1501" y="847"/>
                    </a:lnTo>
                    <a:lnTo>
                      <a:pt x="1495" y="827"/>
                    </a:lnTo>
                    <a:lnTo>
                      <a:pt x="1454" y="791"/>
                    </a:lnTo>
                    <a:lnTo>
                      <a:pt x="1414" y="755"/>
                    </a:lnTo>
                    <a:lnTo>
                      <a:pt x="1394" y="735"/>
                    </a:lnTo>
                    <a:lnTo>
                      <a:pt x="1375" y="716"/>
                    </a:lnTo>
                    <a:lnTo>
                      <a:pt x="1357" y="695"/>
                    </a:lnTo>
                    <a:lnTo>
                      <a:pt x="1342" y="673"/>
                    </a:lnTo>
                    <a:lnTo>
                      <a:pt x="1337" y="664"/>
                    </a:lnTo>
                    <a:lnTo>
                      <a:pt x="1333" y="654"/>
                    </a:lnTo>
                    <a:lnTo>
                      <a:pt x="1329" y="645"/>
                    </a:lnTo>
                    <a:lnTo>
                      <a:pt x="1327" y="636"/>
                    </a:lnTo>
                    <a:lnTo>
                      <a:pt x="1325" y="616"/>
                    </a:lnTo>
                    <a:lnTo>
                      <a:pt x="1325" y="597"/>
                    </a:lnTo>
                    <a:lnTo>
                      <a:pt x="1326" y="579"/>
                    </a:lnTo>
                    <a:lnTo>
                      <a:pt x="1326" y="559"/>
                    </a:lnTo>
                    <a:lnTo>
                      <a:pt x="1327" y="540"/>
                    </a:lnTo>
                    <a:lnTo>
                      <a:pt x="1326" y="520"/>
                    </a:lnTo>
                    <a:lnTo>
                      <a:pt x="1313" y="514"/>
                    </a:lnTo>
                    <a:lnTo>
                      <a:pt x="1298" y="506"/>
                    </a:lnTo>
                    <a:lnTo>
                      <a:pt x="1291" y="503"/>
                    </a:lnTo>
                    <a:lnTo>
                      <a:pt x="1285" y="498"/>
                    </a:lnTo>
                    <a:lnTo>
                      <a:pt x="1281" y="494"/>
                    </a:lnTo>
                    <a:lnTo>
                      <a:pt x="1278" y="489"/>
                    </a:lnTo>
                    <a:lnTo>
                      <a:pt x="1278" y="489"/>
                    </a:lnTo>
                    <a:lnTo>
                      <a:pt x="1280" y="474"/>
                    </a:lnTo>
                    <a:lnTo>
                      <a:pt x="1281" y="459"/>
                    </a:lnTo>
                    <a:lnTo>
                      <a:pt x="1282" y="444"/>
                    </a:lnTo>
                    <a:lnTo>
                      <a:pt x="1286" y="430"/>
                    </a:lnTo>
                    <a:lnTo>
                      <a:pt x="1287" y="418"/>
                    </a:lnTo>
                    <a:lnTo>
                      <a:pt x="1289" y="406"/>
                    </a:lnTo>
                    <a:lnTo>
                      <a:pt x="1290" y="395"/>
                    </a:lnTo>
                    <a:lnTo>
                      <a:pt x="1290" y="383"/>
                    </a:lnTo>
                    <a:lnTo>
                      <a:pt x="1292" y="373"/>
                    </a:lnTo>
                    <a:lnTo>
                      <a:pt x="1295" y="364"/>
                    </a:lnTo>
                    <a:lnTo>
                      <a:pt x="1296" y="353"/>
                    </a:lnTo>
                    <a:lnTo>
                      <a:pt x="1298" y="342"/>
                    </a:lnTo>
                    <a:lnTo>
                      <a:pt x="1296" y="326"/>
                    </a:lnTo>
                    <a:lnTo>
                      <a:pt x="1295" y="310"/>
                    </a:lnTo>
                    <a:lnTo>
                      <a:pt x="1294" y="295"/>
                    </a:lnTo>
                    <a:lnTo>
                      <a:pt x="1292" y="279"/>
                    </a:lnTo>
                    <a:lnTo>
                      <a:pt x="1292" y="239"/>
                    </a:lnTo>
                    <a:lnTo>
                      <a:pt x="1290" y="195"/>
                    </a:lnTo>
                    <a:lnTo>
                      <a:pt x="1287" y="173"/>
                    </a:lnTo>
                    <a:lnTo>
                      <a:pt x="1285" y="152"/>
                    </a:lnTo>
                    <a:lnTo>
                      <a:pt x="1280" y="132"/>
                    </a:lnTo>
                    <a:lnTo>
                      <a:pt x="1273" y="114"/>
                    </a:lnTo>
                    <a:lnTo>
                      <a:pt x="1268" y="106"/>
                    </a:lnTo>
                    <a:lnTo>
                      <a:pt x="1263" y="98"/>
                    </a:lnTo>
                    <a:lnTo>
                      <a:pt x="1255" y="91"/>
                    </a:lnTo>
                    <a:lnTo>
                      <a:pt x="1247" y="85"/>
                    </a:lnTo>
                    <a:lnTo>
                      <a:pt x="1229" y="76"/>
                    </a:lnTo>
                    <a:lnTo>
                      <a:pt x="1208" y="67"/>
                    </a:lnTo>
                    <a:lnTo>
                      <a:pt x="1186" y="60"/>
                    </a:lnTo>
                    <a:lnTo>
                      <a:pt x="1164" y="54"/>
                    </a:lnTo>
                    <a:lnTo>
                      <a:pt x="1145" y="46"/>
                    </a:lnTo>
                    <a:lnTo>
                      <a:pt x="1127" y="38"/>
                    </a:lnTo>
                    <a:lnTo>
                      <a:pt x="1112" y="28"/>
                    </a:lnTo>
                    <a:lnTo>
                      <a:pt x="1096" y="15"/>
                    </a:lnTo>
                    <a:lnTo>
                      <a:pt x="1088" y="9"/>
                    </a:lnTo>
                    <a:lnTo>
                      <a:pt x="1079" y="5"/>
                    </a:lnTo>
                    <a:lnTo>
                      <a:pt x="1072" y="1"/>
                    </a:lnTo>
                    <a:lnTo>
                      <a:pt x="1066" y="0"/>
                    </a:lnTo>
                    <a:lnTo>
                      <a:pt x="1058" y="1"/>
                    </a:lnTo>
                    <a:lnTo>
                      <a:pt x="1053" y="2"/>
                    </a:lnTo>
                    <a:lnTo>
                      <a:pt x="1048" y="5"/>
                    </a:lnTo>
                    <a:lnTo>
                      <a:pt x="1044" y="9"/>
                    </a:lnTo>
                    <a:lnTo>
                      <a:pt x="1040" y="16"/>
                    </a:lnTo>
                    <a:lnTo>
                      <a:pt x="1037" y="27"/>
                    </a:lnTo>
                    <a:lnTo>
                      <a:pt x="1036" y="37"/>
                    </a:lnTo>
                    <a:lnTo>
                      <a:pt x="1033" y="47"/>
                    </a:lnTo>
                    <a:lnTo>
                      <a:pt x="1032" y="51"/>
                    </a:lnTo>
                    <a:lnTo>
                      <a:pt x="1030" y="57"/>
                    </a:lnTo>
                    <a:lnTo>
                      <a:pt x="1027" y="59"/>
                    </a:lnTo>
                    <a:lnTo>
                      <a:pt x="1022" y="63"/>
                    </a:lnTo>
                    <a:lnTo>
                      <a:pt x="1017" y="66"/>
                    </a:lnTo>
                    <a:lnTo>
                      <a:pt x="1010" y="67"/>
                    </a:lnTo>
                    <a:lnTo>
                      <a:pt x="1005" y="67"/>
                    </a:lnTo>
                    <a:lnTo>
                      <a:pt x="998" y="67"/>
                    </a:lnTo>
                    <a:lnTo>
                      <a:pt x="985" y="67"/>
                    </a:lnTo>
                    <a:lnTo>
                      <a:pt x="974" y="68"/>
                    </a:lnTo>
                    <a:lnTo>
                      <a:pt x="963" y="73"/>
                    </a:lnTo>
                    <a:lnTo>
                      <a:pt x="956" y="80"/>
                    </a:lnTo>
                    <a:lnTo>
                      <a:pt x="949" y="86"/>
                    </a:lnTo>
                    <a:lnTo>
                      <a:pt x="943" y="94"/>
                    </a:lnTo>
                    <a:lnTo>
                      <a:pt x="934" y="112"/>
                    </a:lnTo>
                    <a:lnTo>
                      <a:pt x="922" y="130"/>
                    </a:lnTo>
                    <a:lnTo>
                      <a:pt x="918" y="141"/>
                    </a:lnTo>
                    <a:lnTo>
                      <a:pt x="910" y="154"/>
                    </a:lnTo>
                    <a:lnTo>
                      <a:pt x="903" y="165"/>
                    </a:lnTo>
                    <a:lnTo>
                      <a:pt x="895" y="178"/>
                    </a:lnTo>
                    <a:lnTo>
                      <a:pt x="887" y="190"/>
                    </a:lnTo>
                    <a:lnTo>
                      <a:pt x="882" y="202"/>
                    </a:lnTo>
                    <a:lnTo>
                      <a:pt x="881" y="208"/>
                    </a:lnTo>
                    <a:lnTo>
                      <a:pt x="879" y="213"/>
                    </a:lnTo>
                    <a:lnTo>
                      <a:pt x="881" y="218"/>
                    </a:lnTo>
                    <a:lnTo>
                      <a:pt x="882" y="225"/>
                    </a:lnTo>
                    <a:lnTo>
                      <a:pt x="887" y="233"/>
                    </a:lnTo>
                    <a:lnTo>
                      <a:pt x="890" y="242"/>
                    </a:lnTo>
                    <a:lnTo>
                      <a:pt x="891" y="250"/>
                    </a:lnTo>
                    <a:lnTo>
                      <a:pt x="892" y="257"/>
                    </a:lnTo>
                    <a:lnTo>
                      <a:pt x="893" y="273"/>
                    </a:lnTo>
                    <a:lnTo>
                      <a:pt x="893" y="292"/>
                    </a:lnTo>
                    <a:lnTo>
                      <a:pt x="895" y="316"/>
                    </a:lnTo>
                    <a:lnTo>
                      <a:pt x="897" y="342"/>
                    </a:lnTo>
                    <a:lnTo>
                      <a:pt x="899" y="367"/>
                    </a:lnTo>
                    <a:lnTo>
                      <a:pt x="900" y="395"/>
                    </a:lnTo>
                    <a:lnTo>
                      <a:pt x="899" y="422"/>
                    </a:lnTo>
                    <a:lnTo>
                      <a:pt x="897" y="448"/>
                    </a:lnTo>
                    <a:lnTo>
                      <a:pt x="896" y="459"/>
                    </a:lnTo>
                    <a:lnTo>
                      <a:pt x="895" y="472"/>
                    </a:lnTo>
                    <a:lnTo>
                      <a:pt x="891" y="484"/>
                    </a:lnTo>
                    <a:lnTo>
                      <a:pt x="888" y="496"/>
                    </a:lnTo>
                    <a:lnTo>
                      <a:pt x="886" y="502"/>
                    </a:lnTo>
                    <a:lnTo>
                      <a:pt x="882" y="509"/>
                    </a:lnTo>
                    <a:lnTo>
                      <a:pt x="878" y="514"/>
                    </a:lnTo>
                    <a:lnTo>
                      <a:pt x="873" y="519"/>
                    </a:lnTo>
                    <a:lnTo>
                      <a:pt x="862" y="528"/>
                    </a:lnTo>
                    <a:lnTo>
                      <a:pt x="851" y="537"/>
                    </a:lnTo>
                    <a:lnTo>
                      <a:pt x="840" y="546"/>
                    </a:lnTo>
                    <a:lnTo>
                      <a:pt x="831" y="557"/>
                    </a:lnTo>
                    <a:lnTo>
                      <a:pt x="827" y="562"/>
                    </a:lnTo>
                    <a:lnTo>
                      <a:pt x="825" y="568"/>
                    </a:lnTo>
                    <a:lnTo>
                      <a:pt x="822" y="575"/>
                    </a:lnTo>
                    <a:lnTo>
                      <a:pt x="821" y="584"/>
                    </a:lnTo>
                    <a:lnTo>
                      <a:pt x="820" y="595"/>
                    </a:lnTo>
                    <a:lnTo>
                      <a:pt x="817" y="607"/>
                    </a:lnTo>
                    <a:lnTo>
                      <a:pt x="813" y="616"/>
                    </a:lnTo>
                    <a:lnTo>
                      <a:pt x="809" y="625"/>
                    </a:lnTo>
                    <a:lnTo>
                      <a:pt x="804" y="634"/>
                    </a:lnTo>
                    <a:lnTo>
                      <a:pt x="798" y="641"/>
                    </a:lnTo>
                    <a:lnTo>
                      <a:pt x="791" y="647"/>
                    </a:lnTo>
                    <a:lnTo>
                      <a:pt x="783" y="654"/>
                    </a:lnTo>
                    <a:lnTo>
                      <a:pt x="765" y="663"/>
                    </a:lnTo>
                    <a:lnTo>
                      <a:pt x="747" y="671"/>
                    </a:lnTo>
                    <a:lnTo>
                      <a:pt x="726" y="677"/>
                    </a:lnTo>
                    <a:lnTo>
                      <a:pt x="706" y="682"/>
                    </a:lnTo>
                    <a:lnTo>
                      <a:pt x="685" y="677"/>
                    </a:lnTo>
                    <a:lnTo>
                      <a:pt x="667" y="672"/>
                    </a:lnTo>
                    <a:lnTo>
                      <a:pt x="651" y="665"/>
                    </a:lnTo>
                    <a:lnTo>
                      <a:pt x="638" y="659"/>
                    </a:lnTo>
                    <a:lnTo>
                      <a:pt x="625" y="650"/>
                    </a:lnTo>
                    <a:lnTo>
                      <a:pt x="614" y="638"/>
                    </a:lnTo>
                    <a:lnTo>
                      <a:pt x="602" y="625"/>
                    </a:lnTo>
                    <a:lnTo>
                      <a:pt x="589" y="608"/>
                    </a:lnTo>
                    <a:lnTo>
                      <a:pt x="585" y="603"/>
                    </a:lnTo>
                    <a:lnTo>
                      <a:pt x="580" y="601"/>
                    </a:lnTo>
                    <a:lnTo>
                      <a:pt x="573" y="599"/>
                    </a:lnTo>
                    <a:lnTo>
                      <a:pt x="567" y="599"/>
                    </a:lnTo>
                    <a:lnTo>
                      <a:pt x="561" y="602"/>
                    </a:lnTo>
                    <a:lnTo>
                      <a:pt x="553" y="604"/>
                    </a:lnTo>
                    <a:lnTo>
                      <a:pt x="545" y="608"/>
                    </a:lnTo>
                    <a:lnTo>
                      <a:pt x="539" y="614"/>
                    </a:lnTo>
                    <a:lnTo>
                      <a:pt x="509" y="634"/>
                    </a:lnTo>
                    <a:lnTo>
                      <a:pt x="485" y="650"/>
                    </a:lnTo>
                    <a:lnTo>
                      <a:pt x="475" y="655"/>
                    </a:lnTo>
                    <a:lnTo>
                      <a:pt x="465" y="658"/>
                    </a:lnTo>
                    <a:lnTo>
                      <a:pt x="454" y="660"/>
                    </a:lnTo>
                    <a:lnTo>
                      <a:pt x="444" y="660"/>
                    </a:lnTo>
                    <a:lnTo>
                      <a:pt x="434" y="660"/>
                    </a:lnTo>
                    <a:lnTo>
                      <a:pt x="423" y="660"/>
                    </a:lnTo>
                    <a:lnTo>
                      <a:pt x="414" y="658"/>
                    </a:lnTo>
                    <a:lnTo>
                      <a:pt x="404" y="655"/>
                    </a:lnTo>
                    <a:lnTo>
                      <a:pt x="395" y="652"/>
                    </a:lnTo>
                    <a:lnTo>
                      <a:pt x="386" y="647"/>
                    </a:lnTo>
                    <a:lnTo>
                      <a:pt x="377" y="642"/>
                    </a:lnTo>
                    <a:lnTo>
                      <a:pt x="369" y="637"/>
                    </a:lnTo>
                    <a:lnTo>
                      <a:pt x="352" y="624"/>
                    </a:lnTo>
                    <a:lnTo>
                      <a:pt x="335" y="610"/>
                    </a:lnTo>
                    <a:lnTo>
                      <a:pt x="320" y="594"/>
                    </a:lnTo>
                    <a:lnTo>
                      <a:pt x="305" y="577"/>
                    </a:lnTo>
                    <a:lnTo>
                      <a:pt x="291" y="559"/>
                    </a:lnTo>
                    <a:lnTo>
                      <a:pt x="277" y="541"/>
                    </a:lnTo>
                    <a:lnTo>
                      <a:pt x="252" y="507"/>
                    </a:lnTo>
                    <a:lnTo>
                      <a:pt x="229" y="478"/>
                    </a:lnTo>
                    <a:lnTo>
                      <a:pt x="204" y="446"/>
                    </a:lnTo>
                    <a:lnTo>
                      <a:pt x="164" y="400"/>
                    </a:lnTo>
                    <a:lnTo>
                      <a:pt x="145" y="378"/>
                    </a:lnTo>
                    <a:lnTo>
                      <a:pt x="125" y="362"/>
                    </a:lnTo>
                    <a:lnTo>
                      <a:pt x="117" y="357"/>
                    </a:lnTo>
                    <a:lnTo>
                      <a:pt x="111" y="354"/>
                    </a:lnTo>
                    <a:lnTo>
                      <a:pt x="108" y="354"/>
                    </a:lnTo>
                    <a:lnTo>
                      <a:pt x="106" y="354"/>
                    </a:lnTo>
                    <a:lnTo>
                      <a:pt x="103" y="356"/>
                    </a:lnTo>
                    <a:lnTo>
                      <a:pt x="102" y="358"/>
                    </a:lnTo>
                    <a:lnTo>
                      <a:pt x="94" y="379"/>
                    </a:lnTo>
                    <a:lnTo>
                      <a:pt x="86" y="406"/>
                    </a:lnTo>
                    <a:lnTo>
                      <a:pt x="79" y="435"/>
                    </a:lnTo>
                    <a:lnTo>
                      <a:pt x="75" y="458"/>
                    </a:lnTo>
                    <a:lnTo>
                      <a:pt x="0" y="478"/>
                    </a:lnTo>
                    <a:lnTo>
                      <a:pt x="0" y="478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52" name="Freeform 47"/>
              <p:cNvSpPr>
                <a:spLocks noEditPoints="1"/>
              </p:cNvSpPr>
              <p:nvPr/>
            </p:nvSpPr>
            <p:spPr bwMode="auto">
              <a:xfrm>
                <a:off x="7094820" y="2360971"/>
                <a:ext cx="843443" cy="688203"/>
              </a:xfrm>
              <a:custGeom>
                <a:avLst/>
                <a:gdLst/>
                <a:ahLst/>
                <a:cxnLst>
                  <a:cxn ang="0">
                    <a:pos x="475" y="1099"/>
                  </a:cxn>
                  <a:cxn ang="0">
                    <a:pos x="601" y="1024"/>
                  </a:cxn>
                  <a:cxn ang="0">
                    <a:pos x="664" y="1068"/>
                  </a:cxn>
                  <a:cxn ang="0">
                    <a:pos x="697" y="1150"/>
                  </a:cxn>
                  <a:cxn ang="0">
                    <a:pos x="1079" y="1316"/>
                  </a:cxn>
                  <a:cxn ang="0">
                    <a:pos x="1101" y="1247"/>
                  </a:cxn>
                  <a:cxn ang="0">
                    <a:pos x="1115" y="1144"/>
                  </a:cxn>
                  <a:cxn ang="0">
                    <a:pos x="1190" y="1005"/>
                  </a:cxn>
                  <a:cxn ang="0">
                    <a:pos x="1182" y="859"/>
                  </a:cxn>
                  <a:cxn ang="0">
                    <a:pos x="1024" y="873"/>
                  </a:cxn>
                  <a:cxn ang="0">
                    <a:pos x="1049" y="985"/>
                  </a:cxn>
                  <a:cxn ang="0">
                    <a:pos x="976" y="1009"/>
                  </a:cxn>
                  <a:cxn ang="0">
                    <a:pos x="973" y="918"/>
                  </a:cxn>
                  <a:cxn ang="0">
                    <a:pos x="877" y="870"/>
                  </a:cxn>
                  <a:cxn ang="0">
                    <a:pos x="901" y="954"/>
                  </a:cxn>
                  <a:cxn ang="0">
                    <a:pos x="781" y="998"/>
                  </a:cxn>
                  <a:cxn ang="0">
                    <a:pos x="805" y="1162"/>
                  </a:cxn>
                  <a:cxn ang="0">
                    <a:pos x="956" y="1245"/>
                  </a:cxn>
                  <a:cxn ang="0">
                    <a:pos x="962" y="1330"/>
                  </a:cxn>
                  <a:cxn ang="0">
                    <a:pos x="1077" y="1331"/>
                  </a:cxn>
                  <a:cxn ang="0">
                    <a:pos x="726" y="884"/>
                  </a:cxn>
                  <a:cxn ang="0">
                    <a:pos x="436" y="1281"/>
                  </a:cxn>
                  <a:cxn ang="0">
                    <a:pos x="497" y="1309"/>
                  </a:cxn>
                  <a:cxn ang="0">
                    <a:pos x="668" y="1383"/>
                  </a:cxn>
                  <a:cxn ang="0">
                    <a:pos x="750" y="1267"/>
                  </a:cxn>
                  <a:cxn ang="0">
                    <a:pos x="855" y="1394"/>
                  </a:cxn>
                  <a:cxn ang="0">
                    <a:pos x="774" y="1399"/>
                  </a:cxn>
                  <a:cxn ang="0">
                    <a:pos x="830" y="1480"/>
                  </a:cxn>
                  <a:cxn ang="0">
                    <a:pos x="938" y="1501"/>
                  </a:cxn>
                  <a:cxn ang="0">
                    <a:pos x="887" y="1425"/>
                  </a:cxn>
                  <a:cxn ang="0">
                    <a:pos x="995" y="1388"/>
                  </a:cxn>
                  <a:cxn ang="0">
                    <a:pos x="1133" y="1364"/>
                  </a:cxn>
                  <a:cxn ang="0">
                    <a:pos x="1133" y="1410"/>
                  </a:cxn>
                  <a:cxn ang="0">
                    <a:pos x="1014" y="1502"/>
                  </a:cxn>
                  <a:cxn ang="0">
                    <a:pos x="912" y="235"/>
                  </a:cxn>
                  <a:cxn ang="0">
                    <a:pos x="890" y="296"/>
                  </a:cxn>
                  <a:cxn ang="0">
                    <a:pos x="1767" y="1404"/>
                  </a:cxn>
                  <a:cxn ang="0">
                    <a:pos x="1799" y="1344"/>
                  </a:cxn>
                  <a:cxn ang="0">
                    <a:pos x="208" y="1278"/>
                  </a:cxn>
                  <a:cxn ang="0">
                    <a:pos x="403" y="1346"/>
                  </a:cxn>
                  <a:cxn ang="0">
                    <a:pos x="344" y="1243"/>
                  </a:cxn>
                  <a:cxn ang="0">
                    <a:pos x="415" y="1146"/>
                  </a:cxn>
                  <a:cxn ang="0">
                    <a:pos x="453" y="967"/>
                  </a:cxn>
                  <a:cxn ang="0">
                    <a:pos x="518" y="906"/>
                  </a:cxn>
                  <a:cxn ang="0">
                    <a:pos x="610" y="870"/>
                  </a:cxn>
                  <a:cxn ang="0">
                    <a:pos x="678" y="725"/>
                  </a:cxn>
                  <a:cxn ang="0">
                    <a:pos x="769" y="802"/>
                  </a:cxn>
                  <a:cxn ang="0">
                    <a:pos x="831" y="733"/>
                  </a:cxn>
                  <a:cxn ang="0">
                    <a:pos x="838" y="633"/>
                  </a:cxn>
                  <a:cxn ang="0">
                    <a:pos x="719" y="586"/>
                  </a:cxn>
                  <a:cxn ang="0">
                    <a:pos x="690" y="423"/>
                  </a:cxn>
                  <a:cxn ang="0">
                    <a:pos x="795" y="169"/>
                  </a:cxn>
                  <a:cxn ang="0">
                    <a:pos x="835" y="6"/>
                  </a:cxn>
                  <a:cxn ang="0">
                    <a:pos x="627" y="59"/>
                  </a:cxn>
                  <a:cxn ang="0">
                    <a:pos x="487" y="259"/>
                  </a:cxn>
                  <a:cxn ang="0">
                    <a:pos x="232" y="299"/>
                  </a:cxn>
                  <a:cxn ang="0">
                    <a:pos x="159" y="440"/>
                  </a:cxn>
                  <a:cxn ang="0">
                    <a:pos x="159" y="510"/>
                  </a:cxn>
                  <a:cxn ang="0">
                    <a:pos x="116" y="579"/>
                  </a:cxn>
                  <a:cxn ang="0">
                    <a:pos x="15" y="839"/>
                  </a:cxn>
                  <a:cxn ang="0">
                    <a:pos x="66" y="971"/>
                  </a:cxn>
                  <a:cxn ang="0">
                    <a:pos x="128" y="1215"/>
                  </a:cxn>
                </a:cxnLst>
                <a:rect l="0" t="0" r="r" b="b"/>
                <a:pathLst>
                  <a:path w="1850" h="1527">
                    <a:moveTo>
                      <a:pt x="554" y="1259"/>
                    </a:moveTo>
                    <a:lnTo>
                      <a:pt x="549" y="1256"/>
                    </a:lnTo>
                    <a:lnTo>
                      <a:pt x="542" y="1251"/>
                    </a:lnTo>
                    <a:lnTo>
                      <a:pt x="536" y="1246"/>
                    </a:lnTo>
                    <a:lnTo>
                      <a:pt x="529" y="1239"/>
                    </a:lnTo>
                    <a:lnTo>
                      <a:pt x="515" y="1225"/>
                    </a:lnTo>
                    <a:lnTo>
                      <a:pt x="505" y="1215"/>
                    </a:lnTo>
                    <a:lnTo>
                      <a:pt x="501" y="1211"/>
                    </a:lnTo>
                    <a:lnTo>
                      <a:pt x="498" y="1207"/>
                    </a:lnTo>
                    <a:lnTo>
                      <a:pt x="494" y="1201"/>
                    </a:lnTo>
                    <a:lnTo>
                      <a:pt x="492" y="1194"/>
                    </a:lnTo>
                    <a:lnTo>
                      <a:pt x="487" y="1178"/>
                    </a:lnTo>
                    <a:lnTo>
                      <a:pt x="482" y="1160"/>
                    </a:lnTo>
                    <a:lnTo>
                      <a:pt x="479" y="1144"/>
                    </a:lnTo>
                    <a:lnTo>
                      <a:pt x="476" y="1127"/>
                    </a:lnTo>
                    <a:lnTo>
                      <a:pt x="475" y="1111"/>
                    </a:lnTo>
                    <a:lnTo>
                      <a:pt x="475" y="1099"/>
                    </a:lnTo>
                    <a:lnTo>
                      <a:pt x="476" y="1093"/>
                    </a:lnTo>
                    <a:lnTo>
                      <a:pt x="479" y="1089"/>
                    </a:lnTo>
                    <a:lnTo>
                      <a:pt x="483" y="1085"/>
                    </a:lnTo>
                    <a:lnTo>
                      <a:pt x="487" y="1083"/>
                    </a:lnTo>
                    <a:lnTo>
                      <a:pt x="494" y="1079"/>
                    </a:lnTo>
                    <a:lnTo>
                      <a:pt x="502" y="1074"/>
                    </a:lnTo>
                    <a:lnTo>
                      <a:pt x="519" y="1057"/>
                    </a:lnTo>
                    <a:lnTo>
                      <a:pt x="533" y="1039"/>
                    </a:lnTo>
                    <a:lnTo>
                      <a:pt x="541" y="1031"/>
                    </a:lnTo>
                    <a:lnTo>
                      <a:pt x="549" y="1024"/>
                    </a:lnTo>
                    <a:lnTo>
                      <a:pt x="561" y="1018"/>
                    </a:lnTo>
                    <a:lnTo>
                      <a:pt x="572" y="1014"/>
                    </a:lnTo>
                    <a:lnTo>
                      <a:pt x="581" y="1014"/>
                    </a:lnTo>
                    <a:lnTo>
                      <a:pt x="588" y="1014"/>
                    </a:lnTo>
                    <a:lnTo>
                      <a:pt x="593" y="1017"/>
                    </a:lnTo>
                    <a:lnTo>
                      <a:pt x="597" y="1020"/>
                    </a:lnTo>
                    <a:lnTo>
                      <a:pt x="601" y="1024"/>
                    </a:lnTo>
                    <a:lnTo>
                      <a:pt x="603" y="1030"/>
                    </a:lnTo>
                    <a:lnTo>
                      <a:pt x="605" y="1036"/>
                    </a:lnTo>
                    <a:lnTo>
                      <a:pt x="606" y="1042"/>
                    </a:lnTo>
                    <a:lnTo>
                      <a:pt x="610" y="1057"/>
                    </a:lnTo>
                    <a:lnTo>
                      <a:pt x="612" y="1071"/>
                    </a:lnTo>
                    <a:lnTo>
                      <a:pt x="615" y="1077"/>
                    </a:lnTo>
                    <a:lnTo>
                      <a:pt x="619" y="1083"/>
                    </a:lnTo>
                    <a:lnTo>
                      <a:pt x="623" y="1088"/>
                    </a:lnTo>
                    <a:lnTo>
                      <a:pt x="627" y="1093"/>
                    </a:lnTo>
                    <a:lnTo>
                      <a:pt x="632" y="1096"/>
                    </a:lnTo>
                    <a:lnTo>
                      <a:pt x="636" y="1097"/>
                    </a:lnTo>
                    <a:lnTo>
                      <a:pt x="638" y="1097"/>
                    </a:lnTo>
                    <a:lnTo>
                      <a:pt x="642" y="1097"/>
                    </a:lnTo>
                    <a:lnTo>
                      <a:pt x="647" y="1096"/>
                    </a:lnTo>
                    <a:lnTo>
                      <a:pt x="651" y="1092"/>
                    </a:lnTo>
                    <a:lnTo>
                      <a:pt x="658" y="1080"/>
                    </a:lnTo>
                    <a:lnTo>
                      <a:pt x="664" y="1068"/>
                    </a:lnTo>
                    <a:lnTo>
                      <a:pt x="673" y="1058"/>
                    </a:lnTo>
                    <a:lnTo>
                      <a:pt x="686" y="1045"/>
                    </a:lnTo>
                    <a:lnTo>
                      <a:pt x="694" y="1040"/>
                    </a:lnTo>
                    <a:lnTo>
                      <a:pt x="700" y="1035"/>
                    </a:lnTo>
                    <a:lnTo>
                      <a:pt x="704" y="1033"/>
                    </a:lnTo>
                    <a:lnTo>
                      <a:pt x="707" y="1032"/>
                    </a:lnTo>
                    <a:lnTo>
                      <a:pt x="708" y="1032"/>
                    </a:lnTo>
                    <a:lnTo>
                      <a:pt x="711" y="1033"/>
                    </a:lnTo>
                    <a:lnTo>
                      <a:pt x="710" y="1044"/>
                    </a:lnTo>
                    <a:lnTo>
                      <a:pt x="708" y="1054"/>
                    </a:lnTo>
                    <a:lnTo>
                      <a:pt x="706" y="1063"/>
                    </a:lnTo>
                    <a:lnTo>
                      <a:pt x="703" y="1074"/>
                    </a:lnTo>
                    <a:lnTo>
                      <a:pt x="700" y="1084"/>
                    </a:lnTo>
                    <a:lnTo>
                      <a:pt x="698" y="1094"/>
                    </a:lnTo>
                    <a:lnTo>
                      <a:pt x="695" y="1105"/>
                    </a:lnTo>
                    <a:lnTo>
                      <a:pt x="695" y="1115"/>
                    </a:lnTo>
                    <a:lnTo>
                      <a:pt x="697" y="1150"/>
                    </a:lnTo>
                    <a:lnTo>
                      <a:pt x="699" y="1181"/>
                    </a:lnTo>
                    <a:lnTo>
                      <a:pt x="699" y="1197"/>
                    </a:lnTo>
                    <a:lnTo>
                      <a:pt x="698" y="1213"/>
                    </a:lnTo>
                    <a:lnTo>
                      <a:pt x="695" y="1230"/>
                    </a:lnTo>
                    <a:lnTo>
                      <a:pt x="690" y="1248"/>
                    </a:lnTo>
                    <a:lnTo>
                      <a:pt x="686" y="1256"/>
                    </a:lnTo>
                    <a:lnTo>
                      <a:pt x="682" y="1263"/>
                    </a:lnTo>
                    <a:lnTo>
                      <a:pt x="677" y="1267"/>
                    </a:lnTo>
                    <a:lnTo>
                      <a:pt x="671" y="1270"/>
                    </a:lnTo>
                    <a:lnTo>
                      <a:pt x="665" y="1274"/>
                    </a:lnTo>
                    <a:lnTo>
                      <a:pt x="659" y="1276"/>
                    </a:lnTo>
                    <a:lnTo>
                      <a:pt x="653" y="1277"/>
                    </a:lnTo>
                    <a:lnTo>
                      <a:pt x="645" y="1277"/>
                    </a:lnTo>
                    <a:lnTo>
                      <a:pt x="615" y="1273"/>
                    </a:lnTo>
                    <a:lnTo>
                      <a:pt x="586" y="1267"/>
                    </a:lnTo>
                    <a:lnTo>
                      <a:pt x="554" y="1259"/>
                    </a:lnTo>
                    <a:close/>
                    <a:moveTo>
                      <a:pt x="1079" y="1316"/>
                    </a:moveTo>
                    <a:lnTo>
                      <a:pt x="1080" y="1309"/>
                    </a:lnTo>
                    <a:lnTo>
                      <a:pt x="1080" y="1304"/>
                    </a:lnTo>
                    <a:lnTo>
                      <a:pt x="1079" y="1300"/>
                    </a:lnTo>
                    <a:lnTo>
                      <a:pt x="1076" y="1296"/>
                    </a:lnTo>
                    <a:lnTo>
                      <a:pt x="1071" y="1290"/>
                    </a:lnTo>
                    <a:lnTo>
                      <a:pt x="1063" y="1286"/>
                    </a:lnTo>
                    <a:lnTo>
                      <a:pt x="1061" y="1283"/>
                    </a:lnTo>
                    <a:lnTo>
                      <a:pt x="1058" y="1281"/>
                    </a:lnTo>
                    <a:lnTo>
                      <a:pt x="1057" y="1278"/>
                    </a:lnTo>
                    <a:lnTo>
                      <a:pt x="1055" y="1276"/>
                    </a:lnTo>
                    <a:lnTo>
                      <a:pt x="1055" y="1273"/>
                    </a:lnTo>
                    <a:lnTo>
                      <a:pt x="1058" y="1269"/>
                    </a:lnTo>
                    <a:lnTo>
                      <a:pt x="1062" y="1264"/>
                    </a:lnTo>
                    <a:lnTo>
                      <a:pt x="1068" y="1259"/>
                    </a:lnTo>
                    <a:lnTo>
                      <a:pt x="1077" y="1254"/>
                    </a:lnTo>
                    <a:lnTo>
                      <a:pt x="1089" y="1250"/>
                    </a:lnTo>
                    <a:lnTo>
                      <a:pt x="1101" y="1247"/>
                    </a:lnTo>
                    <a:lnTo>
                      <a:pt x="1112" y="1246"/>
                    </a:lnTo>
                    <a:lnTo>
                      <a:pt x="1125" y="1245"/>
                    </a:lnTo>
                    <a:lnTo>
                      <a:pt x="1138" y="1242"/>
                    </a:lnTo>
                    <a:lnTo>
                      <a:pt x="1150" y="1239"/>
                    </a:lnTo>
                    <a:lnTo>
                      <a:pt x="1162" y="1234"/>
                    </a:lnTo>
                    <a:lnTo>
                      <a:pt x="1167" y="1230"/>
                    </a:lnTo>
                    <a:lnTo>
                      <a:pt x="1171" y="1225"/>
                    </a:lnTo>
                    <a:lnTo>
                      <a:pt x="1173" y="1219"/>
                    </a:lnTo>
                    <a:lnTo>
                      <a:pt x="1175" y="1212"/>
                    </a:lnTo>
                    <a:lnTo>
                      <a:pt x="1175" y="1206"/>
                    </a:lnTo>
                    <a:lnTo>
                      <a:pt x="1173" y="1199"/>
                    </a:lnTo>
                    <a:lnTo>
                      <a:pt x="1171" y="1194"/>
                    </a:lnTo>
                    <a:lnTo>
                      <a:pt x="1166" y="1189"/>
                    </a:lnTo>
                    <a:lnTo>
                      <a:pt x="1147" y="1177"/>
                    </a:lnTo>
                    <a:lnTo>
                      <a:pt x="1129" y="1162"/>
                    </a:lnTo>
                    <a:lnTo>
                      <a:pt x="1122" y="1153"/>
                    </a:lnTo>
                    <a:lnTo>
                      <a:pt x="1115" y="1144"/>
                    </a:lnTo>
                    <a:lnTo>
                      <a:pt x="1112" y="1138"/>
                    </a:lnTo>
                    <a:lnTo>
                      <a:pt x="1110" y="1134"/>
                    </a:lnTo>
                    <a:lnTo>
                      <a:pt x="1109" y="1129"/>
                    </a:lnTo>
                    <a:lnTo>
                      <a:pt x="1109" y="1124"/>
                    </a:lnTo>
                    <a:lnTo>
                      <a:pt x="1110" y="1116"/>
                    </a:lnTo>
                    <a:lnTo>
                      <a:pt x="1111" y="1111"/>
                    </a:lnTo>
                    <a:lnTo>
                      <a:pt x="1112" y="1106"/>
                    </a:lnTo>
                    <a:lnTo>
                      <a:pt x="1116" y="1101"/>
                    </a:lnTo>
                    <a:lnTo>
                      <a:pt x="1123" y="1092"/>
                    </a:lnTo>
                    <a:lnTo>
                      <a:pt x="1133" y="1083"/>
                    </a:lnTo>
                    <a:lnTo>
                      <a:pt x="1142" y="1076"/>
                    </a:lnTo>
                    <a:lnTo>
                      <a:pt x="1153" y="1068"/>
                    </a:lnTo>
                    <a:lnTo>
                      <a:pt x="1162" y="1061"/>
                    </a:lnTo>
                    <a:lnTo>
                      <a:pt x="1169" y="1052"/>
                    </a:lnTo>
                    <a:lnTo>
                      <a:pt x="1179" y="1033"/>
                    </a:lnTo>
                    <a:lnTo>
                      <a:pt x="1188" y="1014"/>
                    </a:lnTo>
                    <a:lnTo>
                      <a:pt x="1190" y="1005"/>
                    </a:lnTo>
                    <a:lnTo>
                      <a:pt x="1193" y="995"/>
                    </a:lnTo>
                    <a:lnTo>
                      <a:pt x="1194" y="985"/>
                    </a:lnTo>
                    <a:lnTo>
                      <a:pt x="1194" y="975"/>
                    </a:lnTo>
                    <a:lnTo>
                      <a:pt x="1190" y="961"/>
                    </a:lnTo>
                    <a:lnTo>
                      <a:pt x="1188" y="945"/>
                    </a:lnTo>
                    <a:lnTo>
                      <a:pt x="1186" y="938"/>
                    </a:lnTo>
                    <a:lnTo>
                      <a:pt x="1185" y="930"/>
                    </a:lnTo>
                    <a:lnTo>
                      <a:pt x="1186" y="922"/>
                    </a:lnTo>
                    <a:lnTo>
                      <a:pt x="1189" y="916"/>
                    </a:lnTo>
                    <a:lnTo>
                      <a:pt x="1193" y="908"/>
                    </a:lnTo>
                    <a:lnTo>
                      <a:pt x="1195" y="900"/>
                    </a:lnTo>
                    <a:lnTo>
                      <a:pt x="1195" y="892"/>
                    </a:lnTo>
                    <a:lnTo>
                      <a:pt x="1195" y="886"/>
                    </a:lnTo>
                    <a:lnTo>
                      <a:pt x="1193" y="878"/>
                    </a:lnTo>
                    <a:lnTo>
                      <a:pt x="1190" y="871"/>
                    </a:lnTo>
                    <a:lnTo>
                      <a:pt x="1186" y="865"/>
                    </a:lnTo>
                    <a:lnTo>
                      <a:pt x="1182" y="859"/>
                    </a:lnTo>
                    <a:lnTo>
                      <a:pt x="1177" y="853"/>
                    </a:lnTo>
                    <a:lnTo>
                      <a:pt x="1171" y="848"/>
                    </a:lnTo>
                    <a:lnTo>
                      <a:pt x="1164" y="843"/>
                    </a:lnTo>
                    <a:lnTo>
                      <a:pt x="1158" y="839"/>
                    </a:lnTo>
                    <a:lnTo>
                      <a:pt x="1144" y="831"/>
                    </a:lnTo>
                    <a:lnTo>
                      <a:pt x="1129" y="827"/>
                    </a:lnTo>
                    <a:lnTo>
                      <a:pt x="1123" y="826"/>
                    </a:lnTo>
                    <a:lnTo>
                      <a:pt x="1116" y="826"/>
                    </a:lnTo>
                    <a:lnTo>
                      <a:pt x="1111" y="826"/>
                    </a:lnTo>
                    <a:lnTo>
                      <a:pt x="1105" y="827"/>
                    </a:lnTo>
                    <a:lnTo>
                      <a:pt x="1094" y="830"/>
                    </a:lnTo>
                    <a:lnTo>
                      <a:pt x="1085" y="835"/>
                    </a:lnTo>
                    <a:lnTo>
                      <a:pt x="1067" y="848"/>
                    </a:lnTo>
                    <a:lnTo>
                      <a:pt x="1048" y="860"/>
                    </a:lnTo>
                    <a:lnTo>
                      <a:pt x="1036" y="865"/>
                    </a:lnTo>
                    <a:lnTo>
                      <a:pt x="1027" y="869"/>
                    </a:lnTo>
                    <a:lnTo>
                      <a:pt x="1024" y="873"/>
                    </a:lnTo>
                    <a:lnTo>
                      <a:pt x="1024" y="875"/>
                    </a:lnTo>
                    <a:lnTo>
                      <a:pt x="1028" y="879"/>
                    </a:lnTo>
                    <a:lnTo>
                      <a:pt x="1035" y="883"/>
                    </a:lnTo>
                    <a:lnTo>
                      <a:pt x="1045" y="887"/>
                    </a:lnTo>
                    <a:lnTo>
                      <a:pt x="1059" y="892"/>
                    </a:lnTo>
                    <a:lnTo>
                      <a:pt x="1066" y="896"/>
                    </a:lnTo>
                    <a:lnTo>
                      <a:pt x="1071" y="900"/>
                    </a:lnTo>
                    <a:lnTo>
                      <a:pt x="1074" y="904"/>
                    </a:lnTo>
                    <a:lnTo>
                      <a:pt x="1075" y="908"/>
                    </a:lnTo>
                    <a:lnTo>
                      <a:pt x="1059" y="974"/>
                    </a:lnTo>
                    <a:lnTo>
                      <a:pt x="1058" y="979"/>
                    </a:lnTo>
                    <a:lnTo>
                      <a:pt x="1057" y="984"/>
                    </a:lnTo>
                    <a:lnTo>
                      <a:pt x="1055" y="987"/>
                    </a:lnTo>
                    <a:lnTo>
                      <a:pt x="1053" y="988"/>
                    </a:lnTo>
                    <a:lnTo>
                      <a:pt x="1052" y="988"/>
                    </a:lnTo>
                    <a:lnTo>
                      <a:pt x="1050" y="987"/>
                    </a:lnTo>
                    <a:lnTo>
                      <a:pt x="1049" y="985"/>
                    </a:lnTo>
                    <a:lnTo>
                      <a:pt x="1046" y="983"/>
                    </a:lnTo>
                    <a:lnTo>
                      <a:pt x="1041" y="967"/>
                    </a:lnTo>
                    <a:lnTo>
                      <a:pt x="1039" y="953"/>
                    </a:lnTo>
                    <a:lnTo>
                      <a:pt x="1037" y="938"/>
                    </a:lnTo>
                    <a:lnTo>
                      <a:pt x="1033" y="925"/>
                    </a:lnTo>
                    <a:lnTo>
                      <a:pt x="1022" y="939"/>
                    </a:lnTo>
                    <a:lnTo>
                      <a:pt x="1008" y="954"/>
                    </a:lnTo>
                    <a:lnTo>
                      <a:pt x="1008" y="970"/>
                    </a:lnTo>
                    <a:lnTo>
                      <a:pt x="1009" y="987"/>
                    </a:lnTo>
                    <a:lnTo>
                      <a:pt x="1006" y="993"/>
                    </a:lnTo>
                    <a:lnTo>
                      <a:pt x="1004" y="998"/>
                    </a:lnTo>
                    <a:lnTo>
                      <a:pt x="1000" y="1002"/>
                    </a:lnTo>
                    <a:lnTo>
                      <a:pt x="996" y="1006"/>
                    </a:lnTo>
                    <a:lnTo>
                      <a:pt x="991" y="1008"/>
                    </a:lnTo>
                    <a:lnTo>
                      <a:pt x="987" y="1009"/>
                    </a:lnTo>
                    <a:lnTo>
                      <a:pt x="982" y="1009"/>
                    </a:lnTo>
                    <a:lnTo>
                      <a:pt x="976" y="1009"/>
                    </a:lnTo>
                    <a:lnTo>
                      <a:pt x="967" y="1008"/>
                    </a:lnTo>
                    <a:lnTo>
                      <a:pt x="960" y="1004"/>
                    </a:lnTo>
                    <a:lnTo>
                      <a:pt x="957" y="1001"/>
                    </a:lnTo>
                    <a:lnTo>
                      <a:pt x="954" y="998"/>
                    </a:lnTo>
                    <a:lnTo>
                      <a:pt x="953" y="996"/>
                    </a:lnTo>
                    <a:lnTo>
                      <a:pt x="953" y="995"/>
                    </a:lnTo>
                    <a:lnTo>
                      <a:pt x="958" y="983"/>
                    </a:lnTo>
                    <a:lnTo>
                      <a:pt x="962" y="970"/>
                    </a:lnTo>
                    <a:lnTo>
                      <a:pt x="965" y="963"/>
                    </a:lnTo>
                    <a:lnTo>
                      <a:pt x="966" y="958"/>
                    </a:lnTo>
                    <a:lnTo>
                      <a:pt x="967" y="952"/>
                    </a:lnTo>
                    <a:lnTo>
                      <a:pt x="966" y="945"/>
                    </a:lnTo>
                    <a:lnTo>
                      <a:pt x="966" y="939"/>
                    </a:lnTo>
                    <a:lnTo>
                      <a:pt x="966" y="934"/>
                    </a:lnTo>
                    <a:lnTo>
                      <a:pt x="966" y="928"/>
                    </a:lnTo>
                    <a:lnTo>
                      <a:pt x="969" y="925"/>
                    </a:lnTo>
                    <a:lnTo>
                      <a:pt x="973" y="918"/>
                    </a:lnTo>
                    <a:lnTo>
                      <a:pt x="978" y="912"/>
                    </a:lnTo>
                    <a:lnTo>
                      <a:pt x="983" y="906"/>
                    </a:lnTo>
                    <a:lnTo>
                      <a:pt x="988" y="901"/>
                    </a:lnTo>
                    <a:lnTo>
                      <a:pt x="991" y="896"/>
                    </a:lnTo>
                    <a:lnTo>
                      <a:pt x="992" y="888"/>
                    </a:lnTo>
                    <a:lnTo>
                      <a:pt x="991" y="886"/>
                    </a:lnTo>
                    <a:lnTo>
                      <a:pt x="987" y="883"/>
                    </a:lnTo>
                    <a:lnTo>
                      <a:pt x="982" y="883"/>
                    </a:lnTo>
                    <a:lnTo>
                      <a:pt x="975" y="883"/>
                    </a:lnTo>
                    <a:lnTo>
                      <a:pt x="963" y="883"/>
                    </a:lnTo>
                    <a:lnTo>
                      <a:pt x="954" y="884"/>
                    </a:lnTo>
                    <a:lnTo>
                      <a:pt x="940" y="883"/>
                    </a:lnTo>
                    <a:lnTo>
                      <a:pt x="925" y="879"/>
                    </a:lnTo>
                    <a:lnTo>
                      <a:pt x="906" y="875"/>
                    </a:lnTo>
                    <a:lnTo>
                      <a:pt x="890" y="871"/>
                    </a:lnTo>
                    <a:lnTo>
                      <a:pt x="883" y="870"/>
                    </a:lnTo>
                    <a:lnTo>
                      <a:pt x="877" y="870"/>
                    </a:lnTo>
                    <a:lnTo>
                      <a:pt x="871" y="871"/>
                    </a:lnTo>
                    <a:lnTo>
                      <a:pt x="868" y="874"/>
                    </a:lnTo>
                    <a:lnTo>
                      <a:pt x="866" y="879"/>
                    </a:lnTo>
                    <a:lnTo>
                      <a:pt x="866" y="886"/>
                    </a:lnTo>
                    <a:lnTo>
                      <a:pt x="869" y="894"/>
                    </a:lnTo>
                    <a:lnTo>
                      <a:pt x="874" y="905"/>
                    </a:lnTo>
                    <a:lnTo>
                      <a:pt x="892" y="913"/>
                    </a:lnTo>
                    <a:lnTo>
                      <a:pt x="909" y="921"/>
                    </a:lnTo>
                    <a:lnTo>
                      <a:pt x="912" y="922"/>
                    </a:lnTo>
                    <a:lnTo>
                      <a:pt x="914" y="925"/>
                    </a:lnTo>
                    <a:lnTo>
                      <a:pt x="917" y="927"/>
                    </a:lnTo>
                    <a:lnTo>
                      <a:pt x="918" y="931"/>
                    </a:lnTo>
                    <a:lnTo>
                      <a:pt x="918" y="934"/>
                    </a:lnTo>
                    <a:lnTo>
                      <a:pt x="917" y="938"/>
                    </a:lnTo>
                    <a:lnTo>
                      <a:pt x="914" y="941"/>
                    </a:lnTo>
                    <a:lnTo>
                      <a:pt x="912" y="945"/>
                    </a:lnTo>
                    <a:lnTo>
                      <a:pt x="901" y="954"/>
                    </a:lnTo>
                    <a:lnTo>
                      <a:pt x="891" y="962"/>
                    </a:lnTo>
                    <a:lnTo>
                      <a:pt x="879" y="967"/>
                    </a:lnTo>
                    <a:lnTo>
                      <a:pt x="866" y="971"/>
                    </a:lnTo>
                    <a:lnTo>
                      <a:pt x="853" y="974"/>
                    </a:lnTo>
                    <a:lnTo>
                      <a:pt x="840" y="975"/>
                    </a:lnTo>
                    <a:lnTo>
                      <a:pt x="827" y="974"/>
                    </a:lnTo>
                    <a:lnTo>
                      <a:pt x="814" y="973"/>
                    </a:lnTo>
                    <a:lnTo>
                      <a:pt x="800" y="969"/>
                    </a:lnTo>
                    <a:lnTo>
                      <a:pt x="787" y="965"/>
                    </a:lnTo>
                    <a:lnTo>
                      <a:pt x="782" y="965"/>
                    </a:lnTo>
                    <a:lnTo>
                      <a:pt x="778" y="967"/>
                    </a:lnTo>
                    <a:lnTo>
                      <a:pt x="777" y="969"/>
                    </a:lnTo>
                    <a:lnTo>
                      <a:pt x="777" y="973"/>
                    </a:lnTo>
                    <a:lnTo>
                      <a:pt x="776" y="976"/>
                    </a:lnTo>
                    <a:lnTo>
                      <a:pt x="777" y="980"/>
                    </a:lnTo>
                    <a:lnTo>
                      <a:pt x="778" y="991"/>
                    </a:lnTo>
                    <a:lnTo>
                      <a:pt x="781" y="998"/>
                    </a:lnTo>
                    <a:lnTo>
                      <a:pt x="786" y="1002"/>
                    </a:lnTo>
                    <a:lnTo>
                      <a:pt x="790" y="1006"/>
                    </a:lnTo>
                    <a:lnTo>
                      <a:pt x="795" y="1009"/>
                    </a:lnTo>
                    <a:lnTo>
                      <a:pt x="800" y="1011"/>
                    </a:lnTo>
                    <a:lnTo>
                      <a:pt x="807" y="1014"/>
                    </a:lnTo>
                    <a:lnTo>
                      <a:pt x="812" y="1019"/>
                    </a:lnTo>
                    <a:lnTo>
                      <a:pt x="814" y="1023"/>
                    </a:lnTo>
                    <a:lnTo>
                      <a:pt x="816" y="1028"/>
                    </a:lnTo>
                    <a:lnTo>
                      <a:pt x="817" y="1033"/>
                    </a:lnTo>
                    <a:lnTo>
                      <a:pt x="817" y="1040"/>
                    </a:lnTo>
                    <a:lnTo>
                      <a:pt x="814" y="1052"/>
                    </a:lnTo>
                    <a:lnTo>
                      <a:pt x="812" y="1066"/>
                    </a:lnTo>
                    <a:lnTo>
                      <a:pt x="804" y="1093"/>
                    </a:lnTo>
                    <a:lnTo>
                      <a:pt x="800" y="1115"/>
                    </a:lnTo>
                    <a:lnTo>
                      <a:pt x="800" y="1128"/>
                    </a:lnTo>
                    <a:lnTo>
                      <a:pt x="803" y="1144"/>
                    </a:lnTo>
                    <a:lnTo>
                      <a:pt x="805" y="1162"/>
                    </a:lnTo>
                    <a:lnTo>
                      <a:pt x="809" y="1180"/>
                    </a:lnTo>
                    <a:lnTo>
                      <a:pt x="814" y="1197"/>
                    </a:lnTo>
                    <a:lnTo>
                      <a:pt x="822" y="1212"/>
                    </a:lnTo>
                    <a:lnTo>
                      <a:pt x="826" y="1220"/>
                    </a:lnTo>
                    <a:lnTo>
                      <a:pt x="830" y="1225"/>
                    </a:lnTo>
                    <a:lnTo>
                      <a:pt x="835" y="1230"/>
                    </a:lnTo>
                    <a:lnTo>
                      <a:pt x="840" y="1233"/>
                    </a:lnTo>
                    <a:lnTo>
                      <a:pt x="847" y="1235"/>
                    </a:lnTo>
                    <a:lnTo>
                      <a:pt x="853" y="1238"/>
                    </a:lnTo>
                    <a:lnTo>
                      <a:pt x="861" y="1238"/>
                    </a:lnTo>
                    <a:lnTo>
                      <a:pt x="868" y="1238"/>
                    </a:lnTo>
                    <a:lnTo>
                      <a:pt x="882" y="1237"/>
                    </a:lnTo>
                    <a:lnTo>
                      <a:pt x="896" y="1238"/>
                    </a:lnTo>
                    <a:lnTo>
                      <a:pt x="912" y="1242"/>
                    </a:lnTo>
                    <a:lnTo>
                      <a:pt x="930" y="1247"/>
                    </a:lnTo>
                    <a:lnTo>
                      <a:pt x="941" y="1246"/>
                    </a:lnTo>
                    <a:lnTo>
                      <a:pt x="956" y="1245"/>
                    </a:lnTo>
                    <a:lnTo>
                      <a:pt x="962" y="1245"/>
                    </a:lnTo>
                    <a:lnTo>
                      <a:pt x="967" y="1246"/>
                    </a:lnTo>
                    <a:lnTo>
                      <a:pt x="970" y="1247"/>
                    </a:lnTo>
                    <a:lnTo>
                      <a:pt x="971" y="1248"/>
                    </a:lnTo>
                    <a:lnTo>
                      <a:pt x="973" y="1251"/>
                    </a:lnTo>
                    <a:lnTo>
                      <a:pt x="974" y="1254"/>
                    </a:lnTo>
                    <a:lnTo>
                      <a:pt x="973" y="1259"/>
                    </a:lnTo>
                    <a:lnTo>
                      <a:pt x="971" y="1264"/>
                    </a:lnTo>
                    <a:lnTo>
                      <a:pt x="967" y="1268"/>
                    </a:lnTo>
                    <a:lnTo>
                      <a:pt x="965" y="1274"/>
                    </a:lnTo>
                    <a:lnTo>
                      <a:pt x="961" y="1280"/>
                    </a:lnTo>
                    <a:lnTo>
                      <a:pt x="957" y="1285"/>
                    </a:lnTo>
                    <a:lnTo>
                      <a:pt x="956" y="1291"/>
                    </a:lnTo>
                    <a:lnTo>
                      <a:pt x="954" y="1298"/>
                    </a:lnTo>
                    <a:lnTo>
                      <a:pt x="954" y="1309"/>
                    </a:lnTo>
                    <a:lnTo>
                      <a:pt x="957" y="1320"/>
                    </a:lnTo>
                    <a:lnTo>
                      <a:pt x="962" y="1330"/>
                    </a:lnTo>
                    <a:lnTo>
                      <a:pt x="969" y="1339"/>
                    </a:lnTo>
                    <a:lnTo>
                      <a:pt x="973" y="1343"/>
                    </a:lnTo>
                    <a:lnTo>
                      <a:pt x="975" y="1346"/>
                    </a:lnTo>
                    <a:lnTo>
                      <a:pt x="979" y="1348"/>
                    </a:lnTo>
                    <a:lnTo>
                      <a:pt x="983" y="1349"/>
                    </a:lnTo>
                    <a:lnTo>
                      <a:pt x="992" y="1351"/>
                    </a:lnTo>
                    <a:lnTo>
                      <a:pt x="1001" y="1352"/>
                    </a:lnTo>
                    <a:lnTo>
                      <a:pt x="1014" y="1356"/>
                    </a:lnTo>
                    <a:lnTo>
                      <a:pt x="1026" y="1360"/>
                    </a:lnTo>
                    <a:lnTo>
                      <a:pt x="1039" y="1365"/>
                    </a:lnTo>
                    <a:lnTo>
                      <a:pt x="1052" y="1369"/>
                    </a:lnTo>
                    <a:lnTo>
                      <a:pt x="1057" y="1369"/>
                    </a:lnTo>
                    <a:lnTo>
                      <a:pt x="1062" y="1368"/>
                    </a:lnTo>
                    <a:lnTo>
                      <a:pt x="1066" y="1365"/>
                    </a:lnTo>
                    <a:lnTo>
                      <a:pt x="1068" y="1360"/>
                    </a:lnTo>
                    <a:lnTo>
                      <a:pt x="1074" y="1346"/>
                    </a:lnTo>
                    <a:lnTo>
                      <a:pt x="1077" y="1331"/>
                    </a:lnTo>
                    <a:lnTo>
                      <a:pt x="1079" y="1316"/>
                    </a:lnTo>
                    <a:close/>
                    <a:moveTo>
                      <a:pt x="693" y="940"/>
                    </a:moveTo>
                    <a:lnTo>
                      <a:pt x="691" y="940"/>
                    </a:lnTo>
                    <a:lnTo>
                      <a:pt x="691" y="938"/>
                    </a:lnTo>
                    <a:lnTo>
                      <a:pt x="691" y="936"/>
                    </a:lnTo>
                    <a:lnTo>
                      <a:pt x="691" y="934"/>
                    </a:lnTo>
                    <a:lnTo>
                      <a:pt x="694" y="914"/>
                    </a:lnTo>
                    <a:lnTo>
                      <a:pt x="699" y="896"/>
                    </a:lnTo>
                    <a:lnTo>
                      <a:pt x="700" y="890"/>
                    </a:lnTo>
                    <a:lnTo>
                      <a:pt x="703" y="883"/>
                    </a:lnTo>
                    <a:lnTo>
                      <a:pt x="704" y="882"/>
                    </a:lnTo>
                    <a:lnTo>
                      <a:pt x="707" y="879"/>
                    </a:lnTo>
                    <a:lnTo>
                      <a:pt x="710" y="879"/>
                    </a:lnTo>
                    <a:lnTo>
                      <a:pt x="713" y="878"/>
                    </a:lnTo>
                    <a:lnTo>
                      <a:pt x="719" y="879"/>
                    </a:lnTo>
                    <a:lnTo>
                      <a:pt x="723" y="882"/>
                    </a:lnTo>
                    <a:lnTo>
                      <a:pt x="726" y="884"/>
                    </a:lnTo>
                    <a:lnTo>
                      <a:pt x="729" y="888"/>
                    </a:lnTo>
                    <a:lnTo>
                      <a:pt x="730" y="894"/>
                    </a:lnTo>
                    <a:lnTo>
                      <a:pt x="730" y="897"/>
                    </a:lnTo>
                    <a:lnTo>
                      <a:pt x="730" y="901"/>
                    </a:lnTo>
                    <a:lnTo>
                      <a:pt x="729" y="906"/>
                    </a:lnTo>
                    <a:lnTo>
                      <a:pt x="728" y="918"/>
                    </a:lnTo>
                    <a:lnTo>
                      <a:pt x="729" y="930"/>
                    </a:lnTo>
                    <a:lnTo>
                      <a:pt x="728" y="934"/>
                    </a:lnTo>
                    <a:lnTo>
                      <a:pt x="726" y="936"/>
                    </a:lnTo>
                    <a:lnTo>
                      <a:pt x="725" y="939"/>
                    </a:lnTo>
                    <a:lnTo>
                      <a:pt x="721" y="941"/>
                    </a:lnTo>
                    <a:lnTo>
                      <a:pt x="715" y="944"/>
                    </a:lnTo>
                    <a:lnTo>
                      <a:pt x="708" y="947"/>
                    </a:lnTo>
                    <a:lnTo>
                      <a:pt x="693" y="940"/>
                    </a:lnTo>
                    <a:close/>
                    <a:moveTo>
                      <a:pt x="452" y="1309"/>
                    </a:moveTo>
                    <a:lnTo>
                      <a:pt x="443" y="1296"/>
                    </a:lnTo>
                    <a:lnTo>
                      <a:pt x="436" y="1281"/>
                    </a:lnTo>
                    <a:lnTo>
                      <a:pt x="428" y="1269"/>
                    </a:lnTo>
                    <a:lnTo>
                      <a:pt x="421" y="1255"/>
                    </a:lnTo>
                    <a:lnTo>
                      <a:pt x="421" y="1250"/>
                    </a:lnTo>
                    <a:lnTo>
                      <a:pt x="421" y="1247"/>
                    </a:lnTo>
                    <a:lnTo>
                      <a:pt x="421" y="1243"/>
                    </a:lnTo>
                    <a:lnTo>
                      <a:pt x="422" y="1242"/>
                    </a:lnTo>
                    <a:lnTo>
                      <a:pt x="426" y="1241"/>
                    </a:lnTo>
                    <a:lnTo>
                      <a:pt x="431" y="1241"/>
                    </a:lnTo>
                    <a:lnTo>
                      <a:pt x="441" y="1247"/>
                    </a:lnTo>
                    <a:lnTo>
                      <a:pt x="450" y="1255"/>
                    </a:lnTo>
                    <a:lnTo>
                      <a:pt x="465" y="1267"/>
                    </a:lnTo>
                    <a:lnTo>
                      <a:pt x="482" y="1281"/>
                    </a:lnTo>
                    <a:lnTo>
                      <a:pt x="489" y="1289"/>
                    </a:lnTo>
                    <a:lnTo>
                      <a:pt x="494" y="1296"/>
                    </a:lnTo>
                    <a:lnTo>
                      <a:pt x="496" y="1300"/>
                    </a:lnTo>
                    <a:lnTo>
                      <a:pt x="497" y="1304"/>
                    </a:lnTo>
                    <a:lnTo>
                      <a:pt x="497" y="1309"/>
                    </a:lnTo>
                    <a:lnTo>
                      <a:pt x="496" y="1313"/>
                    </a:lnTo>
                    <a:lnTo>
                      <a:pt x="493" y="1321"/>
                    </a:lnTo>
                    <a:lnTo>
                      <a:pt x="492" y="1329"/>
                    </a:lnTo>
                    <a:lnTo>
                      <a:pt x="492" y="1335"/>
                    </a:lnTo>
                    <a:lnTo>
                      <a:pt x="492" y="1344"/>
                    </a:lnTo>
                    <a:lnTo>
                      <a:pt x="491" y="1347"/>
                    </a:lnTo>
                    <a:lnTo>
                      <a:pt x="491" y="1349"/>
                    </a:lnTo>
                    <a:lnTo>
                      <a:pt x="489" y="1351"/>
                    </a:lnTo>
                    <a:lnTo>
                      <a:pt x="488" y="1351"/>
                    </a:lnTo>
                    <a:lnTo>
                      <a:pt x="483" y="1351"/>
                    </a:lnTo>
                    <a:lnTo>
                      <a:pt x="479" y="1348"/>
                    </a:lnTo>
                    <a:lnTo>
                      <a:pt x="469" y="1340"/>
                    </a:lnTo>
                    <a:lnTo>
                      <a:pt x="463" y="1333"/>
                    </a:lnTo>
                    <a:lnTo>
                      <a:pt x="452" y="1309"/>
                    </a:lnTo>
                    <a:close/>
                    <a:moveTo>
                      <a:pt x="662" y="1399"/>
                    </a:moveTo>
                    <a:lnTo>
                      <a:pt x="664" y="1391"/>
                    </a:lnTo>
                    <a:lnTo>
                      <a:pt x="668" y="1383"/>
                    </a:lnTo>
                    <a:lnTo>
                      <a:pt x="673" y="1377"/>
                    </a:lnTo>
                    <a:lnTo>
                      <a:pt x="680" y="1372"/>
                    </a:lnTo>
                    <a:lnTo>
                      <a:pt x="686" y="1366"/>
                    </a:lnTo>
                    <a:lnTo>
                      <a:pt x="693" y="1361"/>
                    </a:lnTo>
                    <a:lnTo>
                      <a:pt x="698" y="1356"/>
                    </a:lnTo>
                    <a:lnTo>
                      <a:pt x="703" y="1349"/>
                    </a:lnTo>
                    <a:lnTo>
                      <a:pt x="708" y="1338"/>
                    </a:lnTo>
                    <a:lnTo>
                      <a:pt x="711" y="1326"/>
                    </a:lnTo>
                    <a:lnTo>
                      <a:pt x="715" y="1315"/>
                    </a:lnTo>
                    <a:lnTo>
                      <a:pt x="720" y="1303"/>
                    </a:lnTo>
                    <a:lnTo>
                      <a:pt x="725" y="1294"/>
                    </a:lnTo>
                    <a:lnTo>
                      <a:pt x="734" y="1281"/>
                    </a:lnTo>
                    <a:lnTo>
                      <a:pt x="739" y="1274"/>
                    </a:lnTo>
                    <a:lnTo>
                      <a:pt x="743" y="1269"/>
                    </a:lnTo>
                    <a:lnTo>
                      <a:pt x="746" y="1268"/>
                    </a:lnTo>
                    <a:lnTo>
                      <a:pt x="747" y="1267"/>
                    </a:lnTo>
                    <a:lnTo>
                      <a:pt x="750" y="1267"/>
                    </a:lnTo>
                    <a:lnTo>
                      <a:pt x="751" y="1268"/>
                    </a:lnTo>
                    <a:lnTo>
                      <a:pt x="750" y="1281"/>
                    </a:lnTo>
                    <a:lnTo>
                      <a:pt x="747" y="1295"/>
                    </a:lnTo>
                    <a:lnTo>
                      <a:pt x="743" y="1309"/>
                    </a:lnTo>
                    <a:lnTo>
                      <a:pt x="738" y="1324"/>
                    </a:lnTo>
                    <a:lnTo>
                      <a:pt x="725" y="1351"/>
                    </a:lnTo>
                    <a:lnTo>
                      <a:pt x="712" y="1377"/>
                    </a:lnTo>
                    <a:lnTo>
                      <a:pt x="703" y="1392"/>
                    </a:lnTo>
                    <a:lnTo>
                      <a:pt x="686" y="1416"/>
                    </a:lnTo>
                    <a:lnTo>
                      <a:pt x="678" y="1425"/>
                    </a:lnTo>
                    <a:lnTo>
                      <a:pt x="669" y="1430"/>
                    </a:lnTo>
                    <a:lnTo>
                      <a:pt x="667" y="1431"/>
                    </a:lnTo>
                    <a:lnTo>
                      <a:pt x="663" y="1430"/>
                    </a:lnTo>
                    <a:lnTo>
                      <a:pt x="660" y="1426"/>
                    </a:lnTo>
                    <a:lnTo>
                      <a:pt x="659" y="1422"/>
                    </a:lnTo>
                    <a:lnTo>
                      <a:pt x="662" y="1399"/>
                    </a:lnTo>
                    <a:close/>
                    <a:moveTo>
                      <a:pt x="855" y="1394"/>
                    </a:moveTo>
                    <a:lnTo>
                      <a:pt x="846" y="1392"/>
                    </a:lnTo>
                    <a:lnTo>
                      <a:pt x="837" y="1388"/>
                    </a:lnTo>
                    <a:lnTo>
                      <a:pt x="827" y="1384"/>
                    </a:lnTo>
                    <a:lnTo>
                      <a:pt x="820" y="1379"/>
                    </a:lnTo>
                    <a:lnTo>
                      <a:pt x="812" y="1374"/>
                    </a:lnTo>
                    <a:lnTo>
                      <a:pt x="803" y="1370"/>
                    </a:lnTo>
                    <a:lnTo>
                      <a:pt x="794" y="1368"/>
                    </a:lnTo>
                    <a:lnTo>
                      <a:pt x="783" y="1366"/>
                    </a:lnTo>
                    <a:lnTo>
                      <a:pt x="778" y="1368"/>
                    </a:lnTo>
                    <a:lnTo>
                      <a:pt x="774" y="1368"/>
                    </a:lnTo>
                    <a:lnTo>
                      <a:pt x="772" y="1369"/>
                    </a:lnTo>
                    <a:lnTo>
                      <a:pt x="770" y="1372"/>
                    </a:lnTo>
                    <a:lnTo>
                      <a:pt x="769" y="1375"/>
                    </a:lnTo>
                    <a:lnTo>
                      <a:pt x="769" y="1381"/>
                    </a:lnTo>
                    <a:lnTo>
                      <a:pt x="772" y="1387"/>
                    </a:lnTo>
                    <a:lnTo>
                      <a:pt x="773" y="1394"/>
                    </a:lnTo>
                    <a:lnTo>
                      <a:pt x="774" y="1399"/>
                    </a:lnTo>
                    <a:lnTo>
                      <a:pt x="773" y="1404"/>
                    </a:lnTo>
                    <a:lnTo>
                      <a:pt x="767" y="1412"/>
                    </a:lnTo>
                    <a:lnTo>
                      <a:pt x="757" y="1423"/>
                    </a:lnTo>
                    <a:lnTo>
                      <a:pt x="754" y="1429"/>
                    </a:lnTo>
                    <a:lnTo>
                      <a:pt x="751" y="1434"/>
                    </a:lnTo>
                    <a:lnTo>
                      <a:pt x="751" y="1436"/>
                    </a:lnTo>
                    <a:lnTo>
                      <a:pt x="751" y="1439"/>
                    </a:lnTo>
                    <a:lnTo>
                      <a:pt x="752" y="1441"/>
                    </a:lnTo>
                    <a:lnTo>
                      <a:pt x="755" y="1444"/>
                    </a:lnTo>
                    <a:lnTo>
                      <a:pt x="761" y="1448"/>
                    </a:lnTo>
                    <a:lnTo>
                      <a:pt x="769" y="1452"/>
                    </a:lnTo>
                    <a:lnTo>
                      <a:pt x="776" y="1454"/>
                    </a:lnTo>
                    <a:lnTo>
                      <a:pt x="783" y="1457"/>
                    </a:lnTo>
                    <a:lnTo>
                      <a:pt x="799" y="1461"/>
                    </a:lnTo>
                    <a:lnTo>
                      <a:pt x="814" y="1467"/>
                    </a:lnTo>
                    <a:lnTo>
                      <a:pt x="824" y="1473"/>
                    </a:lnTo>
                    <a:lnTo>
                      <a:pt x="830" y="1480"/>
                    </a:lnTo>
                    <a:lnTo>
                      <a:pt x="837" y="1487"/>
                    </a:lnTo>
                    <a:lnTo>
                      <a:pt x="840" y="1493"/>
                    </a:lnTo>
                    <a:lnTo>
                      <a:pt x="847" y="1498"/>
                    </a:lnTo>
                    <a:lnTo>
                      <a:pt x="853" y="1502"/>
                    </a:lnTo>
                    <a:lnTo>
                      <a:pt x="859" y="1505"/>
                    </a:lnTo>
                    <a:lnTo>
                      <a:pt x="864" y="1505"/>
                    </a:lnTo>
                    <a:lnTo>
                      <a:pt x="870" y="1505"/>
                    </a:lnTo>
                    <a:lnTo>
                      <a:pt x="878" y="1505"/>
                    </a:lnTo>
                    <a:lnTo>
                      <a:pt x="886" y="1504"/>
                    </a:lnTo>
                    <a:lnTo>
                      <a:pt x="895" y="1502"/>
                    </a:lnTo>
                    <a:lnTo>
                      <a:pt x="903" y="1501"/>
                    </a:lnTo>
                    <a:lnTo>
                      <a:pt x="910" y="1504"/>
                    </a:lnTo>
                    <a:lnTo>
                      <a:pt x="916" y="1505"/>
                    </a:lnTo>
                    <a:lnTo>
                      <a:pt x="922" y="1505"/>
                    </a:lnTo>
                    <a:lnTo>
                      <a:pt x="927" y="1505"/>
                    </a:lnTo>
                    <a:lnTo>
                      <a:pt x="932" y="1504"/>
                    </a:lnTo>
                    <a:lnTo>
                      <a:pt x="938" y="1501"/>
                    </a:lnTo>
                    <a:lnTo>
                      <a:pt x="941" y="1498"/>
                    </a:lnTo>
                    <a:lnTo>
                      <a:pt x="945" y="1495"/>
                    </a:lnTo>
                    <a:lnTo>
                      <a:pt x="948" y="1489"/>
                    </a:lnTo>
                    <a:lnTo>
                      <a:pt x="951" y="1482"/>
                    </a:lnTo>
                    <a:lnTo>
                      <a:pt x="953" y="1473"/>
                    </a:lnTo>
                    <a:lnTo>
                      <a:pt x="956" y="1463"/>
                    </a:lnTo>
                    <a:lnTo>
                      <a:pt x="957" y="1454"/>
                    </a:lnTo>
                    <a:lnTo>
                      <a:pt x="957" y="1445"/>
                    </a:lnTo>
                    <a:lnTo>
                      <a:pt x="954" y="1438"/>
                    </a:lnTo>
                    <a:lnTo>
                      <a:pt x="952" y="1435"/>
                    </a:lnTo>
                    <a:lnTo>
                      <a:pt x="949" y="1434"/>
                    </a:lnTo>
                    <a:lnTo>
                      <a:pt x="945" y="1432"/>
                    </a:lnTo>
                    <a:lnTo>
                      <a:pt x="941" y="1432"/>
                    </a:lnTo>
                    <a:lnTo>
                      <a:pt x="922" y="1432"/>
                    </a:lnTo>
                    <a:lnTo>
                      <a:pt x="904" y="1431"/>
                    </a:lnTo>
                    <a:lnTo>
                      <a:pt x="895" y="1429"/>
                    </a:lnTo>
                    <a:lnTo>
                      <a:pt x="887" y="1425"/>
                    </a:lnTo>
                    <a:lnTo>
                      <a:pt x="881" y="1419"/>
                    </a:lnTo>
                    <a:lnTo>
                      <a:pt x="874" y="1413"/>
                    </a:lnTo>
                    <a:lnTo>
                      <a:pt x="855" y="1394"/>
                    </a:lnTo>
                    <a:close/>
                    <a:moveTo>
                      <a:pt x="991" y="1475"/>
                    </a:moveTo>
                    <a:lnTo>
                      <a:pt x="989" y="1462"/>
                    </a:lnTo>
                    <a:lnTo>
                      <a:pt x="989" y="1451"/>
                    </a:lnTo>
                    <a:lnTo>
                      <a:pt x="987" y="1440"/>
                    </a:lnTo>
                    <a:lnTo>
                      <a:pt x="983" y="1427"/>
                    </a:lnTo>
                    <a:lnTo>
                      <a:pt x="980" y="1418"/>
                    </a:lnTo>
                    <a:lnTo>
                      <a:pt x="979" y="1409"/>
                    </a:lnTo>
                    <a:lnTo>
                      <a:pt x="980" y="1400"/>
                    </a:lnTo>
                    <a:lnTo>
                      <a:pt x="982" y="1394"/>
                    </a:lnTo>
                    <a:lnTo>
                      <a:pt x="983" y="1391"/>
                    </a:lnTo>
                    <a:lnTo>
                      <a:pt x="985" y="1388"/>
                    </a:lnTo>
                    <a:lnTo>
                      <a:pt x="988" y="1388"/>
                    </a:lnTo>
                    <a:lnTo>
                      <a:pt x="991" y="1387"/>
                    </a:lnTo>
                    <a:lnTo>
                      <a:pt x="995" y="1388"/>
                    </a:lnTo>
                    <a:lnTo>
                      <a:pt x="998" y="1390"/>
                    </a:lnTo>
                    <a:lnTo>
                      <a:pt x="1004" y="1394"/>
                    </a:lnTo>
                    <a:lnTo>
                      <a:pt x="1009" y="1397"/>
                    </a:lnTo>
                    <a:lnTo>
                      <a:pt x="1017" y="1404"/>
                    </a:lnTo>
                    <a:lnTo>
                      <a:pt x="1026" y="1408"/>
                    </a:lnTo>
                    <a:lnTo>
                      <a:pt x="1035" y="1410"/>
                    </a:lnTo>
                    <a:lnTo>
                      <a:pt x="1045" y="1413"/>
                    </a:lnTo>
                    <a:lnTo>
                      <a:pt x="1054" y="1413"/>
                    </a:lnTo>
                    <a:lnTo>
                      <a:pt x="1065" y="1410"/>
                    </a:lnTo>
                    <a:lnTo>
                      <a:pt x="1074" y="1406"/>
                    </a:lnTo>
                    <a:lnTo>
                      <a:pt x="1081" y="1401"/>
                    </a:lnTo>
                    <a:lnTo>
                      <a:pt x="1093" y="1391"/>
                    </a:lnTo>
                    <a:lnTo>
                      <a:pt x="1102" y="1382"/>
                    </a:lnTo>
                    <a:lnTo>
                      <a:pt x="1112" y="1374"/>
                    </a:lnTo>
                    <a:lnTo>
                      <a:pt x="1123" y="1368"/>
                    </a:lnTo>
                    <a:lnTo>
                      <a:pt x="1128" y="1365"/>
                    </a:lnTo>
                    <a:lnTo>
                      <a:pt x="1133" y="1364"/>
                    </a:lnTo>
                    <a:lnTo>
                      <a:pt x="1140" y="1362"/>
                    </a:lnTo>
                    <a:lnTo>
                      <a:pt x="1146" y="1362"/>
                    </a:lnTo>
                    <a:lnTo>
                      <a:pt x="1153" y="1362"/>
                    </a:lnTo>
                    <a:lnTo>
                      <a:pt x="1159" y="1364"/>
                    </a:lnTo>
                    <a:lnTo>
                      <a:pt x="1167" y="1365"/>
                    </a:lnTo>
                    <a:lnTo>
                      <a:pt x="1175" y="1369"/>
                    </a:lnTo>
                    <a:lnTo>
                      <a:pt x="1184" y="1373"/>
                    </a:lnTo>
                    <a:lnTo>
                      <a:pt x="1190" y="1377"/>
                    </a:lnTo>
                    <a:lnTo>
                      <a:pt x="1194" y="1379"/>
                    </a:lnTo>
                    <a:lnTo>
                      <a:pt x="1197" y="1382"/>
                    </a:lnTo>
                    <a:lnTo>
                      <a:pt x="1197" y="1386"/>
                    </a:lnTo>
                    <a:lnTo>
                      <a:pt x="1195" y="1387"/>
                    </a:lnTo>
                    <a:lnTo>
                      <a:pt x="1193" y="1390"/>
                    </a:lnTo>
                    <a:lnTo>
                      <a:pt x="1189" y="1392"/>
                    </a:lnTo>
                    <a:lnTo>
                      <a:pt x="1166" y="1397"/>
                    </a:lnTo>
                    <a:lnTo>
                      <a:pt x="1146" y="1403"/>
                    </a:lnTo>
                    <a:lnTo>
                      <a:pt x="1133" y="1410"/>
                    </a:lnTo>
                    <a:lnTo>
                      <a:pt x="1120" y="1419"/>
                    </a:lnTo>
                    <a:lnTo>
                      <a:pt x="1114" y="1422"/>
                    </a:lnTo>
                    <a:lnTo>
                      <a:pt x="1109" y="1422"/>
                    </a:lnTo>
                    <a:lnTo>
                      <a:pt x="1103" y="1421"/>
                    </a:lnTo>
                    <a:lnTo>
                      <a:pt x="1097" y="1421"/>
                    </a:lnTo>
                    <a:lnTo>
                      <a:pt x="1092" y="1419"/>
                    </a:lnTo>
                    <a:lnTo>
                      <a:pt x="1087" y="1419"/>
                    </a:lnTo>
                    <a:lnTo>
                      <a:pt x="1080" y="1422"/>
                    </a:lnTo>
                    <a:lnTo>
                      <a:pt x="1074" y="1425"/>
                    </a:lnTo>
                    <a:lnTo>
                      <a:pt x="1065" y="1438"/>
                    </a:lnTo>
                    <a:lnTo>
                      <a:pt x="1058" y="1449"/>
                    </a:lnTo>
                    <a:lnTo>
                      <a:pt x="1045" y="1462"/>
                    </a:lnTo>
                    <a:lnTo>
                      <a:pt x="1033" y="1474"/>
                    </a:lnTo>
                    <a:lnTo>
                      <a:pt x="1028" y="1480"/>
                    </a:lnTo>
                    <a:lnTo>
                      <a:pt x="1022" y="1487"/>
                    </a:lnTo>
                    <a:lnTo>
                      <a:pt x="1018" y="1495"/>
                    </a:lnTo>
                    <a:lnTo>
                      <a:pt x="1014" y="1502"/>
                    </a:lnTo>
                    <a:lnTo>
                      <a:pt x="1009" y="1514"/>
                    </a:lnTo>
                    <a:lnTo>
                      <a:pt x="1002" y="1524"/>
                    </a:lnTo>
                    <a:lnTo>
                      <a:pt x="998" y="1527"/>
                    </a:lnTo>
                    <a:lnTo>
                      <a:pt x="996" y="1527"/>
                    </a:lnTo>
                    <a:lnTo>
                      <a:pt x="992" y="1524"/>
                    </a:lnTo>
                    <a:lnTo>
                      <a:pt x="989" y="1522"/>
                    </a:lnTo>
                    <a:lnTo>
                      <a:pt x="985" y="1515"/>
                    </a:lnTo>
                    <a:lnTo>
                      <a:pt x="984" y="1508"/>
                    </a:lnTo>
                    <a:lnTo>
                      <a:pt x="991" y="1475"/>
                    </a:lnTo>
                    <a:close/>
                    <a:moveTo>
                      <a:pt x="856" y="272"/>
                    </a:moveTo>
                    <a:lnTo>
                      <a:pt x="857" y="268"/>
                    </a:lnTo>
                    <a:lnTo>
                      <a:pt x="862" y="264"/>
                    </a:lnTo>
                    <a:lnTo>
                      <a:pt x="868" y="259"/>
                    </a:lnTo>
                    <a:lnTo>
                      <a:pt x="875" y="252"/>
                    </a:lnTo>
                    <a:lnTo>
                      <a:pt x="891" y="243"/>
                    </a:lnTo>
                    <a:lnTo>
                      <a:pt x="901" y="238"/>
                    </a:lnTo>
                    <a:lnTo>
                      <a:pt x="912" y="235"/>
                    </a:lnTo>
                    <a:lnTo>
                      <a:pt x="923" y="235"/>
                    </a:lnTo>
                    <a:lnTo>
                      <a:pt x="936" y="235"/>
                    </a:lnTo>
                    <a:lnTo>
                      <a:pt x="945" y="238"/>
                    </a:lnTo>
                    <a:lnTo>
                      <a:pt x="941" y="245"/>
                    </a:lnTo>
                    <a:lnTo>
                      <a:pt x="936" y="251"/>
                    </a:lnTo>
                    <a:lnTo>
                      <a:pt x="930" y="267"/>
                    </a:lnTo>
                    <a:lnTo>
                      <a:pt x="926" y="282"/>
                    </a:lnTo>
                    <a:lnTo>
                      <a:pt x="923" y="289"/>
                    </a:lnTo>
                    <a:lnTo>
                      <a:pt x="919" y="294"/>
                    </a:lnTo>
                    <a:lnTo>
                      <a:pt x="916" y="296"/>
                    </a:lnTo>
                    <a:lnTo>
                      <a:pt x="912" y="299"/>
                    </a:lnTo>
                    <a:lnTo>
                      <a:pt x="908" y="300"/>
                    </a:lnTo>
                    <a:lnTo>
                      <a:pt x="903" y="300"/>
                    </a:lnTo>
                    <a:lnTo>
                      <a:pt x="899" y="300"/>
                    </a:lnTo>
                    <a:lnTo>
                      <a:pt x="895" y="300"/>
                    </a:lnTo>
                    <a:lnTo>
                      <a:pt x="892" y="298"/>
                    </a:lnTo>
                    <a:lnTo>
                      <a:pt x="890" y="296"/>
                    </a:lnTo>
                    <a:lnTo>
                      <a:pt x="887" y="294"/>
                    </a:lnTo>
                    <a:lnTo>
                      <a:pt x="883" y="292"/>
                    </a:lnTo>
                    <a:lnTo>
                      <a:pt x="879" y="292"/>
                    </a:lnTo>
                    <a:lnTo>
                      <a:pt x="874" y="294"/>
                    </a:lnTo>
                    <a:lnTo>
                      <a:pt x="869" y="295"/>
                    </a:lnTo>
                    <a:lnTo>
                      <a:pt x="864" y="296"/>
                    </a:lnTo>
                    <a:lnTo>
                      <a:pt x="860" y="296"/>
                    </a:lnTo>
                    <a:lnTo>
                      <a:pt x="855" y="295"/>
                    </a:lnTo>
                    <a:lnTo>
                      <a:pt x="851" y="294"/>
                    </a:lnTo>
                    <a:lnTo>
                      <a:pt x="847" y="290"/>
                    </a:lnTo>
                    <a:lnTo>
                      <a:pt x="843" y="286"/>
                    </a:lnTo>
                    <a:lnTo>
                      <a:pt x="840" y="281"/>
                    </a:lnTo>
                    <a:lnTo>
                      <a:pt x="856" y="272"/>
                    </a:lnTo>
                    <a:close/>
                    <a:moveTo>
                      <a:pt x="1785" y="1416"/>
                    </a:moveTo>
                    <a:lnTo>
                      <a:pt x="1780" y="1413"/>
                    </a:lnTo>
                    <a:lnTo>
                      <a:pt x="1773" y="1409"/>
                    </a:lnTo>
                    <a:lnTo>
                      <a:pt x="1767" y="1404"/>
                    </a:lnTo>
                    <a:lnTo>
                      <a:pt x="1760" y="1397"/>
                    </a:lnTo>
                    <a:lnTo>
                      <a:pt x="1754" y="1390"/>
                    </a:lnTo>
                    <a:lnTo>
                      <a:pt x="1750" y="1382"/>
                    </a:lnTo>
                    <a:lnTo>
                      <a:pt x="1747" y="1375"/>
                    </a:lnTo>
                    <a:lnTo>
                      <a:pt x="1746" y="1369"/>
                    </a:lnTo>
                    <a:lnTo>
                      <a:pt x="1747" y="1357"/>
                    </a:lnTo>
                    <a:lnTo>
                      <a:pt x="1752" y="1340"/>
                    </a:lnTo>
                    <a:lnTo>
                      <a:pt x="1755" y="1331"/>
                    </a:lnTo>
                    <a:lnTo>
                      <a:pt x="1758" y="1325"/>
                    </a:lnTo>
                    <a:lnTo>
                      <a:pt x="1760" y="1318"/>
                    </a:lnTo>
                    <a:lnTo>
                      <a:pt x="1763" y="1317"/>
                    </a:lnTo>
                    <a:lnTo>
                      <a:pt x="1767" y="1317"/>
                    </a:lnTo>
                    <a:lnTo>
                      <a:pt x="1771" y="1318"/>
                    </a:lnTo>
                    <a:lnTo>
                      <a:pt x="1776" y="1322"/>
                    </a:lnTo>
                    <a:lnTo>
                      <a:pt x="1782" y="1327"/>
                    </a:lnTo>
                    <a:lnTo>
                      <a:pt x="1793" y="1337"/>
                    </a:lnTo>
                    <a:lnTo>
                      <a:pt x="1799" y="1344"/>
                    </a:lnTo>
                    <a:lnTo>
                      <a:pt x="1812" y="1356"/>
                    </a:lnTo>
                    <a:lnTo>
                      <a:pt x="1828" y="1366"/>
                    </a:lnTo>
                    <a:lnTo>
                      <a:pt x="1834" y="1372"/>
                    </a:lnTo>
                    <a:lnTo>
                      <a:pt x="1841" y="1377"/>
                    </a:lnTo>
                    <a:lnTo>
                      <a:pt x="1846" y="1383"/>
                    </a:lnTo>
                    <a:lnTo>
                      <a:pt x="1848" y="1391"/>
                    </a:lnTo>
                    <a:lnTo>
                      <a:pt x="1850" y="1400"/>
                    </a:lnTo>
                    <a:lnTo>
                      <a:pt x="1850" y="1408"/>
                    </a:lnTo>
                    <a:lnTo>
                      <a:pt x="1848" y="1416"/>
                    </a:lnTo>
                    <a:lnTo>
                      <a:pt x="1846" y="1422"/>
                    </a:lnTo>
                    <a:lnTo>
                      <a:pt x="1841" y="1427"/>
                    </a:lnTo>
                    <a:lnTo>
                      <a:pt x="1834" y="1430"/>
                    </a:lnTo>
                    <a:lnTo>
                      <a:pt x="1826" y="1432"/>
                    </a:lnTo>
                    <a:lnTo>
                      <a:pt x="1816" y="1432"/>
                    </a:lnTo>
                    <a:lnTo>
                      <a:pt x="1785" y="1416"/>
                    </a:lnTo>
                    <a:close/>
                    <a:moveTo>
                      <a:pt x="127" y="1267"/>
                    </a:moveTo>
                    <a:lnTo>
                      <a:pt x="208" y="1278"/>
                    </a:lnTo>
                    <a:lnTo>
                      <a:pt x="225" y="1304"/>
                    </a:lnTo>
                    <a:lnTo>
                      <a:pt x="244" y="1331"/>
                    </a:lnTo>
                    <a:lnTo>
                      <a:pt x="255" y="1344"/>
                    </a:lnTo>
                    <a:lnTo>
                      <a:pt x="266" y="1356"/>
                    </a:lnTo>
                    <a:lnTo>
                      <a:pt x="278" y="1365"/>
                    </a:lnTo>
                    <a:lnTo>
                      <a:pt x="291" y="1373"/>
                    </a:lnTo>
                    <a:lnTo>
                      <a:pt x="301" y="1377"/>
                    </a:lnTo>
                    <a:lnTo>
                      <a:pt x="311" y="1378"/>
                    </a:lnTo>
                    <a:lnTo>
                      <a:pt x="321" y="1378"/>
                    </a:lnTo>
                    <a:lnTo>
                      <a:pt x="329" y="1378"/>
                    </a:lnTo>
                    <a:lnTo>
                      <a:pt x="338" y="1375"/>
                    </a:lnTo>
                    <a:lnTo>
                      <a:pt x="347" y="1373"/>
                    </a:lnTo>
                    <a:lnTo>
                      <a:pt x="355" y="1369"/>
                    </a:lnTo>
                    <a:lnTo>
                      <a:pt x="362" y="1365"/>
                    </a:lnTo>
                    <a:lnTo>
                      <a:pt x="379" y="1357"/>
                    </a:lnTo>
                    <a:lnTo>
                      <a:pt x="395" y="1348"/>
                    </a:lnTo>
                    <a:lnTo>
                      <a:pt x="403" y="1346"/>
                    </a:lnTo>
                    <a:lnTo>
                      <a:pt x="412" y="1343"/>
                    </a:lnTo>
                    <a:lnTo>
                      <a:pt x="419" y="1342"/>
                    </a:lnTo>
                    <a:lnTo>
                      <a:pt x="428" y="1340"/>
                    </a:lnTo>
                    <a:lnTo>
                      <a:pt x="430" y="1334"/>
                    </a:lnTo>
                    <a:lnTo>
                      <a:pt x="431" y="1327"/>
                    </a:lnTo>
                    <a:lnTo>
                      <a:pt x="430" y="1320"/>
                    </a:lnTo>
                    <a:lnTo>
                      <a:pt x="427" y="1312"/>
                    </a:lnTo>
                    <a:lnTo>
                      <a:pt x="423" y="1303"/>
                    </a:lnTo>
                    <a:lnTo>
                      <a:pt x="418" y="1295"/>
                    </a:lnTo>
                    <a:lnTo>
                      <a:pt x="413" y="1287"/>
                    </a:lnTo>
                    <a:lnTo>
                      <a:pt x="406" y="1280"/>
                    </a:lnTo>
                    <a:lnTo>
                      <a:pt x="400" y="1274"/>
                    </a:lnTo>
                    <a:lnTo>
                      <a:pt x="395" y="1269"/>
                    </a:lnTo>
                    <a:lnTo>
                      <a:pt x="382" y="1261"/>
                    </a:lnTo>
                    <a:lnTo>
                      <a:pt x="369" y="1256"/>
                    </a:lnTo>
                    <a:lnTo>
                      <a:pt x="356" y="1250"/>
                    </a:lnTo>
                    <a:lnTo>
                      <a:pt x="344" y="1243"/>
                    </a:lnTo>
                    <a:lnTo>
                      <a:pt x="343" y="1239"/>
                    </a:lnTo>
                    <a:lnTo>
                      <a:pt x="344" y="1233"/>
                    </a:lnTo>
                    <a:lnTo>
                      <a:pt x="347" y="1225"/>
                    </a:lnTo>
                    <a:lnTo>
                      <a:pt x="351" y="1215"/>
                    </a:lnTo>
                    <a:lnTo>
                      <a:pt x="358" y="1195"/>
                    </a:lnTo>
                    <a:lnTo>
                      <a:pt x="365" y="1182"/>
                    </a:lnTo>
                    <a:lnTo>
                      <a:pt x="370" y="1182"/>
                    </a:lnTo>
                    <a:lnTo>
                      <a:pt x="382" y="1184"/>
                    </a:lnTo>
                    <a:lnTo>
                      <a:pt x="388" y="1185"/>
                    </a:lnTo>
                    <a:lnTo>
                      <a:pt x="395" y="1185"/>
                    </a:lnTo>
                    <a:lnTo>
                      <a:pt x="401" y="1185"/>
                    </a:lnTo>
                    <a:lnTo>
                      <a:pt x="405" y="1182"/>
                    </a:lnTo>
                    <a:lnTo>
                      <a:pt x="410" y="1177"/>
                    </a:lnTo>
                    <a:lnTo>
                      <a:pt x="413" y="1172"/>
                    </a:lnTo>
                    <a:lnTo>
                      <a:pt x="414" y="1166"/>
                    </a:lnTo>
                    <a:lnTo>
                      <a:pt x="415" y="1159"/>
                    </a:lnTo>
                    <a:lnTo>
                      <a:pt x="415" y="1146"/>
                    </a:lnTo>
                    <a:lnTo>
                      <a:pt x="415" y="1133"/>
                    </a:lnTo>
                    <a:lnTo>
                      <a:pt x="410" y="1107"/>
                    </a:lnTo>
                    <a:lnTo>
                      <a:pt x="408" y="1083"/>
                    </a:lnTo>
                    <a:lnTo>
                      <a:pt x="408" y="1058"/>
                    </a:lnTo>
                    <a:lnTo>
                      <a:pt x="408" y="1033"/>
                    </a:lnTo>
                    <a:lnTo>
                      <a:pt x="425" y="1030"/>
                    </a:lnTo>
                    <a:lnTo>
                      <a:pt x="441" y="1024"/>
                    </a:lnTo>
                    <a:lnTo>
                      <a:pt x="449" y="1019"/>
                    </a:lnTo>
                    <a:lnTo>
                      <a:pt x="456" y="1014"/>
                    </a:lnTo>
                    <a:lnTo>
                      <a:pt x="457" y="1010"/>
                    </a:lnTo>
                    <a:lnTo>
                      <a:pt x="460" y="1006"/>
                    </a:lnTo>
                    <a:lnTo>
                      <a:pt x="461" y="1001"/>
                    </a:lnTo>
                    <a:lnTo>
                      <a:pt x="461" y="996"/>
                    </a:lnTo>
                    <a:lnTo>
                      <a:pt x="461" y="988"/>
                    </a:lnTo>
                    <a:lnTo>
                      <a:pt x="460" y="980"/>
                    </a:lnTo>
                    <a:lnTo>
                      <a:pt x="457" y="974"/>
                    </a:lnTo>
                    <a:lnTo>
                      <a:pt x="453" y="967"/>
                    </a:lnTo>
                    <a:lnTo>
                      <a:pt x="450" y="962"/>
                    </a:lnTo>
                    <a:lnTo>
                      <a:pt x="448" y="956"/>
                    </a:lnTo>
                    <a:lnTo>
                      <a:pt x="445" y="949"/>
                    </a:lnTo>
                    <a:lnTo>
                      <a:pt x="445" y="943"/>
                    </a:lnTo>
                    <a:lnTo>
                      <a:pt x="447" y="941"/>
                    </a:lnTo>
                    <a:lnTo>
                      <a:pt x="452" y="941"/>
                    </a:lnTo>
                    <a:lnTo>
                      <a:pt x="458" y="944"/>
                    </a:lnTo>
                    <a:lnTo>
                      <a:pt x="467" y="945"/>
                    </a:lnTo>
                    <a:lnTo>
                      <a:pt x="485" y="951"/>
                    </a:lnTo>
                    <a:lnTo>
                      <a:pt x="500" y="953"/>
                    </a:lnTo>
                    <a:lnTo>
                      <a:pt x="506" y="952"/>
                    </a:lnTo>
                    <a:lnTo>
                      <a:pt x="511" y="951"/>
                    </a:lnTo>
                    <a:lnTo>
                      <a:pt x="514" y="947"/>
                    </a:lnTo>
                    <a:lnTo>
                      <a:pt x="517" y="943"/>
                    </a:lnTo>
                    <a:lnTo>
                      <a:pt x="519" y="931"/>
                    </a:lnTo>
                    <a:lnTo>
                      <a:pt x="519" y="919"/>
                    </a:lnTo>
                    <a:lnTo>
                      <a:pt x="518" y="906"/>
                    </a:lnTo>
                    <a:lnTo>
                      <a:pt x="518" y="896"/>
                    </a:lnTo>
                    <a:lnTo>
                      <a:pt x="519" y="891"/>
                    </a:lnTo>
                    <a:lnTo>
                      <a:pt x="520" y="888"/>
                    </a:lnTo>
                    <a:lnTo>
                      <a:pt x="522" y="884"/>
                    </a:lnTo>
                    <a:lnTo>
                      <a:pt x="526" y="883"/>
                    </a:lnTo>
                    <a:lnTo>
                      <a:pt x="536" y="883"/>
                    </a:lnTo>
                    <a:lnTo>
                      <a:pt x="545" y="884"/>
                    </a:lnTo>
                    <a:lnTo>
                      <a:pt x="554" y="887"/>
                    </a:lnTo>
                    <a:lnTo>
                      <a:pt x="563" y="891"/>
                    </a:lnTo>
                    <a:lnTo>
                      <a:pt x="572" y="892"/>
                    </a:lnTo>
                    <a:lnTo>
                      <a:pt x="581" y="892"/>
                    </a:lnTo>
                    <a:lnTo>
                      <a:pt x="585" y="891"/>
                    </a:lnTo>
                    <a:lnTo>
                      <a:pt x="590" y="890"/>
                    </a:lnTo>
                    <a:lnTo>
                      <a:pt x="596" y="886"/>
                    </a:lnTo>
                    <a:lnTo>
                      <a:pt x="601" y="882"/>
                    </a:lnTo>
                    <a:lnTo>
                      <a:pt x="606" y="877"/>
                    </a:lnTo>
                    <a:lnTo>
                      <a:pt x="610" y="870"/>
                    </a:lnTo>
                    <a:lnTo>
                      <a:pt x="614" y="865"/>
                    </a:lnTo>
                    <a:lnTo>
                      <a:pt x="618" y="859"/>
                    </a:lnTo>
                    <a:lnTo>
                      <a:pt x="623" y="846"/>
                    </a:lnTo>
                    <a:lnTo>
                      <a:pt x="625" y="833"/>
                    </a:lnTo>
                    <a:lnTo>
                      <a:pt x="628" y="807"/>
                    </a:lnTo>
                    <a:lnTo>
                      <a:pt x="628" y="782"/>
                    </a:lnTo>
                    <a:lnTo>
                      <a:pt x="629" y="770"/>
                    </a:lnTo>
                    <a:lnTo>
                      <a:pt x="631" y="759"/>
                    </a:lnTo>
                    <a:lnTo>
                      <a:pt x="634" y="750"/>
                    </a:lnTo>
                    <a:lnTo>
                      <a:pt x="640" y="742"/>
                    </a:lnTo>
                    <a:lnTo>
                      <a:pt x="642" y="738"/>
                    </a:lnTo>
                    <a:lnTo>
                      <a:pt x="647" y="734"/>
                    </a:lnTo>
                    <a:lnTo>
                      <a:pt x="651" y="732"/>
                    </a:lnTo>
                    <a:lnTo>
                      <a:pt x="656" y="729"/>
                    </a:lnTo>
                    <a:lnTo>
                      <a:pt x="663" y="728"/>
                    </a:lnTo>
                    <a:lnTo>
                      <a:pt x="671" y="726"/>
                    </a:lnTo>
                    <a:lnTo>
                      <a:pt x="678" y="725"/>
                    </a:lnTo>
                    <a:lnTo>
                      <a:pt x="688" y="725"/>
                    </a:lnTo>
                    <a:lnTo>
                      <a:pt x="680" y="747"/>
                    </a:lnTo>
                    <a:lnTo>
                      <a:pt x="675" y="764"/>
                    </a:lnTo>
                    <a:lnTo>
                      <a:pt x="703" y="800"/>
                    </a:lnTo>
                    <a:lnTo>
                      <a:pt x="712" y="790"/>
                    </a:lnTo>
                    <a:lnTo>
                      <a:pt x="730" y="768"/>
                    </a:lnTo>
                    <a:lnTo>
                      <a:pt x="735" y="763"/>
                    </a:lnTo>
                    <a:lnTo>
                      <a:pt x="741" y="759"/>
                    </a:lnTo>
                    <a:lnTo>
                      <a:pt x="745" y="755"/>
                    </a:lnTo>
                    <a:lnTo>
                      <a:pt x="750" y="754"/>
                    </a:lnTo>
                    <a:lnTo>
                      <a:pt x="754" y="754"/>
                    </a:lnTo>
                    <a:lnTo>
                      <a:pt x="757" y="756"/>
                    </a:lnTo>
                    <a:lnTo>
                      <a:pt x="760" y="760"/>
                    </a:lnTo>
                    <a:lnTo>
                      <a:pt x="763" y="768"/>
                    </a:lnTo>
                    <a:lnTo>
                      <a:pt x="764" y="783"/>
                    </a:lnTo>
                    <a:lnTo>
                      <a:pt x="765" y="798"/>
                    </a:lnTo>
                    <a:lnTo>
                      <a:pt x="769" y="802"/>
                    </a:lnTo>
                    <a:lnTo>
                      <a:pt x="773" y="804"/>
                    </a:lnTo>
                    <a:lnTo>
                      <a:pt x="776" y="805"/>
                    </a:lnTo>
                    <a:lnTo>
                      <a:pt x="778" y="804"/>
                    </a:lnTo>
                    <a:lnTo>
                      <a:pt x="781" y="803"/>
                    </a:lnTo>
                    <a:lnTo>
                      <a:pt x="782" y="800"/>
                    </a:lnTo>
                    <a:lnTo>
                      <a:pt x="785" y="796"/>
                    </a:lnTo>
                    <a:lnTo>
                      <a:pt x="786" y="792"/>
                    </a:lnTo>
                    <a:lnTo>
                      <a:pt x="789" y="773"/>
                    </a:lnTo>
                    <a:lnTo>
                      <a:pt x="789" y="761"/>
                    </a:lnTo>
                    <a:lnTo>
                      <a:pt x="790" y="757"/>
                    </a:lnTo>
                    <a:lnTo>
                      <a:pt x="794" y="756"/>
                    </a:lnTo>
                    <a:lnTo>
                      <a:pt x="799" y="754"/>
                    </a:lnTo>
                    <a:lnTo>
                      <a:pt x="805" y="752"/>
                    </a:lnTo>
                    <a:lnTo>
                      <a:pt x="818" y="751"/>
                    </a:lnTo>
                    <a:lnTo>
                      <a:pt x="827" y="747"/>
                    </a:lnTo>
                    <a:lnTo>
                      <a:pt x="830" y="741"/>
                    </a:lnTo>
                    <a:lnTo>
                      <a:pt x="831" y="733"/>
                    </a:lnTo>
                    <a:lnTo>
                      <a:pt x="831" y="725"/>
                    </a:lnTo>
                    <a:lnTo>
                      <a:pt x="831" y="717"/>
                    </a:lnTo>
                    <a:lnTo>
                      <a:pt x="833" y="711"/>
                    </a:lnTo>
                    <a:lnTo>
                      <a:pt x="835" y="704"/>
                    </a:lnTo>
                    <a:lnTo>
                      <a:pt x="839" y="700"/>
                    </a:lnTo>
                    <a:lnTo>
                      <a:pt x="843" y="695"/>
                    </a:lnTo>
                    <a:lnTo>
                      <a:pt x="848" y="691"/>
                    </a:lnTo>
                    <a:lnTo>
                      <a:pt x="852" y="686"/>
                    </a:lnTo>
                    <a:lnTo>
                      <a:pt x="856" y="681"/>
                    </a:lnTo>
                    <a:lnTo>
                      <a:pt x="859" y="675"/>
                    </a:lnTo>
                    <a:lnTo>
                      <a:pt x="860" y="669"/>
                    </a:lnTo>
                    <a:lnTo>
                      <a:pt x="859" y="664"/>
                    </a:lnTo>
                    <a:lnTo>
                      <a:pt x="859" y="660"/>
                    </a:lnTo>
                    <a:lnTo>
                      <a:pt x="856" y="655"/>
                    </a:lnTo>
                    <a:lnTo>
                      <a:pt x="852" y="647"/>
                    </a:lnTo>
                    <a:lnTo>
                      <a:pt x="846" y="640"/>
                    </a:lnTo>
                    <a:lnTo>
                      <a:pt x="838" y="633"/>
                    </a:lnTo>
                    <a:lnTo>
                      <a:pt x="833" y="627"/>
                    </a:lnTo>
                    <a:lnTo>
                      <a:pt x="827" y="620"/>
                    </a:lnTo>
                    <a:lnTo>
                      <a:pt x="825" y="615"/>
                    </a:lnTo>
                    <a:lnTo>
                      <a:pt x="824" y="610"/>
                    </a:lnTo>
                    <a:lnTo>
                      <a:pt x="821" y="605"/>
                    </a:lnTo>
                    <a:lnTo>
                      <a:pt x="818" y="601"/>
                    </a:lnTo>
                    <a:lnTo>
                      <a:pt x="814" y="598"/>
                    </a:lnTo>
                    <a:lnTo>
                      <a:pt x="805" y="593"/>
                    </a:lnTo>
                    <a:lnTo>
                      <a:pt x="794" y="592"/>
                    </a:lnTo>
                    <a:lnTo>
                      <a:pt x="782" y="590"/>
                    </a:lnTo>
                    <a:lnTo>
                      <a:pt x="770" y="590"/>
                    </a:lnTo>
                    <a:lnTo>
                      <a:pt x="759" y="592"/>
                    </a:lnTo>
                    <a:lnTo>
                      <a:pt x="750" y="593"/>
                    </a:lnTo>
                    <a:lnTo>
                      <a:pt x="739" y="593"/>
                    </a:lnTo>
                    <a:lnTo>
                      <a:pt x="732" y="592"/>
                    </a:lnTo>
                    <a:lnTo>
                      <a:pt x="725" y="590"/>
                    </a:lnTo>
                    <a:lnTo>
                      <a:pt x="719" y="586"/>
                    </a:lnTo>
                    <a:lnTo>
                      <a:pt x="707" y="580"/>
                    </a:lnTo>
                    <a:lnTo>
                      <a:pt x="693" y="574"/>
                    </a:lnTo>
                    <a:lnTo>
                      <a:pt x="680" y="571"/>
                    </a:lnTo>
                    <a:lnTo>
                      <a:pt x="671" y="567"/>
                    </a:lnTo>
                    <a:lnTo>
                      <a:pt x="668" y="563"/>
                    </a:lnTo>
                    <a:lnTo>
                      <a:pt x="667" y="559"/>
                    </a:lnTo>
                    <a:lnTo>
                      <a:pt x="668" y="553"/>
                    </a:lnTo>
                    <a:lnTo>
                      <a:pt x="672" y="545"/>
                    </a:lnTo>
                    <a:lnTo>
                      <a:pt x="676" y="535"/>
                    </a:lnTo>
                    <a:lnTo>
                      <a:pt x="680" y="527"/>
                    </a:lnTo>
                    <a:lnTo>
                      <a:pt x="682" y="518"/>
                    </a:lnTo>
                    <a:lnTo>
                      <a:pt x="684" y="509"/>
                    </a:lnTo>
                    <a:lnTo>
                      <a:pt x="686" y="492"/>
                    </a:lnTo>
                    <a:lnTo>
                      <a:pt x="688" y="475"/>
                    </a:lnTo>
                    <a:lnTo>
                      <a:pt x="688" y="458"/>
                    </a:lnTo>
                    <a:lnTo>
                      <a:pt x="689" y="441"/>
                    </a:lnTo>
                    <a:lnTo>
                      <a:pt x="690" y="423"/>
                    </a:lnTo>
                    <a:lnTo>
                      <a:pt x="694" y="404"/>
                    </a:lnTo>
                    <a:lnTo>
                      <a:pt x="699" y="387"/>
                    </a:lnTo>
                    <a:lnTo>
                      <a:pt x="706" y="369"/>
                    </a:lnTo>
                    <a:lnTo>
                      <a:pt x="713" y="351"/>
                    </a:lnTo>
                    <a:lnTo>
                      <a:pt x="724" y="334"/>
                    </a:lnTo>
                    <a:lnTo>
                      <a:pt x="734" y="317"/>
                    </a:lnTo>
                    <a:lnTo>
                      <a:pt x="746" y="300"/>
                    </a:lnTo>
                    <a:lnTo>
                      <a:pt x="759" y="286"/>
                    </a:lnTo>
                    <a:lnTo>
                      <a:pt x="772" y="273"/>
                    </a:lnTo>
                    <a:lnTo>
                      <a:pt x="777" y="265"/>
                    </a:lnTo>
                    <a:lnTo>
                      <a:pt x="781" y="255"/>
                    </a:lnTo>
                    <a:lnTo>
                      <a:pt x="785" y="243"/>
                    </a:lnTo>
                    <a:lnTo>
                      <a:pt x="787" y="230"/>
                    </a:lnTo>
                    <a:lnTo>
                      <a:pt x="790" y="203"/>
                    </a:lnTo>
                    <a:lnTo>
                      <a:pt x="794" y="181"/>
                    </a:lnTo>
                    <a:lnTo>
                      <a:pt x="795" y="176"/>
                    </a:lnTo>
                    <a:lnTo>
                      <a:pt x="795" y="169"/>
                    </a:lnTo>
                    <a:lnTo>
                      <a:pt x="794" y="163"/>
                    </a:lnTo>
                    <a:lnTo>
                      <a:pt x="792" y="158"/>
                    </a:lnTo>
                    <a:lnTo>
                      <a:pt x="789" y="146"/>
                    </a:lnTo>
                    <a:lnTo>
                      <a:pt x="785" y="134"/>
                    </a:lnTo>
                    <a:lnTo>
                      <a:pt x="780" y="121"/>
                    </a:lnTo>
                    <a:lnTo>
                      <a:pt x="776" y="110"/>
                    </a:lnTo>
                    <a:lnTo>
                      <a:pt x="774" y="102"/>
                    </a:lnTo>
                    <a:lnTo>
                      <a:pt x="774" y="96"/>
                    </a:lnTo>
                    <a:lnTo>
                      <a:pt x="774" y="89"/>
                    </a:lnTo>
                    <a:lnTo>
                      <a:pt x="776" y="81"/>
                    </a:lnTo>
                    <a:lnTo>
                      <a:pt x="789" y="70"/>
                    </a:lnTo>
                    <a:lnTo>
                      <a:pt x="809" y="48"/>
                    </a:lnTo>
                    <a:lnTo>
                      <a:pt x="818" y="36"/>
                    </a:lnTo>
                    <a:lnTo>
                      <a:pt x="826" y="24"/>
                    </a:lnTo>
                    <a:lnTo>
                      <a:pt x="833" y="15"/>
                    </a:lnTo>
                    <a:lnTo>
                      <a:pt x="834" y="9"/>
                    </a:lnTo>
                    <a:lnTo>
                      <a:pt x="835" y="6"/>
                    </a:lnTo>
                    <a:lnTo>
                      <a:pt x="835" y="2"/>
                    </a:lnTo>
                    <a:lnTo>
                      <a:pt x="825" y="1"/>
                    </a:lnTo>
                    <a:lnTo>
                      <a:pt x="814" y="0"/>
                    </a:lnTo>
                    <a:lnTo>
                      <a:pt x="804" y="1"/>
                    </a:lnTo>
                    <a:lnTo>
                      <a:pt x="795" y="4"/>
                    </a:lnTo>
                    <a:lnTo>
                      <a:pt x="777" y="10"/>
                    </a:lnTo>
                    <a:lnTo>
                      <a:pt x="759" y="19"/>
                    </a:lnTo>
                    <a:lnTo>
                      <a:pt x="742" y="29"/>
                    </a:lnTo>
                    <a:lnTo>
                      <a:pt x="724" y="39"/>
                    </a:lnTo>
                    <a:lnTo>
                      <a:pt x="715" y="44"/>
                    </a:lnTo>
                    <a:lnTo>
                      <a:pt x="706" y="46"/>
                    </a:lnTo>
                    <a:lnTo>
                      <a:pt x="695" y="49"/>
                    </a:lnTo>
                    <a:lnTo>
                      <a:pt x="685" y="50"/>
                    </a:lnTo>
                    <a:lnTo>
                      <a:pt x="659" y="53"/>
                    </a:lnTo>
                    <a:lnTo>
                      <a:pt x="640" y="55"/>
                    </a:lnTo>
                    <a:lnTo>
                      <a:pt x="633" y="57"/>
                    </a:lnTo>
                    <a:lnTo>
                      <a:pt x="627" y="59"/>
                    </a:lnTo>
                    <a:lnTo>
                      <a:pt x="621" y="62"/>
                    </a:lnTo>
                    <a:lnTo>
                      <a:pt x="618" y="64"/>
                    </a:lnTo>
                    <a:lnTo>
                      <a:pt x="615" y="68"/>
                    </a:lnTo>
                    <a:lnTo>
                      <a:pt x="611" y="74"/>
                    </a:lnTo>
                    <a:lnTo>
                      <a:pt x="608" y="80"/>
                    </a:lnTo>
                    <a:lnTo>
                      <a:pt x="606" y="86"/>
                    </a:lnTo>
                    <a:lnTo>
                      <a:pt x="598" y="106"/>
                    </a:lnTo>
                    <a:lnTo>
                      <a:pt x="589" y="131"/>
                    </a:lnTo>
                    <a:lnTo>
                      <a:pt x="577" y="154"/>
                    </a:lnTo>
                    <a:lnTo>
                      <a:pt x="562" y="178"/>
                    </a:lnTo>
                    <a:lnTo>
                      <a:pt x="553" y="191"/>
                    </a:lnTo>
                    <a:lnTo>
                      <a:pt x="544" y="204"/>
                    </a:lnTo>
                    <a:lnTo>
                      <a:pt x="533" y="217"/>
                    </a:lnTo>
                    <a:lnTo>
                      <a:pt x="522" y="229"/>
                    </a:lnTo>
                    <a:lnTo>
                      <a:pt x="510" y="239"/>
                    </a:lnTo>
                    <a:lnTo>
                      <a:pt x="498" y="250"/>
                    </a:lnTo>
                    <a:lnTo>
                      <a:pt x="487" y="259"/>
                    </a:lnTo>
                    <a:lnTo>
                      <a:pt x="474" y="265"/>
                    </a:lnTo>
                    <a:lnTo>
                      <a:pt x="461" y="270"/>
                    </a:lnTo>
                    <a:lnTo>
                      <a:pt x="448" y="274"/>
                    </a:lnTo>
                    <a:lnTo>
                      <a:pt x="435" y="277"/>
                    </a:lnTo>
                    <a:lnTo>
                      <a:pt x="422" y="276"/>
                    </a:lnTo>
                    <a:lnTo>
                      <a:pt x="406" y="276"/>
                    </a:lnTo>
                    <a:lnTo>
                      <a:pt x="391" y="276"/>
                    </a:lnTo>
                    <a:lnTo>
                      <a:pt x="375" y="277"/>
                    </a:lnTo>
                    <a:lnTo>
                      <a:pt x="360" y="279"/>
                    </a:lnTo>
                    <a:lnTo>
                      <a:pt x="344" y="282"/>
                    </a:lnTo>
                    <a:lnTo>
                      <a:pt x="329" y="285"/>
                    </a:lnTo>
                    <a:lnTo>
                      <a:pt x="313" y="287"/>
                    </a:lnTo>
                    <a:lnTo>
                      <a:pt x="298" y="287"/>
                    </a:lnTo>
                    <a:lnTo>
                      <a:pt x="277" y="289"/>
                    </a:lnTo>
                    <a:lnTo>
                      <a:pt x="260" y="290"/>
                    </a:lnTo>
                    <a:lnTo>
                      <a:pt x="244" y="294"/>
                    </a:lnTo>
                    <a:lnTo>
                      <a:pt x="232" y="299"/>
                    </a:lnTo>
                    <a:lnTo>
                      <a:pt x="225" y="303"/>
                    </a:lnTo>
                    <a:lnTo>
                      <a:pt x="219" y="307"/>
                    </a:lnTo>
                    <a:lnTo>
                      <a:pt x="213" y="312"/>
                    </a:lnTo>
                    <a:lnTo>
                      <a:pt x="207" y="317"/>
                    </a:lnTo>
                    <a:lnTo>
                      <a:pt x="197" y="330"/>
                    </a:lnTo>
                    <a:lnTo>
                      <a:pt x="185" y="347"/>
                    </a:lnTo>
                    <a:lnTo>
                      <a:pt x="182" y="358"/>
                    </a:lnTo>
                    <a:lnTo>
                      <a:pt x="178" y="369"/>
                    </a:lnTo>
                    <a:lnTo>
                      <a:pt x="173" y="379"/>
                    </a:lnTo>
                    <a:lnTo>
                      <a:pt x="167" y="388"/>
                    </a:lnTo>
                    <a:lnTo>
                      <a:pt x="160" y="399"/>
                    </a:lnTo>
                    <a:lnTo>
                      <a:pt x="155" y="408"/>
                    </a:lnTo>
                    <a:lnTo>
                      <a:pt x="152" y="417"/>
                    </a:lnTo>
                    <a:lnTo>
                      <a:pt x="151" y="425"/>
                    </a:lnTo>
                    <a:lnTo>
                      <a:pt x="151" y="430"/>
                    </a:lnTo>
                    <a:lnTo>
                      <a:pt x="155" y="435"/>
                    </a:lnTo>
                    <a:lnTo>
                      <a:pt x="159" y="440"/>
                    </a:lnTo>
                    <a:lnTo>
                      <a:pt x="164" y="445"/>
                    </a:lnTo>
                    <a:lnTo>
                      <a:pt x="176" y="456"/>
                    </a:lnTo>
                    <a:lnTo>
                      <a:pt x="189" y="466"/>
                    </a:lnTo>
                    <a:lnTo>
                      <a:pt x="195" y="471"/>
                    </a:lnTo>
                    <a:lnTo>
                      <a:pt x="200" y="476"/>
                    </a:lnTo>
                    <a:lnTo>
                      <a:pt x="206" y="482"/>
                    </a:lnTo>
                    <a:lnTo>
                      <a:pt x="208" y="487"/>
                    </a:lnTo>
                    <a:lnTo>
                      <a:pt x="209" y="493"/>
                    </a:lnTo>
                    <a:lnTo>
                      <a:pt x="208" y="500"/>
                    </a:lnTo>
                    <a:lnTo>
                      <a:pt x="206" y="506"/>
                    </a:lnTo>
                    <a:lnTo>
                      <a:pt x="200" y="513"/>
                    </a:lnTo>
                    <a:lnTo>
                      <a:pt x="195" y="517"/>
                    </a:lnTo>
                    <a:lnTo>
                      <a:pt x="190" y="518"/>
                    </a:lnTo>
                    <a:lnTo>
                      <a:pt x="185" y="519"/>
                    </a:lnTo>
                    <a:lnTo>
                      <a:pt x="180" y="518"/>
                    </a:lnTo>
                    <a:lnTo>
                      <a:pt x="169" y="515"/>
                    </a:lnTo>
                    <a:lnTo>
                      <a:pt x="159" y="510"/>
                    </a:lnTo>
                    <a:lnTo>
                      <a:pt x="152" y="509"/>
                    </a:lnTo>
                    <a:lnTo>
                      <a:pt x="147" y="506"/>
                    </a:lnTo>
                    <a:lnTo>
                      <a:pt x="141" y="506"/>
                    </a:lnTo>
                    <a:lnTo>
                      <a:pt x="136" y="507"/>
                    </a:lnTo>
                    <a:lnTo>
                      <a:pt x="129" y="510"/>
                    </a:lnTo>
                    <a:lnTo>
                      <a:pt x="124" y="514"/>
                    </a:lnTo>
                    <a:lnTo>
                      <a:pt x="118" y="520"/>
                    </a:lnTo>
                    <a:lnTo>
                      <a:pt x="112" y="529"/>
                    </a:lnTo>
                    <a:lnTo>
                      <a:pt x="107" y="536"/>
                    </a:lnTo>
                    <a:lnTo>
                      <a:pt x="102" y="541"/>
                    </a:lnTo>
                    <a:lnTo>
                      <a:pt x="101" y="545"/>
                    </a:lnTo>
                    <a:lnTo>
                      <a:pt x="99" y="548"/>
                    </a:lnTo>
                    <a:lnTo>
                      <a:pt x="99" y="552"/>
                    </a:lnTo>
                    <a:lnTo>
                      <a:pt x="101" y="554"/>
                    </a:lnTo>
                    <a:lnTo>
                      <a:pt x="111" y="567"/>
                    </a:lnTo>
                    <a:lnTo>
                      <a:pt x="115" y="576"/>
                    </a:lnTo>
                    <a:lnTo>
                      <a:pt x="116" y="579"/>
                    </a:lnTo>
                    <a:lnTo>
                      <a:pt x="116" y="581"/>
                    </a:lnTo>
                    <a:lnTo>
                      <a:pt x="115" y="584"/>
                    </a:lnTo>
                    <a:lnTo>
                      <a:pt x="114" y="585"/>
                    </a:lnTo>
                    <a:lnTo>
                      <a:pt x="102" y="589"/>
                    </a:lnTo>
                    <a:lnTo>
                      <a:pt x="88" y="590"/>
                    </a:lnTo>
                    <a:lnTo>
                      <a:pt x="84" y="592"/>
                    </a:lnTo>
                    <a:lnTo>
                      <a:pt x="80" y="594"/>
                    </a:lnTo>
                    <a:lnTo>
                      <a:pt x="75" y="599"/>
                    </a:lnTo>
                    <a:lnTo>
                      <a:pt x="71" y="605"/>
                    </a:lnTo>
                    <a:lnTo>
                      <a:pt x="64" y="619"/>
                    </a:lnTo>
                    <a:lnTo>
                      <a:pt x="57" y="637"/>
                    </a:lnTo>
                    <a:lnTo>
                      <a:pt x="50" y="658"/>
                    </a:lnTo>
                    <a:lnTo>
                      <a:pt x="44" y="682"/>
                    </a:lnTo>
                    <a:lnTo>
                      <a:pt x="38" y="707"/>
                    </a:lnTo>
                    <a:lnTo>
                      <a:pt x="33" y="734"/>
                    </a:lnTo>
                    <a:lnTo>
                      <a:pt x="23" y="789"/>
                    </a:lnTo>
                    <a:lnTo>
                      <a:pt x="15" y="839"/>
                    </a:lnTo>
                    <a:lnTo>
                      <a:pt x="10" y="881"/>
                    </a:lnTo>
                    <a:lnTo>
                      <a:pt x="5" y="908"/>
                    </a:lnTo>
                    <a:lnTo>
                      <a:pt x="1" y="922"/>
                    </a:lnTo>
                    <a:lnTo>
                      <a:pt x="0" y="934"/>
                    </a:lnTo>
                    <a:lnTo>
                      <a:pt x="1" y="944"/>
                    </a:lnTo>
                    <a:lnTo>
                      <a:pt x="3" y="953"/>
                    </a:lnTo>
                    <a:lnTo>
                      <a:pt x="13" y="970"/>
                    </a:lnTo>
                    <a:lnTo>
                      <a:pt x="20" y="989"/>
                    </a:lnTo>
                    <a:lnTo>
                      <a:pt x="23" y="996"/>
                    </a:lnTo>
                    <a:lnTo>
                      <a:pt x="27" y="1000"/>
                    </a:lnTo>
                    <a:lnTo>
                      <a:pt x="29" y="1001"/>
                    </a:lnTo>
                    <a:lnTo>
                      <a:pt x="33" y="1001"/>
                    </a:lnTo>
                    <a:lnTo>
                      <a:pt x="40" y="996"/>
                    </a:lnTo>
                    <a:lnTo>
                      <a:pt x="48" y="987"/>
                    </a:lnTo>
                    <a:lnTo>
                      <a:pt x="55" y="978"/>
                    </a:lnTo>
                    <a:lnTo>
                      <a:pt x="62" y="973"/>
                    </a:lnTo>
                    <a:lnTo>
                      <a:pt x="66" y="971"/>
                    </a:lnTo>
                    <a:lnTo>
                      <a:pt x="68" y="971"/>
                    </a:lnTo>
                    <a:lnTo>
                      <a:pt x="71" y="974"/>
                    </a:lnTo>
                    <a:lnTo>
                      <a:pt x="73" y="979"/>
                    </a:lnTo>
                    <a:lnTo>
                      <a:pt x="77" y="988"/>
                    </a:lnTo>
                    <a:lnTo>
                      <a:pt x="81" y="995"/>
                    </a:lnTo>
                    <a:lnTo>
                      <a:pt x="86" y="1001"/>
                    </a:lnTo>
                    <a:lnTo>
                      <a:pt x="93" y="1005"/>
                    </a:lnTo>
                    <a:lnTo>
                      <a:pt x="106" y="1013"/>
                    </a:lnTo>
                    <a:lnTo>
                      <a:pt x="119" y="1023"/>
                    </a:lnTo>
                    <a:lnTo>
                      <a:pt x="121" y="1031"/>
                    </a:lnTo>
                    <a:lnTo>
                      <a:pt x="124" y="1046"/>
                    </a:lnTo>
                    <a:lnTo>
                      <a:pt x="125" y="1066"/>
                    </a:lnTo>
                    <a:lnTo>
                      <a:pt x="127" y="1089"/>
                    </a:lnTo>
                    <a:lnTo>
                      <a:pt x="128" y="1133"/>
                    </a:lnTo>
                    <a:lnTo>
                      <a:pt x="128" y="1163"/>
                    </a:lnTo>
                    <a:lnTo>
                      <a:pt x="128" y="1189"/>
                    </a:lnTo>
                    <a:lnTo>
                      <a:pt x="128" y="1215"/>
                    </a:lnTo>
                    <a:lnTo>
                      <a:pt x="128" y="1241"/>
                    </a:lnTo>
                    <a:lnTo>
                      <a:pt x="127" y="1267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53" name="Freeform 48"/>
              <p:cNvSpPr>
                <a:spLocks/>
              </p:cNvSpPr>
              <p:nvPr/>
            </p:nvSpPr>
            <p:spPr bwMode="auto">
              <a:xfrm>
                <a:off x="7311600" y="2817966"/>
                <a:ext cx="107480" cy="119216"/>
              </a:xfrm>
              <a:custGeom>
                <a:avLst/>
                <a:gdLst/>
                <a:ahLst/>
                <a:cxnLst>
                  <a:cxn ang="0">
                    <a:pos x="74" y="242"/>
                  </a:cxn>
                  <a:cxn ang="0">
                    <a:pos x="61" y="232"/>
                  </a:cxn>
                  <a:cxn ang="0">
                    <a:pos x="40" y="211"/>
                  </a:cxn>
                  <a:cxn ang="0">
                    <a:pos x="26" y="197"/>
                  </a:cxn>
                  <a:cxn ang="0">
                    <a:pos x="19" y="187"/>
                  </a:cxn>
                  <a:cxn ang="0">
                    <a:pos x="12" y="164"/>
                  </a:cxn>
                  <a:cxn ang="0">
                    <a:pos x="4" y="130"/>
                  </a:cxn>
                  <a:cxn ang="0">
                    <a:pos x="0" y="97"/>
                  </a:cxn>
                  <a:cxn ang="0">
                    <a:pos x="1" y="79"/>
                  </a:cxn>
                  <a:cxn ang="0">
                    <a:pos x="8" y="71"/>
                  </a:cxn>
                  <a:cxn ang="0">
                    <a:pos x="19" y="65"/>
                  </a:cxn>
                  <a:cxn ang="0">
                    <a:pos x="44" y="43"/>
                  </a:cxn>
                  <a:cxn ang="0">
                    <a:pos x="66" y="17"/>
                  </a:cxn>
                  <a:cxn ang="0">
                    <a:pos x="86" y="4"/>
                  </a:cxn>
                  <a:cxn ang="0">
                    <a:pos x="106" y="0"/>
                  </a:cxn>
                  <a:cxn ang="0">
                    <a:pos x="118" y="3"/>
                  </a:cxn>
                  <a:cxn ang="0">
                    <a:pos x="126" y="10"/>
                  </a:cxn>
                  <a:cxn ang="0">
                    <a:pos x="130" y="22"/>
                  </a:cxn>
                  <a:cxn ang="0">
                    <a:pos x="135" y="43"/>
                  </a:cxn>
                  <a:cxn ang="0">
                    <a:pos x="140" y="63"/>
                  </a:cxn>
                  <a:cxn ang="0">
                    <a:pos x="148" y="74"/>
                  </a:cxn>
                  <a:cxn ang="0">
                    <a:pos x="157" y="82"/>
                  </a:cxn>
                  <a:cxn ang="0">
                    <a:pos x="163" y="83"/>
                  </a:cxn>
                  <a:cxn ang="0">
                    <a:pos x="172" y="82"/>
                  </a:cxn>
                  <a:cxn ang="0">
                    <a:pos x="183" y="66"/>
                  </a:cxn>
                  <a:cxn ang="0">
                    <a:pos x="198" y="44"/>
                  </a:cxn>
                  <a:cxn ang="0">
                    <a:pos x="219" y="26"/>
                  </a:cxn>
                  <a:cxn ang="0">
                    <a:pos x="229" y="19"/>
                  </a:cxn>
                  <a:cxn ang="0">
                    <a:pos x="233" y="18"/>
                  </a:cxn>
                  <a:cxn ang="0">
                    <a:pos x="235" y="30"/>
                  </a:cxn>
                  <a:cxn ang="0">
                    <a:pos x="231" y="49"/>
                  </a:cxn>
                  <a:cxn ang="0">
                    <a:pos x="225" y="70"/>
                  </a:cxn>
                  <a:cxn ang="0">
                    <a:pos x="220" y="91"/>
                  </a:cxn>
                  <a:cxn ang="0">
                    <a:pos x="222" y="136"/>
                  </a:cxn>
                  <a:cxn ang="0">
                    <a:pos x="224" y="183"/>
                  </a:cxn>
                  <a:cxn ang="0">
                    <a:pos x="220" y="216"/>
                  </a:cxn>
                  <a:cxn ang="0">
                    <a:pos x="211" y="242"/>
                  </a:cxn>
                  <a:cxn ang="0">
                    <a:pos x="202" y="253"/>
                  </a:cxn>
                  <a:cxn ang="0">
                    <a:pos x="190" y="260"/>
                  </a:cxn>
                  <a:cxn ang="0">
                    <a:pos x="178" y="263"/>
                  </a:cxn>
                  <a:cxn ang="0">
                    <a:pos x="140" y="259"/>
                  </a:cxn>
                  <a:cxn ang="0">
                    <a:pos x="79" y="245"/>
                  </a:cxn>
                </a:cxnLst>
                <a:rect l="0" t="0" r="r" b="b"/>
                <a:pathLst>
                  <a:path w="236" h="263">
                    <a:moveTo>
                      <a:pt x="79" y="245"/>
                    </a:moveTo>
                    <a:lnTo>
                      <a:pt x="74" y="242"/>
                    </a:lnTo>
                    <a:lnTo>
                      <a:pt x="67" y="237"/>
                    </a:lnTo>
                    <a:lnTo>
                      <a:pt x="61" y="232"/>
                    </a:lnTo>
                    <a:lnTo>
                      <a:pt x="54" y="225"/>
                    </a:lnTo>
                    <a:lnTo>
                      <a:pt x="40" y="211"/>
                    </a:lnTo>
                    <a:lnTo>
                      <a:pt x="30" y="201"/>
                    </a:lnTo>
                    <a:lnTo>
                      <a:pt x="26" y="197"/>
                    </a:lnTo>
                    <a:lnTo>
                      <a:pt x="23" y="193"/>
                    </a:lnTo>
                    <a:lnTo>
                      <a:pt x="19" y="187"/>
                    </a:lnTo>
                    <a:lnTo>
                      <a:pt x="17" y="180"/>
                    </a:lnTo>
                    <a:lnTo>
                      <a:pt x="12" y="164"/>
                    </a:lnTo>
                    <a:lnTo>
                      <a:pt x="7" y="146"/>
                    </a:lnTo>
                    <a:lnTo>
                      <a:pt x="4" y="130"/>
                    </a:lnTo>
                    <a:lnTo>
                      <a:pt x="1" y="113"/>
                    </a:lnTo>
                    <a:lnTo>
                      <a:pt x="0" y="97"/>
                    </a:lnTo>
                    <a:lnTo>
                      <a:pt x="0" y="85"/>
                    </a:lnTo>
                    <a:lnTo>
                      <a:pt x="1" y="79"/>
                    </a:lnTo>
                    <a:lnTo>
                      <a:pt x="4" y="75"/>
                    </a:lnTo>
                    <a:lnTo>
                      <a:pt x="8" y="71"/>
                    </a:lnTo>
                    <a:lnTo>
                      <a:pt x="12" y="69"/>
                    </a:lnTo>
                    <a:lnTo>
                      <a:pt x="19" y="65"/>
                    </a:lnTo>
                    <a:lnTo>
                      <a:pt x="27" y="60"/>
                    </a:lnTo>
                    <a:lnTo>
                      <a:pt x="44" y="43"/>
                    </a:lnTo>
                    <a:lnTo>
                      <a:pt x="58" y="25"/>
                    </a:lnTo>
                    <a:lnTo>
                      <a:pt x="66" y="17"/>
                    </a:lnTo>
                    <a:lnTo>
                      <a:pt x="74" y="10"/>
                    </a:lnTo>
                    <a:lnTo>
                      <a:pt x="86" y="4"/>
                    </a:lnTo>
                    <a:lnTo>
                      <a:pt x="97" y="0"/>
                    </a:lnTo>
                    <a:lnTo>
                      <a:pt x="106" y="0"/>
                    </a:lnTo>
                    <a:lnTo>
                      <a:pt x="113" y="0"/>
                    </a:lnTo>
                    <a:lnTo>
                      <a:pt x="118" y="3"/>
                    </a:lnTo>
                    <a:lnTo>
                      <a:pt x="122" y="6"/>
                    </a:lnTo>
                    <a:lnTo>
                      <a:pt x="126" y="10"/>
                    </a:lnTo>
                    <a:lnTo>
                      <a:pt x="128" y="16"/>
                    </a:lnTo>
                    <a:lnTo>
                      <a:pt x="130" y="22"/>
                    </a:lnTo>
                    <a:lnTo>
                      <a:pt x="131" y="28"/>
                    </a:lnTo>
                    <a:lnTo>
                      <a:pt x="135" y="43"/>
                    </a:lnTo>
                    <a:lnTo>
                      <a:pt x="137" y="57"/>
                    </a:lnTo>
                    <a:lnTo>
                      <a:pt x="140" y="63"/>
                    </a:lnTo>
                    <a:lnTo>
                      <a:pt x="144" y="69"/>
                    </a:lnTo>
                    <a:lnTo>
                      <a:pt x="148" y="74"/>
                    </a:lnTo>
                    <a:lnTo>
                      <a:pt x="152" y="79"/>
                    </a:lnTo>
                    <a:lnTo>
                      <a:pt x="157" y="82"/>
                    </a:lnTo>
                    <a:lnTo>
                      <a:pt x="161" y="83"/>
                    </a:lnTo>
                    <a:lnTo>
                      <a:pt x="163" y="83"/>
                    </a:lnTo>
                    <a:lnTo>
                      <a:pt x="167" y="83"/>
                    </a:lnTo>
                    <a:lnTo>
                      <a:pt x="172" y="82"/>
                    </a:lnTo>
                    <a:lnTo>
                      <a:pt x="176" y="78"/>
                    </a:lnTo>
                    <a:lnTo>
                      <a:pt x="183" y="66"/>
                    </a:lnTo>
                    <a:lnTo>
                      <a:pt x="189" y="54"/>
                    </a:lnTo>
                    <a:lnTo>
                      <a:pt x="198" y="44"/>
                    </a:lnTo>
                    <a:lnTo>
                      <a:pt x="211" y="31"/>
                    </a:lnTo>
                    <a:lnTo>
                      <a:pt x="219" y="26"/>
                    </a:lnTo>
                    <a:lnTo>
                      <a:pt x="225" y="21"/>
                    </a:lnTo>
                    <a:lnTo>
                      <a:pt x="229" y="19"/>
                    </a:lnTo>
                    <a:lnTo>
                      <a:pt x="232" y="18"/>
                    </a:lnTo>
                    <a:lnTo>
                      <a:pt x="233" y="18"/>
                    </a:lnTo>
                    <a:lnTo>
                      <a:pt x="236" y="19"/>
                    </a:lnTo>
                    <a:lnTo>
                      <a:pt x="235" y="30"/>
                    </a:lnTo>
                    <a:lnTo>
                      <a:pt x="233" y="40"/>
                    </a:lnTo>
                    <a:lnTo>
                      <a:pt x="231" y="49"/>
                    </a:lnTo>
                    <a:lnTo>
                      <a:pt x="228" y="60"/>
                    </a:lnTo>
                    <a:lnTo>
                      <a:pt x="225" y="70"/>
                    </a:lnTo>
                    <a:lnTo>
                      <a:pt x="223" y="80"/>
                    </a:lnTo>
                    <a:lnTo>
                      <a:pt x="220" y="91"/>
                    </a:lnTo>
                    <a:lnTo>
                      <a:pt x="220" y="101"/>
                    </a:lnTo>
                    <a:lnTo>
                      <a:pt x="222" y="136"/>
                    </a:lnTo>
                    <a:lnTo>
                      <a:pt x="224" y="167"/>
                    </a:lnTo>
                    <a:lnTo>
                      <a:pt x="224" y="183"/>
                    </a:lnTo>
                    <a:lnTo>
                      <a:pt x="223" y="199"/>
                    </a:lnTo>
                    <a:lnTo>
                      <a:pt x="220" y="216"/>
                    </a:lnTo>
                    <a:lnTo>
                      <a:pt x="215" y="234"/>
                    </a:lnTo>
                    <a:lnTo>
                      <a:pt x="211" y="242"/>
                    </a:lnTo>
                    <a:lnTo>
                      <a:pt x="207" y="249"/>
                    </a:lnTo>
                    <a:lnTo>
                      <a:pt x="202" y="253"/>
                    </a:lnTo>
                    <a:lnTo>
                      <a:pt x="196" y="256"/>
                    </a:lnTo>
                    <a:lnTo>
                      <a:pt x="190" y="260"/>
                    </a:lnTo>
                    <a:lnTo>
                      <a:pt x="184" y="262"/>
                    </a:lnTo>
                    <a:lnTo>
                      <a:pt x="178" y="263"/>
                    </a:lnTo>
                    <a:lnTo>
                      <a:pt x="170" y="263"/>
                    </a:lnTo>
                    <a:lnTo>
                      <a:pt x="140" y="259"/>
                    </a:lnTo>
                    <a:lnTo>
                      <a:pt x="111" y="253"/>
                    </a:lnTo>
                    <a:lnTo>
                      <a:pt x="79" y="245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54" name="Freeform 49"/>
              <p:cNvSpPr>
                <a:spLocks/>
              </p:cNvSpPr>
              <p:nvPr/>
            </p:nvSpPr>
            <p:spPr bwMode="auto">
              <a:xfrm>
                <a:off x="7448228" y="2733069"/>
                <a:ext cx="191278" cy="245657"/>
              </a:xfrm>
              <a:custGeom>
                <a:avLst/>
                <a:gdLst/>
                <a:ahLst/>
                <a:cxnLst>
                  <a:cxn ang="0">
                    <a:pos x="300" y="470"/>
                  </a:cxn>
                  <a:cxn ang="0">
                    <a:pos x="281" y="452"/>
                  </a:cxn>
                  <a:cxn ang="0">
                    <a:pos x="292" y="433"/>
                  </a:cxn>
                  <a:cxn ang="0">
                    <a:pos x="349" y="419"/>
                  </a:cxn>
                  <a:cxn ang="0">
                    <a:pos x="395" y="399"/>
                  </a:cxn>
                  <a:cxn ang="0">
                    <a:pos x="395" y="368"/>
                  </a:cxn>
                  <a:cxn ang="0">
                    <a:pos x="339" y="318"/>
                  </a:cxn>
                  <a:cxn ang="0">
                    <a:pos x="334" y="290"/>
                  </a:cxn>
                  <a:cxn ang="0">
                    <a:pos x="357" y="257"/>
                  </a:cxn>
                  <a:cxn ang="0">
                    <a:pos x="403" y="207"/>
                  </a:cxn>
                  <a:cxn ang="0">
                    <a:pos x="418" y="149"/>
                  </a:cxn>
                  <a:cxn ang="0">
                    <a:pos x="410" y="96"/>
                  </a:cxn>
                  <a:cxn ang="0">
                    <a:pos x="419" y="60"/>
                  </a:cxn>
                  <a:cxn ang="0">
                    <a:pos x="401" y="27"/>
                  </a:cxn>
                  <a:cxn ang="0">
                    <a:pos x="353" y="1"/>
                  </a:cxn>
                  <a:cxn ang="0">
                    <a:pos x="318" y="4"/>
                  </a:cxn>
                  <a:cxn ang="0">
                    <a:pos x="251" y="43"/>
                  </a:cxn>
                  <a:cxn ang="0">
                    <a:pos x="269" y="61"/>
                  </a:cxn>
                  <a:cxn ang="0">
                    <a:pos x="299" y="82"/>
                  </a:cxn>
                  <a:cxn ang="0">
                    <a:pos x="277" y="162"/>
                  </a:cxn>
                  <a:cxn ang="0">
                    <a:pos x="265" y="141"/>
                  </a:cxn>
                  <a:cxn ang="0">
                    <a:pos x="232" y="128"/>
                  </a:cxn>
                  <a:cxn ang="0">
                    <a:pos x="224" y="176"/>
                  </a:cxn>
                  <a:cxn ang="0">
                    <a:pos x="200" y="183"/>
                  </a:cxn>
                  <a:cxn ang="0">
                    <a:pos x="177" y="170"/>
                  </a:cxn>
                  <a:cxn ang="0">
                    <a:pos x="190" y="132"/>
                  </a:cxn>
                  <a:cxn ang="0">
                    <a:pos x="190" y="102"/>
                  </a:cxn>
                  <a:cxn ang="0">
                    <a:pos x="212" y="75"/>
                  </a:cxn>
                  <a:cxn ang="0">
                    <a:pos x="206" y="57"/>
                  </a:cxn>
                  <a:cxn ang="0">
                    <a:pos x="149" y="53"/>
                  </a:cxn>
                  <a:cxn ang="0">
                    <a:pos x="95" y="45"/>
                  </a:cxn>
                  <a:cxn ang="0">
                    <a:pos x="98" y="79"/>
                  </a:cxn>
                  <a:cxn ang="0">
                    <a:pos x="141" y="101"/>
                  </a:cxn>
                  <a:cxn ang="0">
                    <a:pos x="136" y="119"/>
                  </a:cxn>
                  <a:cxn ang="0">
                    <a:pos x="77" y="148"/>
                  </a:cxn>
                  <a:cxn ang="0">
                    <a:pos x="11" y="139"/>
                  </a:cxn>
                  <a:cxn ang="0">
                    <a:pos x="0" y="150"/>
                  </a:cxn>
                  <a:cxn ang="0">
                    <a:pos x="14" y="180"/>
                  </a:cxn>
                  <a:cxn ang="0">
                    <a:pos x="38" y="197"/>
                  </a:cxn>
                  <a:cxn ang="0">
                    <a:pos x="36" y="240"/>
                  </a:cxn>
                  <a:cxn ang="0">
                    <a:pos x="29" y="336"/>
                  </a:cxn>
                  <a:cxn ang="0">
                    <a:pos x="54" y="399"/>
                  </a:cxn>
                  <a:cxn ang="0">
                    <a:pos x="85" y="412"/>
                  </a:cxn>
                  <a:cxn ang="0">
                    <a:pos x="154" y="421"/>
                  </a:cxn>
                  <a:cxn ang="0">
                    <a:pos x="194" y="421"/>
                  </a:cxn>
                  <a:cxn ang="0">
                    <a:pos x="195" y="438"/>
                  </a:cxn>
                  <a:cxn ang="0">
                    <a:pos x="180" y="465"/>
                  </a:cxn>
                  <a:cxn ang="0">
                    <a:pos x="193" y="513"/>
                  </a:cxn>
                  <a:cxn ang="0">
                    <a:pos x="216" y="525"/>
                  </a:cxn>
                  <a:cxn ang="0">
                    <a:pos x="276" y="543"/>
                  </a:cxn>
                  <a:cxn ang="0">
                    <a:pos x="298" y="520"/>
                  </a:cxn>
                </a:cxnLst>
                <a:rect l="0" t="0" r="r" b="b"/>
                <a:pathLst>
                  <a:path w="419" h="543">
                    <a:moveTo>
                      <a:pt x="303" y="490"/>
                    </a:moveTo>
                    <a:lnTo>
                      <a:pt x="304" y="483"/>
                    </a:lnTo>
                    <a:lnTo>
                      <a:pt x="304" y="478"/>
                    </a:lnTo>
                    <a:lnTo>
                      <a:pt x="303" y="474"/>
                    </a:lnTo>
                    <a:lnTo>
                      <a:pt x="300" y="470"/>
                    </a:lnTo>
                    <a:lnTo>
                      <a:pt x="295" y="464"/>
                    </a:lnTo>
                    <a:lnTo>
                      <a:pt x="287" y="460"/>
                    </a:lnTo>
                    <a:lnTo>
                      <a:pt x="285" y="457"/>
                    </a:lnTo>
                    <a:lnTo>
                      <a:pt x="282" y="455"/>
                    </a:lnTo>
                    <a:lnTo>
                      <a:pt x="281" y="452"/>
                    </a:lnTo>
                    <a:lnTo>
                      <a:pt x="279" y="450"/>
                    </a:lnTo>
                    <a:lnTo>
                      <a:pt x="279" y="447"/>
                    </a:lnTo>
                    <a:lnTo>
                      <a:pt x="282" y="443"/>
                    </a:lnTo>
                    <a:lnTo>
                      <a:pt x="286" y="438"/>
                    </a:lnTo>
                    <a:lnTo>
                      <a:pt x="292" y="433"/>
                    </a:lnTo>
                    <a:lnTo>
                      <a:pt x="301" y="428"/>
                    </a:lnTo>
                    <a:lnTo>
                      <a:pt x="313" y="424"/>
                    </a:lnTo>
                    <a:lnTo>
                      <a:pt x="325" y="421"/>
                    </a:lnTo>
                    <a:lnTo>
                      <a:pt x="336" y="420"/>
                    </a:lnTo>
                    <a:lnTo>
                      <a:pt x="349" y="419"/>
                    </a:lnTo>
                    <a:lnTo>
                      <a:pt x="362" y="416"/>
                    </a:lnTo>
                    <a:lnTo>
                      <a:pt x="374" y="413"/>
                    </a:lnTo>
                    <a:lnTo>
                      <a:pt x="386" y="408"/>
                    </a:lnTo>
                    <a:lnTo>
                      <a:pt x="391" y="404"/>
                    </a:lnTo>
                    <a:lnTo>
                      <a:pt x="395" y="399"/>
                    </a:lnTo>
                    <a:lnTo>
                      <a:pt x="397" y="393"/>
                    </a:lnTo>
                    <a:lnTo>
                      <a:pt x="399" y="386"/>
                    </a:lnTo>
                    <a:lnTo>
                      <a:pt x="399" y="380"/>
                    </a:lnTo>
                    <a:lnTo>
                      <a:pt x="397" y="373"/>
                    </a:lnTo>
                    <a:lnTo>
                      <a:pt x="395" y="368"/>
                    </a:lnTo>
                    <a:lnTo>
                      <a:pt x="390" y="363"/>
                    </a:lnTo>
                    <a:lnTo>
                      <a:pt x="371" y="351"/>
                    </a:lnTo>
                    <a:lnTo>
                      <a:pt x="353" y="336"/>
                    </a:lnTo>
                    <a:lnTo>
                      <a:pt x="346" y="327"/>
                    </a:lnTo>
                    <a:lnTo>
                      <a:pt x="339" y="318"/>
                    </a:lnTo>
                    <a:lnTo>
                      <a:pt x="336" y="312"/>
                    </a:lnTo>
                    <a:lnTo>
                      <a:pt x="334" y="308"/>
                    </a:lnTo>
                    <a:lnTo>
                      <a:pt x="333" y="303"/>
                    </a:lnTo>
                    <a:lnTo>
                      <a:pt x="333" y="298"/>
                    </a:lnTo>
                    <a:lnTo>
                      <a:pt x="334" y="290"/>
                    </a:lnTo>
                    <a:lnTo>
                      <a:pt x="335" y="285"/>
                    </a:lnTo>
                    <a:lnTo>
                      <a:pt x="336" y="280"/>
                    </a:lnTo>
                    <a:lnTo>
                      <a:pt x="340" y="275"/>
                    </a:lnTo>
                    <a:lnTo>
                      <a:pt x="347" y="266"/>
                    </a:lnTo>
                    <a:lnTo>
                      <a:pt x="357" y="257"/>
                    </a:lnTo>
                    <a:lnTo>
                      <a:pt x="366" y="250"/>
                    </a:lnTo>
                    <a:lnTo>
                      <a:pt x="377" y="242"/>
                    </a:lnTo>
                    <a:lnTo>
                      <a:pt x="386" y="235"/>
                    </a:lnTo>
                    <a:lnTo>
                      <a:pt x="393" y="226"/>
                    </a:lnTo>
                    <a:lnTo>
                      <a:pt x="403" y="207"/>
                    </a:lnTo>
                    <a:lnTo>
                      <a:pt x="412" y="188"/>
                    </a:lnTo>
                    <a:lnTo>
                      <a:pt x="414" y="179"/>
                    </a:lnTo>
                    <a:lnTo>
                      <a:pt x="417" y="169"/>
                    </a:lnTo>
                    <a:lnTo>
                      <a:pt x="418" y="159"/>
                    </a:lnTo>
                    <a:lnTo>
                      <a:pt x="418" y="149"/>
                    </a:lnTo>
                    <a:lnTo>
                      <a:pt x="414" y="135"/>
                    </a:lnTo>
                    <a:lnTo>
                      <a:pt x="412" y="119"/>
                    </a:lnTo>
                    <a:lnTo>
                      <a:pt x="410" y="112"/>
                    </a:lnTo>
                    <a:lnTo>
                      <a:pt x="409" y="104"/>
                    </a:lnTo>
                    <a:lnTo>
                      <a:pt x="410" y="96"/>
                    </a:lnTo>
                    <a:lnTo>
                      <a:pt x="413" y="90"/>
                    </a:lnTo>
                    <a:lnTo>
                      <a:pt x="417" y="82"/>
                    </a:lnTo>
                    <a:lnTo>
                      <a:pt x="419" y="74"/>
                    </a:lnTo>
                    <a:lnTo>
                      <a:pt x="419" y="66"/>
                    </a:lnTo>
                    <a:lnTo>
                      <a:pt x="419" y="60"/>
                    </a:lnTo>
                    <a:lnTo>
                      <a:pt x="417" y="52"/>
                    </a:lnTo>
                    <a:lnTo>
                      <a:pt x="414" y="45"/>
                    </a:lnTo>
                    <a:lnTo>
                      <a:pt x="410" y="39"/>
                    </a:lnTo>
                    <a:lnTo>
                      <a:pt x="406" y="33"/>
                    </a:lnTo>
                    <a:lnTo>
                      <a:pt x="401" y="27"/>
                    </a:lnTo>
                    <a:lnTo>
                      <a:pt x="395" y="22"/>
                    </a:lnTo>
                    <a:lnTo>
                      <a:pt x="388" y="17"/>
                    </a:lnTo>
                    <a:lnTo>
                      <a:pt x="382" y="13"/>
                    </a:lnTo>
                    <a:lnTo>
                      <a:pt x="368" y="5"/>
                    </a:lnTo>
                    <a:lnTo>
                      <a:pt x="353" y="1"/>
                    </a:lnTo>
                    <a:lnTo>
                      <a:pt x="347" y="0"/>
                    </a:lnTo>
                    <a:lnTo>
                      <a:pt x="340" y="0"/>
                    </a:lnTo>
                    <a:lnTo>
                      <a:pt x="335" y="0"/>
                    </a:lnTo>
                    <a:lnTo>
                      <a:pt x="329" y="1"/>
                    </a:lnTo>
                    <a:lnTo>
                      <a:pt x="318" y="4"/>
                    </a:lnTo>
                    <a:lnTo>
                      <a:pt x="309" y="9"/>
                    </a:lnTo>
                    <a:lnTo>
                      <a:pt x="291" y="22"/>
                    </a:lnTo>
                    <a:lnTo>
                      <a:pt x="272" y="34"/>
                    </a:lnTo>
                    <a:lnTo>
                      <a:pt x="260" y="39"/>
                    </a:lnTo>
                    <a:lnTo>
                      <a:pt x="251" y="43"/>
                    </a:lnTo>
                    <a:lnTo>
                      <a:pt x="248" y="47"/>
                    </a:lnTo>
                    <a:lnTo>
                      <a:pt x="248" y="49"/>
                    </a:lnTo>
                    <a:lnTo>
                      <a:pt x="252" y="53"/>
                    </a:lnTo>
                    <a:lnTo>
                      <a:pt x="259" y="57"/>
                    </a:lnTo>
                    <a:lnTo>
                      <a:pt x="269" y="61"/>
                    </a:lnTo>
                    <a:lnTo>
                      <a:pt x="283" y="66"/>
                    </a:lnTo>
                    <a:lnTo>
                      <a:pt x="290" y="70"/>
                    </a:lnTo>
                    <a:lnTo>
                      <a:pt x="295" y="74"/>
                    </a:lnTo>
                    <a:lnTo>
                      <a:pt x="298" y="78"/>
                    </a:lnTo>
                    <a:lnTo>
                      <a:pt x="299" y="82"/>
                    </a:lnTo>
                    <a:lnTo>
                      <a:pt x="283" y="148"/>
                    </a:lnTo>
                    <a:lnTo>
                      <a:pt x="282" y="153"/>
                    </a:lnTo>
                    <a:lnTo>
                      <a:pt x="281" y="158"/>
                    </a:lnTo>
                    <a:lnTo>
                      <a:pt x="279" y="161"/>
                    </a:lnTo>
                    <a:lnTo>
                      <a:pt x="277" y="162"/>
                    </a:lnTo>
                    <a:lnTo>
                      <a:pt x="276" y="162"/>
                    </a:lnTo>
                    <a:lnTo>
                      <a:pt x="274" y="161"/>
                    </a:lnTo>
                    <a:lnTo>
                      <a:pt x="273" y="159"/>
                    </a:lnTo>
                    <a:lnTo>
                      <a:pt x="270" y="157"/>
                    </a:lnTo>
                    <a:lnTo>
                      <a:pt x="265" y="141"/>
                    </a:lnTo>
                    <a:lnTo>
                      <a:pt x="263" y="127"/>
                    </a:lnTo>
                    <a:lnTo>
                      <a:pt x="261" y="112"/>
                    </a:lnTo>
                    <a:lnTo>
                      <a:pt x="257" y="99"/>
                    </a:lnTo>
                    <a:lnTo>
                      <a:pt x="246" y="113"/>
                    </a:lnTo>
                    <a:lnTo>
                      <a:pt x="232" y="128"/>
                    </a:lnTo>
                    <a:lnTo>
                      <a:pt x="232" y="144"/>
                    </a:lnTo>
                    <a:lnTo>
                      <a:pt x="233" y="161"/>
                    </a:lnTo>
                    <a:lnTo>
                      <a:pt x="230" y="167"/>
                    </a:lnTo>
                    <a:lnTo>
                      <a:pt x="228" y="172"/>
                    </a:lnTo>
                    <a:lnTo>
                      <a:pt x="224" y="176"/>
                    </a:lnTo>
                    <a:lnTo>
                      <a:pt x="220" y="180"/>
                    </a:lnTo>
                    <a:lnTo>
                      <a:pt x="215" y="182"/>
                    </a:lnTo>
                    <a:lnTo>
                      <a:pt x="211" y="183"/>
                    </a:lnTo>
                    <a:lnTo>
                      <a:pt x="206" y="183"/>
                    </a:lnTo>
                    <a:lnTo>
                      <a:pt x="200" y="183"/>
                    </a:lnTo>
                    <a:lnTo>
                      <a:pt x="191" y="182"/>
                    </a:lnTo>
                    <a:lnTo>
                      <a:pt x="184" y="178"/>
                    </a:lnTo>
                    <a:lnTo>
                      <a:pt x="181" y="175"/>
                    </a:lnTo>
                    <a:lnTo>
                      <a:pt x="178" y="172"/>
                    </a:lnTo>
                    <a:lnTo>
                      <a:pt x="177" y="170"/>
                    </a:lnTo>
                    <a:lnTo>
                      <a:pt x="177" y="169"/>
                    </a:lnTo>
                    <a:lnTo>
                      <a:pt x="182" y="157"/>
                    </a:lnTo>
                    <a:lnTo>
                      <a:pt x="186" y="144"/>
                    </a:lnTo>
                    <a:lnTo>
                      <a:pt x="189" y="137"/>
                    </a:lnTo>
                    <a:lnTo>
                      <a:pt x="190" y="132"/>
                    </a:lnTo>
                    <a:lnTo>
                      <a:pt x="191" y="126"/>
                    </a:lnTo>
                    <a:lnTo>
                      <a:pt x="190" y="119"/>
                    </a:lnTo>
                    <a:lnTo>
                      <a:pt x="190" y="113"/>
                    </a:lnTo>
                    <a:lnTo>
                      <a:pt x="190" y="108"/>
                    </a:lnTo>
                    <a:lnTo>
                      <a:pt x="190" y="102"/>
                    </a:lnTo>
                    <a:lnTo>
                      <a:pt x="193" y="99"/>
                    </a:lnTo>
                    <a:lnTo>
                      <a:pt x="197" y="92"/>
                    </a:lnTo>
                    <a:lnTo>
                      <a:pt x="202" y="86"/>
                    </a:lnTo>
                    <a:lnTo>
                      <a:pt x="207" y="80"/>
                    </a:lnTo>
                    <a:lnTo>
                      <a:pt x="212" y="75"/>
                    </a:lnTo>
                    <a:lnTo>
                      <a:pt x="215" y="70"/>
                    </a:lnTo>
                    <a:lnTo>
                      <a:pt x="216" y="62"/>
                    </a:lnTo>
                    <a:lnTo>
                      <a:pt x="215" y="60"/>
                    </a:lnTo>
                    <a:lnTo>
                      <a:pt x="211" y="57"/>
                    </a:lnTo>
                    <a:lnTo>
                      <a:pt x="206" y="57"/>
                    </a:lnTo>
                    <a:lnTo>
                      <a:pt x="199" y="57"/>
                    </a:lnTo>
                    <a:lnTo>
                      <a:pt x="187" y="57"/>
                    </a:lnTo>
                    <a:lnTo>
                      <a:pt x="178" y="58"/>
                    </a:lnTo>
                    <a:lnTo>
                      <a:pt x="164" y="57"/>
                    </a:lnTo>
                    <a:lnTo>
                      <a:pt x="149" y="53"/>
                    </a:lnTo>
                    <a:lnTo>
                      <a:pt x="130" y="49"/>
                    </a:lnTo>
                    <a:lnTo>
                      <a:pt x="114" y="45"/>
                    </a:lnTo>
                    <a:lnTo>
                      <a:pt x="107" y="44"/>
                    </a:lnTo>
                    <a:lnTo>
                      <a:pt x="101" y="44"/>
                    </a:lnTo>
                    <a:lnTo>
                      <a:pt x="95" y="45"/>
                    </a:lnTo>
                    <a:lnTo>
                      <a:pt x="92" y="48"/>
                    </a:lnTo>
                    <a:lnTo>
                      <a:pt x="90" y="53"/>
                    </a:lnTo>
                    <a:lnTo>
                      <a:pt x="90" y="60"/>
                    </a:lnTo>
                    <a:lnTo>
                      <a:pt x="93" y="68"/>
                    </a:lnTo>
                    <a:lnTo>
                      <a:pt x="98" y="79"/>
                    </a:lnTo>
                    <a:lnTo>
                      <a:pt x="116" y="87"/>
                    </a:lnTo>
                    <a:lnTo>
                      <a:pt x="133" y="95"/>
                    </a:lnTo>
                    <a:lnTo>
                      <a:pt x="136" y="96"/>
                    </a:lnTo>
                    <a:lnTo>
                      <a:pt x="138" y="99"/>
                    </a:lnTo>
                    <a:lnTo>
                      <a:pt x="141" y="101"/>
                    </a:lnTo>
                    <a:lnTo>
                      <a:pt x="142" y="105"/>
                    </a:lnTo>
                    <a:lnTo>
                      <a:pt x="142" y="108"/>
                    </a:lnTo>
                    <a:lnTo>
                      <a:pt x="141" y="112"/>
                    </a:lnTo>
                    <a:lnTo>
                      <a:pt x="138" y="115"/>
                    </a:lnTo>
                    <a:lnTo>
                      <a:pt x="136" y="119"/>
                    </a:lnTo>
                    <a:lnTo>
                      <a:pt x="125" y="128"/>
                    </a:lnTo>
                    <a:lnTo>
                      <a:pt x="115" y="136"/>
                    </a:lnTo>
                    <a:lnTo>
                      <a:pt x="103" y="141"/>
                    </a:lnTo>
                    <a:lnTo>
                      <a:pt x="90" y="145"/>
                    </a:lnTo>
                    <a:lnTo>
                      <a:pt x="77" y="148"/>
                    </a:lnTo>
                    <a:lnTo>
                      <a:pt x="64" y="149"/>
                    </a:lnTo>
                    <a:lnTo>
                      <a:pt x="51" y="148"/>
                    </a:lnTo>
                    <a:lnTo>
                      <a:pt x="38" y="147"/>
                    </a:lnTo>
                    <a:lnTo>
                      <a:pt x="24" y="143"/>
                    </a:lnTo>
                    <a:lnTo>
                      <a:pt x="11" y="139"/>
                    </a:lnTo>
                    <a:lnTo>
                      <a:pt x="6" y="139"/>
                    </a:lnTo>
                    <a:lnTo>
                      <a:pt x="2" y="141"/>
                    </a:lnTo>
                    <a:lnTo>
                      <a:pt x="1" y="143"/>
                    </a:lnTo>
                    <a:lnTo>
                      <a:pt x="1" y="147"/>
                    </a:lnTo>
                    <a:lnTo>
                      <a:pt x="0" y="150"/>
                    </a:lnTo>
                    <a:lnTo>
                      <a:pt x="1" y="154"/>
                    </a:lnTo>
                    <a:lnTo>
                      <a:pt x="2" y="165"/>
                    </a:lnTo>
                    <a:lnTo>
                      <a:pt x="5" y="172"/>
                    </a:lnTo>
                    <a:lnTo>
                      <a:pt x="10" y="176"/>
                    </a:lnTo>
                    <a:lnTo>
                      <a:pt x="14" y="180"/>
                    </a:lnTo>
                    <a:lnTo>
                      <a:pt x="19" y="183"/>
                    </a:lnTo>
                    <a:lnTo>
                      <a:pt x="24" y="185"/>
                    </a:lnTo>
                    <a:lnTo>
                      <a:pt x="31" y="188"/>
                    </a:lnTo>
                    <a:lnTo>
                      <a:pt x="36" y="193"/>
                    </a:lnTo>
                    <a:lnTo>
                      <a:pt x="38" y="197"/>
                    </a:lnTo>
                    <a:lnTo>
                      <a:pt x="40" y="202"/>
                    </a:lnTo>
                    <a:lnTo>
                      <a:pt x="41" y="207"/>
                    </a:lnTo>
                    <a:lnTo>
                      <a:pt x="41" y="214"/>
                    </a:lnTo>
                    <a:lnTo>
                      <a:pt x="38" y="226"/>
                    </a:lnTo>
                    <a:lnTo>
                      <a:pt x="36" y="240"/>
                    </a:lnTo>
                    <a:lnTo>
                      <a:pt x="28" y="267"/>
                    </a:lnTo>
                    <a:lnTo>
                      <a:pt x="24" y="289"/>
                    </a:lnTo>
                    <a:lnTo>
                      <a:pt x="24" y="302"/>
                    </a:lnTo>
                    <a:lnTo>
                      <a:pt x="27" y="318"/>
                    </a:lnTo>
                    <a:lnTo>
                      <a:pt x="29" y="336"/>
                    </a:lnTo>
                    <a:lnTo>
                      <a:pt x="33" y="354"/>
                    </a:lnTo>
                    <a:lnTo>
                      <a:pt x="38" y="371"/>
                    </a:lnTo>
                    <a:lnTo>
                      <a:pt x="46" y="386"/>
                    </a:lnTo>
                    <a:lnTo>
                      <a:pt x="50" y="394"/>
                    </a:lnTo>
                    <a:lnTo>
                      <a:pt x="54" y="399"/>
                    </a:lnTo>
                    <a:lnTo>
                      <a:pt x="59" y="404"/>
                    </a:lnTo>
                    <a:lnTo>
                      <a:pt x="64" y="407"/>
                    </a:lnTo>
                    <a:lnTo>
                      <a:pt x="71" y="409"/>
                    </a:lnTo>
                    <a:lnTo>
                      <a:pt x="77" y="412"/>
                    </a:lnTo>
                    <a:lnTo>
                      <a:pt x="85" y="412"/>
                    </a:lnTo>
                    <a:lnTo>
                      <a:pt x="92" y="412"/>
                    </a:lnTo>
                    <a:lnTo>
                      <a:pt x="106" y="411"/>
                    </a:lnTo>
                    <a:lnTo>
                      <a:pt x="120" y="412"/>
                    </a:lnTo>
                    <a:lnTo>
                      <a:pt x="136" y="416"/>
                    </a:lnTo>
                    <a:lnTo>
                      <a:pt x="154" y="421"/>
                    </a:lnTo>
                    <a:lnTo>
                      <a:pt x="165" y="420"/>
                    </a:lnTo>
                    <a:lnTo>
                      <a:pt x="180" y="419"/>
                    </a:lnTo>
                    <a:lnTo>
                      <a:pt x="186" y="419"/>
                    </a:lnTo>
                    <a:lnTo>
                      <a:pt x="191" y="420"/>
                    </a:lnTo>
                    <a:lnTo>
                      <a:pt x="194" y="421"/>
                    </a:lnTo>
                    <a:lnTo>
                      <a:pt x="195" y="422"/>
                    </a:lnTo>
                    <a:lnTo>
                      <a:pt x="197" y="425"/>
                    </a:lnTo>
                    <a:lnTo>
                      <a:pt x="198" y="428"/>
                    </a:lnTo>
                    <a:lnTo>
                      <a:pt x="197" y="433"/>
                    </a:lnTo>
                    <a:lnTo>
                      <a:pt x="195" y="438"/>
                    </a:lnTo>
                    <a:lnTo>
                      <a:pt x="191" y="442"/>
                    </a:lnTo>
                    <a:lnTo>
                      <a:pt x="189" y="448"/>
                    </a:lnTo>
                    <a:lnTo>
                      <a:pt x="185" y="454"/>
                    </a:lnTo>
                    <a:lnTo>
                      <a:pt x="181" y="459"/>
                    </a:lnTo>
                    <a:lnTo>
                      <a:pt x="180" y="465"/>
                    </a:lnTo>
                    <a:lnTo>
                      <a:pt x="178" y="472"/>
                    </a:lnTo>
                    <a:lnTo>
                      <a:pt x="178" y="483"/>
                    </a:lnTo>
                    <a:lnTo>
                      <a:pt x="181" y="494"/>
                    </a:lnTo>
                    <a:lnTo>
                      <a:pt x="186" y="504"/>
                    </a:lnTo>
                    <a:lnTo>
                      <a:pt x="193" y="513"/>
                    </a:lnTo>
                    <a:lnTo>
                      <a:pt x="197" y="517"/>
                    </a:lnTo>
                    <a:lnTo>
                      <a:pt x="199" y="520"/>
                    </a:lnTo>
                    <a:lnTo>
                      <a:pt x="203" y="522"/>
                    </a:lnTo>
                    <a:lnTo>
                      <a:pt x="207" y="523"/>
                    </a:lnTo>
                    <a:lnTo>
                      <a:pt x="216" y="525"/>
                    </a:lnTo>
                    <a:lnTo>
                      <a:pt x="225" y="526"/>
                    </a:lnTo>
                    <a:lnTo>
                      <a:pt x="238" y="530"/>
                    </a:lnTo>
                    <a:lnTo>
                      <a:pt x="250" y="534"/>
                    </a:lnTo>
                    <a:lnTo>
                      <a:pt x="263" y="539"/>
                    </a:lnTo>
                    <a:lnTo>
                      <a:pt x="276" y="543"/>
                    </a:lnTo>
                    <a:lnTo>
                      <a:pt x="281" y="543"/>
                    </a:lnTo>
                    <a:lnTo>
                      <a:pt x="286" y="542"/>
                    </a:lnTo>
                    <a:lnTo>
                      <a:pt x="290" y="539"/>
                    </a:lnTo>
                    <a:lnTo>
                      <a:pt x="292" y="534"/>
                    </a:lnTo>
                    <a:lnTo>
                      <a:pt x="298" y="520"/>
                    </a:lnTo>
                    <a:lnTo>
                      <a:pt x="301" y="505"/>
                    </a:lnTo>
                    <a:lnTo>
                      <a:pt x="303" y="490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55" name="Freeform 50"/>
              <p:cNvSpPr>
                <a:spLocks/>
              </p:cNvSpPr>
              <p:nvPr/>
            </p:nvSpPr>
            <p:spPr bwMode="auto">
              <a:xfrm>
                <a:off x="7409972" y="2756552"/>
                <a:ext cx="18217" cy="30708"/>
              </a:xfrm>
              <a:custGeom>
                <a:avLst/>
                <a:gdLst/>
                <a:ahLst/>
                <a:cxnLst>
                  <a:cxn ang="0">
                    <a:pos x="2" y="62"/>
                  </a:cxn>
                  <a:cxn ang="0">
                    <a:pos x="0" y="62"/>
                  </a:cxn>
                  <a:cxn ang="0">
                    <a:pos x="0" y="60"/>
                  </a:cxn>
                  <a:cxn ang="0">
                    <a:pos x="0" y="58"/>
                  </a:cxn>
                  <a:cxn ang="0">
                    <a:pos x="0" y="56"/>
                  </a:cxn>
                  <a:cxn ang="0">
                    <a:pos x="3" y="36"/>
                  </a:cxn>
                  <a:cxn ang="0">
                    <a:pos x="8" y="18"/>
                  </a:cxn>
                  <a:cxn ang="0">
                    <a:pos x="9" y="12"/>
                  </a:cxn>
                  <a:cxn ang="0">
                    <a:pos x="12" y="5"/>
                  </a:cxn>
                  <a:cxn ang="0">
                    <a:pos x="13" y="4"/>
                  </a:cxn>
                  <a:cxn ang="0">
                    <a:pos x="16" y="1"/>
                  </a:cxn>
                  <a:cxn ang="0">
                    <a:pos x="19" y="1"/>
                  </a:cxn>
                  <a:cxn ang="0">
                    <a:pos x="22" y="0"/>
                  </a:cxn>
                  <a:cxn ang="0">
                    <a:pos x="28" y="1"/>
                  </a:cxn>
                  <a:cxn ang="0">
                    <a:pos x="32" y="4"/>
                  </a:cxn>
                  <a:cxn ang="0">
                    <a:pos x="35" y="6"/>
                  </a:cxn>
                  <a:cxn ang="0">
                    <a:pos x="38" y="10"/>
                  </a:cxn>
                  <a:cxn ang="0">
                    <a:pos x="39" y="16"/>
                  </a:cxn>
                  <a:cxn ang="0">
                    <a:pos x="39" y="19"/>
                  </a:cxn>
                  <a:cxn ang="0">
                    <a:pos x="39" y="23"/>
                  </a:cxn>
                  <a:cxn ang="0">
                    <a:pos x="38" y="28"/>
                  </a:cxn>
                  <a:cxn ang="0">
                    <a:pos x="37" y="40"/>
                  </a:cxn>
                  <a:cxn ang="0">
                    <a:pos x="38" y="52"/>
                  </a:cxn>
                  <a:cxn ang="0">
                    <a:pos x="37" y="56"/>
                  </a:cxn>
                  <a:cxn ang="0">
                    <a:pos x="35" y="58"/>
                  </a:cxn>
                  <a:cxn ang="0">
                    <a:pos x="34" y="61"/>
                  </a:cxn>
                  <a:cxn ang="0">
                    <a:pos x="30" y="63"/>
                  </a:cxn>
                  <a:cxn ang="0">
                    <a:pos x="24" y="66"/>
                  </a:cxn>
                  <a:cxn ang="0">
                    <a:pos x="17" y="69"/>
                  </a:cxn>
                  <a:cxn ang="0">
                    <a:pos x="2" y="62"/>
                  </a:cxn>
                </a:cxnLst>
                <a:rect l="0" t="0" r="r" b="b"/>
                <a:pathLst>
                  <a:path w="39" h="69">
                    <a:moveTo>
                      <a:pt x="2" y="62"/>
                    </a:moveTo>
                    <a:lnTo>
                      <a:pt x="0" y="62"/>
                    </a:lnTo>
                    <a:lnTo>
                      <a:pt x="0" y="60"/>
                    </a:lnTo>
                    <a:lnTo>
                      <a:pt x="0" y="58"/>
                    </a:lnTo>
                    <a:lnTo>
                      <a:pt x="0" y="56"/>
                    </a:lnTo>
                    <a:lnTo>
                      <a:pt x="3" y="36"/>
                    </a:lnTo>
                    <a:lnTo>
                      <a:pt x="8" y="18"/>
                    </a:lnTo>
                    <a:lnTo>
                      <a:pt x="9" y="12"/>
                    </a:lnTo>
                    <a:lnTo>
                      <a:pt x="12" y="5"/>
                    </a:lnTo>
                    <a:lnTo>
                      <a:pt x="13" y="4"/>
                    </a:lnTo>
                    <a:lnTo>
                      <a:pt x="16" y="1"/>
                    </a:lnTo>
                    <a:lnTo>
                      <a:pt x="19" y="1"/>
                    </a:lnTo>
                    <a:lnTo>
                      <a:pt x="22" y="0"/>
                    </a:lnTo>
                    <a:lnTo>
                      <a:pt x="28" y="1"/>
                    </a:lnTo>
                    <a:lnTo>
                      <a:pt x="32" y="4"/>
                    </a:lnTo>
                    <a:lnTo>
                      <a:pt x="35" y="6"/>
                    </a:lnTo>
                    <a:lnTo>
                      <a:pt x="38" y="10"/>
                    </a:lnTo>
                    <a:lnTo>
                      <a:pt x="39" y="16"/>
                    </a:lnTo>
                    <a:lnTo>
                      <a:pt x="39" y="19"/>
                    </a:lnTo>
                    <a:lnTo>
                      <a:pt x="39" y="23"/>
                    </a:lnTo>
                    <a:lnTo>
                      <a:pt x="38" y="28"/>
                    </a:lnTo>
                    <a:lnTo>
                      <a:pt x="37" y="40"/>
                    </a:lnTo>
                    <a:lnTo>
                      <a:pt x="38" y="52"/>
                    </a:lnTo>
                    <a:lnTo>
                      <a:pt x="37" y="56"/>
                    </a:lnTo>
                    <a:lnTo>
                      <a:pt x="35" y="58"/>
                    </a:lnTo>
                    <a:lnTo>
                      <a:pt x="34" y="61"/>
                    </a:lnTo>
                    <a:lnTo>
                      <a:pt x="30" y="63"/>
                    </a:lnTo>
                    <a:lnTo>
                      <a:pt x="24" y="66"/>
                    </a:lnTo>
                    <a:lnTo>
                      <a:pt x="17" y="69"/>
                    </a:lnTo>
                    <a:lnTo>
                      <a:pt x="2" y="62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56" name="Freeform 51"/>
              <p:cNvSpPr>
                <a:spLocks/>
              </p:cNvSpPr>
              <p:nvPr/>
            </p:nvSpPr>
            <p:spPr bwMode="auto">
              <a:xfrm>
                <a:off x="7286097" y="2920925"/>
                <a:ext cx="36434" cy="48771"/>
              </a:xfrm>
              <a:custGeom>
                <a:avLst/>
                <a:gdLst/>
                <a:ahLst/>
                <a:cxnLst>
                  <a:cxn ang="0">
                    <a:pos x="31" y="68"/>
                  </a:cxn>
                  <a:cxn ang="0">
                    <a:pos x="22" y="55"/>
                  </a:cxn>
                  <a:cxn ang="0">
                    <a:pos x="15" y="40"/>
                  </a:cxn>
                  <a:cxn ang="0">
                    <a:pos x="7" y="28"/>
                  </a:cxn>
                  <a:cxn ang="0">
                    <a:pos x="0" y="14"/>
                  </a:cxn>
                  <a:cxn ang="0">
                    <a:pos x="0" y="9"/>
                  </a:cxn>
                  <a:cxn ang="0">
                    <a:pos x="0" y="6"/>
                  </a:cxn>
                  <a:cxn ang="0">
                    <a:pos x="0" y="2"/>
                  </a:cxn>
                  <a:cxn ang="0">
                    <a:pos x="1" y="1"/>
                  </a:cxn>
                  <a:cxn ang="0">
                    <a:pos x="5" y="0"/>
                  </a:cxn>
                  <a:cxn ang="0">
                    <a:pos x="10" y="0"/>
                  </a:cxn>
                  <a:cxn ang="0">
                    <a:pos x="20" y="6"/>
                  </a:cxn>
                  <a:cxn ang="0">
                    <a:pos x="29" y="14"/>
                  </a:cxn>
                  <a:cxn ang="0">
                    <a:pos x="44" y="26"/>
                  </a:cxn>
                  <a:cxn ang="0">
                    <a:pos x="61" y="40"/>
                  </a:cxn>
                  <a:cxn ang="0">
                    <a:pos x="68" y="48"/>
                  </a:cxn>
                  <a:cxn ang="0">
                    <a:pos x="73" y="55"/>
                  </a:cxn>
                  <a:cxn ang="0">
                    <a:pos x="75" y="59"/>
                  </a:cxn>
                  <a:cxn ang="0">
                    <a:pos x="76" y="63"/>
                  </a:cxn>
                  <a:cxn ang="0">
                    <a:pos x="76" y="68"/>
                  </a:cxn>
                  <a:cxn ang="0">
                    <a:pos x="75" y="72"/>
                  </a:cxn>
                  <a:cxn ang="0">
                    <a:pos x="72" y="80"/>
                  </a:cxn>
                  <a:cxn ang="0">
                    <a:pos x="71" y="88"/>
                  </a:cxn>
                  <a:cxn ang="0">
                    <a:pos x="71" y="94"/>
                  </a:cxn>
                  <a:cxn ang="0">
                    <a:pos x="71" y="103"/>
                  </a:cxn>
                  <a:cxn ang="0">
                    <a:pos x="70" y="106"/>
                  </a:cxn>
                  <a:cxn ang="0">
                    <a:pos x="70" y="108"/>
                  </a:cxn>
                  <a:cxn ang="0">
                    <a:pos x="68" y="110"/>
                  </a:cxn>
                  <a:cxn ang="0">
                    <a:pos x="67" y="110"/>
                  </a:cxn>
                  <a:cxn ang="0">
                    <a:pos x="62" y="110"/>
                  </a:cxn>
                  <a:cxn ang="0">
                    <a:pos x="58" y="107"/>
                  </a:cxn>
                  <a:cxn ang="0">
                    <a:pos x="48" y="99"/>
                  </a:cxn>
                  <a:cxn ang="0">
                    <a:pos x="42" y="92"/>
                  </a:cxn>
                  <a:cxn ang="0">
                    <a:pos x="31" y="68"/>
                  </a:cxn>
                </a:cxnLst>
                <a:rect l="0" t="0" r="r" b="b"/>
                <a:pathLst>
                  <a:path w="76" h="110">
                    <a:moveTo>
                      <a:pt x="31" y="68"/>
                    </a:moveTo>
                    <a:lnTo>
                      <a:pt x="22" y="55"/>
                    </a:lnTo>
                    <a:lnTo>
                      <a:pt x="15" y="40"/>
                    </a:lnTo>
                    <a:lnTo>
                      <a:pt x="7" y="28"/>
                    </a:lnTo>
                    <a:lnTo>
                      <a:pt x="0" y="14"/>
                    </a:lnTo>
                    <a:lnTo>
                      <a:pt x="0" y="9"/>
                    </a:lnTo>
                    <a:lnTo>
                      <a:pt x="0" y="6"/>
                    </a:lnTo>
                    <a:lnTo>
                      <a:pt x="0" y="2"/>
                    </a:lnTo>
                    <a:lnTo>
                      <a:pt x="1" y="1"/>
                    </a:lnTo>
                    <a:lnTo>
                      <a:pt x="5" y="0"/>
                    </a:lnTo>
                    <a:lnTo>
                      <a:pt x="10" y="0"/>
                    </a:lnTo>
                    <a:lnTo>
                      <a:pt x="20" y="6"/>
                    </a:lnTo>
                    <a:lnTo>
                      <a:pt x="29" y="14"/>
                    </a:lnTo>
                    <a:lnTo>
                      <a:pt x="44" y="26"/>
                    </a:lnTo>
                    <a:lnTo>
                      <a:pt x="61" y="40"/>
                    </a:lnTo>
                    <a:lnTo>
                      <a:pt x="68" y="48"/>
                    </a:lnTo>
                    <a:lnTo>
                      <a:pt x="73" y="55"/>
                    </a:lnTo>
                    <a:lnTo>
                      <a:pt x="75" y="59"/>
                    </a:lnTo>
                    <a:lnTo>
                      <a:pt x="76" y="63"/>
                    </a:lnTo>
                    <a:lnTo>
                      <a:pt x="76" y="68"/>
                    </a:lnTo>
                    <a:lnTo>
                      <a:pt x="75" y="72"/>
                    </a:lnTo>
                    <a:lnTo>
                      <a:pt x="72" y="80"/>
                    </a:lnTo>
                    <a:lnTo>
                      <a:pt x="71" y="88"/>
                    </a:lnTo>
                    <a:lnTo>
                      <a:pt x="71" y="94"/>
                    </a:lnTo>
                    <a:lnTo>
                      <a:pt x="71" y="103"/>
                    </a:lnTo>
                    <a:lnTo>
                      <a:pt x="70" y="106"/>
                    </a:lnTo>
                    <a:lnTo>
                      <a:pt x="70" y="108"/>
                    </a:lnTo>
                    <a:lnTo>
                      <a:pt x="68" y="110"/>
                    </a:lnTo>
                    <a:lnTo>
                      <a:pt x="67" y="110"/>
                    </a:lnTo>
                    <a:lnTo>
                      <a:pt x="62" y="110"/>
                    </a:lnTo>
                    <a:lnTo>
                      <a:pt x="58" y="107"/>
                    </a:lnTo>
                    <a:lnTo>
                      <a:pt x="48" y="99"/>
                    </a:lnTo>
                    <a:lnTo>
                      <a:pt x="42" y="92"/>
                    </a:lnTo>
                    <a:lnTo>
                      <a:pt x="31" y="68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57" name="Freeform 52"/>
              <p:cNvSpPr>
                <a:spLocks/>
              </p:cNvSpPr>
              <p:nvPr/>
            </p:nvSpPr>
            <p:spPr bwMode="auto">
              <a:xfrm>
                <a:off x="7395398" y="2931763"/>
                <a:ext cx="41899" cy="75865"/>
              </a:xfrm>
              <a:custGeom>
                <a:avLst/>
                <a:gdLst/>
                <a:ahLst/>
                <a:cxnLst>
                  <a:cxn ang="0">
                    <a:pos x="3" y="132"/>
                  </a:cxn>
                  <a:cxn ang="0">
                    <a:pos x="5" y="124"/>
                  </a:cxn>
                  <a:cxn ang="0">
                    <a:pos x="9" y="116"/>
                  </a:cxn>
                  <a:cxn ang="0">
                    <a:pos x="14" y="110"/>
                  </a:cxn>
                  <a:cxn ang="0">
                    <a:pos x="21" y="105"/>
                  </a:cxn>
                  <a:cxn ang="0">
                    <a:pos x="27" y="99"/>
                  </a:cxn>
                  <a:cxn ang="0">
                    <a:pos x="34" y="94"/>
                  </a:cxn>
                  <a:cxn ang="0">
                    <a:pos x="39" y="89"/>
                  </a:cxn>
                  <a:cxn ang="0">
                    <a:pos x="44" y="82"/>
                  </a:cxn>
                  <a:cxn ang="0">
                    <a:pos x="49" y="71"/>
                  </a:cxn>
                  <a:cxn ang="0">
                    <a:pos x="52" y="59"/>
                  </a:cxn>
                  <a:cxn ang="0">
                    <a:pos x="56" y="48"/>
                  </a:cxn>
                  <a:cxn ang="0">
                    <a:pos x="61" y="36"/>
                  </a:cxn>
                  <a:cxn ang="0">
                    <a:pos x="66" y="27"/>
                  </a:cxn>
                  <a:cxn ang="0">
                    <a:pos x="75" y="14"/>
                  </a:cxn>
                  <a:cxn ang="0">
                    <a:pos x="80" y="7"/>
                  </a:cxn>
                  <a:cxn ang="0">
                    <a:pos x="84" y="2"/>
                  </a:cxn>
                  <a:cxn ang="0">
                    <a:pos x="87" y="1"/>
                  </a:cxn>
                  <a:cxn ang="0">
                    <a:pos x="88" y="0"/>
                  </a:cxn>
                  <a:cxn ang="0">
                    <a:pos x="91" y="0"/>
                  </a:cxn>
                  <a:cxn ang="0">
                    <a:pos x="92" y="1"/>
                  </a:cxn>
                  <a:cxn ang="0">
                    <a:pos x="91" y="14"/>
                  </a:cxn>
                  <a:cxn ang="0">
                    <a:pos x="88" y="28"/>
                  </a:cxn>
                  <a:cxn ang="0">
                    <a:pos x="84" y="42"/>
                  </a:cxn>
                  <a:cxn ang="0">
                    <a:pos x="79" y="57"/>
                  </a:cxn>
                  <a:cxn ang="0">
                    <a:pos x="66" y="84"/>
                  </a:cxn>
                  <a:cxn ang="0">
                    <a:pos x="53" y="110"/>
                  </a:cxn>
                  <a:cxn ang="0">
                    <a:pos x="44" y="125"/>
                  </a:cxn>
                  <a:cxn ang="0">
                    <a:pos x="27" y="149"/>
                  </a:cxn>
                  <a:cxn ang="0">
                    <a:pos x="19" y="158"/>
                  </a:cxn>
                  <a:cxn ang="0">
                    <a:pos x="10" y="163"/>
                  </a:cxn>
                  <a:cxn ang="0">
                    <a:pos x="8" y="164"/>
                  </a:cxn>
                  <a:cxn ang="0">
                    <a:pos x="4" y="163"/>
                  </a:cxn>
                  <a:cxn ang="0">
                    <a:pos x="1" y="159"/>
                  </a:cxn>
                  <a:cxn ang="0">
                    <a:pos x="0" y="155"/>
                  </a:cxn>
                  <a:cxn ang="0">
                    <a:pos x="3" y="132"/>
                  </a:cxn>
                </a:cxnLst>
                <a:rect l="0" t="0" r="r" b="b"/>
                <a:pathLst>
                  <a:path w="92" h="164">
                    <a:moveTo>
                      <a:pt x="3" y="132"/>
                    </a:moveTo>
                    <a:lnTo>
                      <a:pt x="5" y="124"/>
                    </a:lnTo>
                    <a:lnTo>
                      <a:pt x="9" y="116"/>
                    </a:lnTo>
                    <a:lnTo>
                      <a:pt x="14" y="110"/>
                    </a:lnTo>
                    <a:lnTo>
                      <a:pt x="21" y="105"/>
                    </a:lnTo>
                    <a:lnTo>
                      <a:pt x="27" y="99"/>
                    </a:lnTo>
                    <a:lnTo>
                      <a:pt x="34" y="94"/>
                    </a:lnTo>
                    <a:lnTo>
                      <a:pt x="39" y="89"/>
                    </a:lnTo>
                    <a:lnTo>
                      <a:pt x="44" y="82"/>
                    </a:lnTo>
                    <a:lnTo>
                      <a:pt x="49" y="71"/>
                    </a:lnTo>
                    <a:lnTo>
                      <a:pt x="52" y="59"/>
                    </a:lnTo>
                    <a:lnTo>
                      <a:pt x="56" y="48"/>
                    </a:lnTo>
                    <a:lnTo>
                      <a:pt x="61" y="36"/>
                    </a:lnTo>
                    <a:lnTo>
                      <a:pt x="66" y="27"/>
                    </a:lnTo>
                    <a:lnTo>
                      <a:pt x="75" y="14"/>
                    </a:lnTo>
                    <a:lnTo>
                      <a:pt x="80" y="7"/>
                    </a:lnTo>
                    <a:lnTo>
                      <a:pt x="84" y="2"/>
                    </a:lnTo>
                    <a:lnTo>
                      <a:pt x="87" y="1"/>
                    </a:lnTo>
                    <a:lnTo>
                      <a:pt x="88" y="0"/>
                    </a:lnTo>
                    <a:lnTo>
                      <a:pt x="91" y="0"/>
                    </a:lnTo>
                    <a:lnTo>
                      <a:pt x="92" y="1"/>
                    </a:lnTo>
                    <a:lnTo>
                      <a:pt x="91" y="14"/>
                    </a:lnTo>
                    <a:lnTo>
                      <a:pt x="88" y="28"/>
                    </a:lnTo>
                    <a:lnTo>
                      <a:pt x="84" y="42"/>
                    </a:lnTo>
                    <a:lnTo>
                      <a:pt x="79" y="57"/>
                    </a:lnTo>
                    <a:lnTo>
                      <a:pt x="66" y="84"/>
                    </a:lnTo>
                    <a:lnTo>
                      <a:pt x="53" y="110"/>
                    </a:lnTo>
                    <a:lnTo>
                      <a:pt x="44" y="125"/>
                    </a:lnTo>
                    <a:lnTo>
                      <a:pt x="27" y="149"/>
                    </a:lnTo>
                    <a:lnTo>
                      <a:pt x="19" y="158"/>
                    </a:lnTo>
                    <a:lnTo>
                      <a:pt x="10" y="163"/>
                    </a:lnTo>
                    <a:lnTo>
                      <a:pt x="8" y="164"/>
                    </a:lnTo>
                    <a:lnTo>
                      <a:pt x="4" y="163"/>
                    </a:lnTo>
                    <a:lnTo>
                      <a:pt x="1" y="159"/>
                    </a:lnTo>
                    <a:lnTo>
                      <a:pt x="0" y="155"/>
                    </a:lnTo>
                    <a:lnTo>
                      <a:pt x="3" y="132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58" name="Freeform 53"/>
              <p:cNvSpPr>
                <a:spLocks/>
              </p:cNvSpPr>
              <p:nvPr/>
            </p:nvSpPr>
            <p:spPr bwMode="auto">
              <a:xfrm>
                <a:off x="7437298" y="2976921"/>
                <a:ext cx="92907" cy="63221"/>
              </a:xfrm>
              <a:custGeom>
                <a:avLst/>
                <a:gdLst/>
                <a:ahLst/>
                <a:cxnLst>
                  <a:cxn ang="0">
                    <a:pos x="95" y="26"/>
                  </a:cxn>
                  <a:cxn ang="0">
                    <a:pos x="76" y="18"/>
                  </a:cxn>
                  <a:cxn ang="0">
                    <a:pos x="61" y="8"/>
                  </a:cxn>
                  <a:cxn ang="0">
                    <a:pos x="43" y="2"/>
                  </a:cxn>
                  <a:cxn ang="0">
                    <a:pos x="27" y="2"/>
                  </a:cxn>
                  <a:cxn ang="0">
                    <a:pos x="21" y="3"/>
                  </a:cxn>
                  <a:cxn ang="0">
                    <a:pos x="18" y="9"/>
                  </a:cxn>
                  <a:cxn ang="0">
                    <a:pos x="21" y="21"/>
                  </a:cxn>
                  <a:cxn ang="0">
                    <a:pos x="23" y="33"/>
                  </a:cxn>
                  <a:cxn ang="0">
                    <a:pos x="16" y="46"/>
                  </a:cxn>
                  <a:cxn ang="0">
                    <a:pos x="3" y="63"/>
                  </a:cxn>
                  <a:cxn ang="0">
                    <a:pos x="0" y="70"/>
                  </a:cxn>
                  <a:cxn ang="0">
                    <a:pos x="1" y="75"/>
                  </a:cxn>
                  <a:cxn ang="0">
                    <a:pos x="10" y="82"/>
                  </a:cxn>
                  <a:cxn ang="0">
                    <a:pos x="25" y="88"/>
                  </a:cxn>
                  <a:cxn ang="0">
                    <a:pos x="48" y="95"/>
                  </a:cxn>
                  <a:cxn ang="0">
                    <a:pos x="73" y="107"/>
                  </a:cxn>
                  <a:cxn ang="0">
                    <a:pos x="86" y="121"/>
                  </a:cxn>
                  <a:cxn ang="0">
                    <a:pos x="96" y="132"/>
                  </a:cxn>
                  <a:cxn ang="0">
                    <a:pos x="108" y="139"/>
                  </a:cxn>
                  <a:cxn ang="0">
                    <a:pos x="119" y="139"/>
                  </a:cxn>
                  <a:cxn ang="0">
                    <a:pos x="135" y="138"/>
                  </a:cxn>
                  <a:cxn ang="0">
                    <a:pos x="152" y="135"/>
                  </a:cxn>
                  <a:cxn ang="0">
                    <a:pos x="165" y="139"/>
                  </a:cxn>
                  <a:cxn ang="0">
                    <a:pos x="176" y="139"/>
                  </a:cxn>
                  <a:cxn ang="0">
                    <a:pos x="187" y="135"/>
                  </a:cxn>
                  <a:cxn ang="0">
                    <a:pos x="194" y="129"/>
                  </a:cxn>
                  <a:cxn ang="0">
                    <a:pos x="200" y="116"/>
                  </a:cxn>
                  <a:cxn ang="0">
                    <a:pos x="205" y="97"/>
                  </a:cxn>
                  <a:cxn ang="0">
                    <a:pos x="206" y="79"/>
                  </a:cxn>
                  <a:cxn ang="0">
                    <a:pos x="201" y="69"/>
                  </a:cxn>
                  <a:cxn ang="0">
                    <a:pos x="194" y="66"/>
                  </a:cxn>
                  <a:cxn ang="0">
                    <a:pos x="171" y="66"/>
                  </a:cxn>
                  <a:cxn ang="0">
                    <a:pos x="144" y="63"/>
                  </a:cxn>
                  <a:cxn ang="0">
                    <a:pos x="130" y="53"/>
                  </a:cxn>
                  <a:cxn ang="0">
                    <a:pos x="104" y="28"/>
                  </a:cxn>
                </a:cxnLst>
                <a:rect l="0" t="0" r="r" b="b"/>
                <a:pathLst>
                  <a:path w="206" h="139">
                    <a:moveTo>
                      <a:pt x="104" y="28"/>
                    </a:moveTo>
                    <a:lnTo>
                      <a:pt x="95" y="26"/>
                    </a:lnTo>
                    <a:lnTo>
                      <a:pt x="86" y="22"/>
                    </a:lnTo>
                    <a:lnTo>
                      <a:pt x="76" y="18"/>
                    </a:lnTo>
                    <a:lnTo>
                      <a:pt x="69" y="13"/>
                    </a:lnTo>
                    <a:lnTo>
                      <a:pt x="61" y="8"/>
                    </a:lnTo>
                    <a:lnTo>
                      <a:pt x="52" y="4"/>
                    </a:lnTo>
                    <a:lnTo>
                      <a:pt x="43" y="2"/>
                    </a:lnTo>
                    <a:lnTo>
                      <a:pt x="32" y="0"/>
                    </a:lnTo>
                    <a:lnTo>
                      <a:pt x="27" y="2"/>
                    </a:lnTo>
                    <a:lnTo>
                      <a:pt x="23" y="2"/>
                    </a:lnTo>
                    <a:lnTo>
                      <a:pt x="21" y="3"/>
                    </a:lnTo>
                    <a:lnTo>
                      <a:pt x="19" y="6"/>
                    </a:lnTo>
                    <a:lnTo>
                      <a:pt x="18" y="9"/>
                    </a:lnTo>
                    <a:lnTo>
                      <a:pt x="18" y="15"/>
                    </a:lnTo>
                    <a:lnTo>
                      <a:pt x="21" y="21"/>
                    </a:lnTo>
                    <a:lnTo>
                      <a:pt x="22" y="28"/>
                    </a:lnTo>
                    <a:lnTo>
                      <a:pt x="23" y="33"/>
                    </a:lnTo>
                    <a:lnTo>
                      <a:pt x="22" y="38"/>
                    </a:lnTo>
                    <a:lnTo>
                      <a:pt x="16" y="46"/>
                    </a:lnTo>
                    <a:lnTo>
                      <a:pt x="6" y="57"/>
                    </a:lnTo>
                    <a:lnTo>
                      <a:pt x="3" y="63"/>
                    </a:lnTo>
                    <a:lnTo>
                      <a:pt x="0" y="68"/>
                    </a:lnTo>
                    <a:lnTo>
                      <a:pt x="0" y="70"/>
                    </a:lnTo>
                    <a:lnTo>
                      <a:pt x="0" y="73"/>
                    </a:lnTo>
                    <a:lnTo>
                      <a:pt x="1" y="75"/>
                    </a:lnTo>
                    <a:lnTo>
                      <a:pt x="4" y="78"/>
                    </a:lnTo>
                    <a:lnTo>
                      <a:pt x="10" y="82"/>
                    </a:lnTo>
                    <a:lnTo>
                      <a:pt x="18" y="86"/>
                    </a:lnTo>
                    <a:lnTo>
                      <a:pt x="25" y="88"/>
                    </a:lnTo>
                    <a:lnTo>
                      <a:pt x="32" y="91"/>
                    </a:lnTo>
                    <a:lnTo>
                      <a:pt x="48" y="95"/>
                    </a:lnTo>
                    <a:lnTo>
                      <a:pt x="63" y="101"/>
                    </a:lnTo>
                    <a:lnTo>
                      <a:pt x="73" y="107"/>
                    </a:lnTo>
                    <a:lnTo>
                      <a:pt x="79" y="114"/>
                    </a:lnTo>
                    <a:lnTo>
                      <a:pt x="86" y="121"/>
                    </a:lnTo>
                    <a:lnTo>
                      <a:pt x="89" y="127"/>
                    </a:lnTo>
                    <a:lnTo>
                      <a:pt x="96" y="132"/>
                    </a:lnTo>
                    <a:lnTo>
                      <a:pt x="102" y="136"/>
                    </a:lnTo>
                    <a:lnTo>
                      <a:pt x="108" y="139"/>
                    </a:lnTo>
                    <a:lnTo>
                      <a:pt x="113" y="139"/>
                    </a:lnTo>
                    <a:lnTo>
                      <a:pt x="119" y="139"/>
                    </a:lnTo>
                    <a:lnTo>
                      <a:pt x="127" y="139"/>
                    </a:lnTo>
                    <a:lnTo>
                      <a:pt x="135" y="138"/>
                    </a:lnTo>
                    <a:lnTo>
                      <a:pt x="144" y="136"/>
                    </a:lnTo>
                    <a:lnTo>
                      <a:pt x="152" y="135"/>
                    </a:lnTo>
                    <a:lnTo>
                      <a:pt x="159" y="138"/>
                    </a:lnTo>
                    <a:lnTo>
                      <a:pt x="165" y="139"/>
                    </a:lnTo>
                    <a:lnTo>
                      <a:pt x="171" y="139"/>
                    </a:lnTo>
                    <a:lnTo>
                      <a:pt x="176" y="139"/>
                    </a:lnTo>
                    <a:lnTo>
                      <a:pt x="181" y="138"/>
                    </a:lnTo>
                    <a:lnTo>
                      <a:pt x="187" y="135"/>
                    </a:lnTo>
                    <a:lnTo>
                      <a:pt x="190" y="132"/>
                    </a:lnTo>
                    <a:lnTo>
                      <a:pt x="194" y="129"/>
                    </a:lnTo>
                    <a:lnTo>
                      <a:pt x="197" y="123"/>
                    </a:lnTo>
                    <a:lnTo>
                      <a:pt x="200" y="116"/>
                    </a:lnTo>
                    <a:lnTo>
                      <a:pt x="202" y="107"/>
                    </a:lnTo>
                    <a:lnTo>
                      <a:pt x="205" y="97"/>
                    </a:lnTo>
                    <a:lnTo>
                      <a:pt x="206" y="88"/>
                    </a:lnTo>
                    <a:lnTo>
                      <a:pt x="206" y="79"/>
                    </a:lnTo>
                    <a:lnTo>
                      <a:pt x="203" y="72"/>
                    </a:lnTo>
                    <a:lnTo>
                      <a:pt x="201" y="69"/>
                    </a:lnTo>
                    <a:lnTo>
                      <a:pt x="198" y="68"/>
                    </a:lnTo>
                    <a:lnTo>
                      <a:pt x="194" y="66"/>
                    </a:lnTo>
                    <a:lnTo>
                      <a:pt x="190" y="66"/>
                    </a:lnTo>
                    <a:lnTo>
                      <a:pt x="171" y="66"/>
                    </a:lnTo>
                    <a:lnTo>
                      <a:pt x="153" y="65"/>
                    </a:lnTo>
                    <a:lnTo>
                      <a:pt x="144" y="63"/>
                    </a:lnTo>
                    <a:lnTo>
                      <a:pt x="136" y="59"/>
                    </a:lnTo>
                    <a:lnTo>
                      <a:pt x="130" y="53"/>
                    </a:lnTo>
                    <a:lnTo>
                      <a:pt x="123" y="47"/>
                    </a:lnTo>
                    <a:lnTo>
                      <a:pt x="104" y="28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59" name="Freeform 54"/>
              <p:cNvSpPr>
                <a:spLocks/>
              </p:cNvSpPr>
              <p:nvPr/>
            </p:nvSpPr>
            <p:spPr bwMode="auto">
              <a:xfrm>
                <a:off x="7541133" y="2975114"/>
                <a:ext cx="98371" cy="74059"/>
              </a:xfrm>
              <a:custGeom>
                <a:avLst/>
                <a:gdLst/>
                <a:ahLst/>
                <a:cxnLst>
                  <a:cxn ang="0">
                    <a:pos x="10" y="100"/>
                  </a:cxn>
                  <a:cxn ang="0">
                    <a:pos x="8" y="78"/>
                  </a:cxn>
                  <a:cxn ang="0">
                    <a:pos x="1" y="56"/>
                  </a:cxn>
                  <a:cxn ang="0">
                    <a:pos x="1" y="38"/>
                  </a:cxn>
                  <a:cxn ang="0">
                    <a:pos x="4" y="29"/>
                  </a:cxn>
                  <a:cxn ang="0">
                    <a:pos x="9" y="26"/>
                  </a:cxn>
                  <a:cxn ang="0">
                    <a:pos x="16" y="26"/>
                  </a:cxn>
                  <a:cxn ang="0">
                    <a:pos x="25" y="32"/>
                  </a:cxn>
                  <a:cxn ang="0">
                    <a:pos x="38" y="42"/>
                  </a:cxn>
                  <a:cxn ang="0">
                    <a:pos x="56" y="48"/>
                  </a:cxn>
                  <a:cxn ang="0">
                    <a:pos x="75" y="51"/>
                  </a:cxn>
                  <a:cxn ang="0">
                    <a:pos x="95" y="44"/>
                  </a:cxn>
                  <a:cxn ang="0">
                    <a:pos x="114" y="29"/>
                  </a:cxn>
                  <a:cxn ang="0">
                    <a:pos x="133" y="12"/>
                  </a:cxn>
                  <a:cxn ang="0">
                    <a:pos x="149" y="3"/>
                  </a:cxn>
                  <a:cxn ang="0">
                    <a:pos x="161" y="0"/>
                  </a:cxn>
                  <a:cxn ang="0">
                    <a:pos x="174" y="0"/>
                  </a:cxn>
                  <a:cxn ang="0">
                    <a:pos x="188" y="3"/>
                  </a:cxn>
                  <a:cxn ang="0">
                    <a:pos x="205" y="11"/>
                  </a:cxn>
                  <a:cxn ang="0">
                    <a:pos x="215" y="17"/>
                  </a:cxn>
                  <a:cxn ang="0">
                    <a:pos x="218" y="24"/>
                  </a:cxn>
                  <a:cxn ang="0">
                    <a:pos x="214" y="28"/>
                  </a:cxn>
                  <a:cxn ang="0">
                    <a:pos x="187" y="35"/>
                  </a:cxn>
                  <a:cxn ang="0">
                    <a:pos x="154" y="48"/>
                  </a:cxn>
                  <a:cxn ang="0">
                    <a:pos x="135" y="60"/>
                  </a:cxn>
                  <a:cxn ang="0">
                    <a:pos x="124" y="59"/>
                  </a:cxn>
                  <a:cxn ang="0">
                    <a:pos x="113" y="57"/>
                  </a:cxn>
                  <a:cxn ang="0">
                    <a:pos x="101" y="60"/>
                  </a:cxn>
                  <a:cxn ang="0">
                    <a:pos x="86" y="76"/>
                  </a:cxn>
                  <a:cxn ang="0">
                    <a:pos x="66" y="100"/>
                  </a:cxn>
                  <a:cxn ang="0">
                    <a:pos x="49" y="118"/>
                  </a:cxn>
                  <a:cxn ang="0">
                    <a:pos x="39" y="133"/>
                  </a:cxn>
                  <a:cxn ang="0">
                    <a:pos x="30" y="152"/>
                  </a:cxn>
                  <a:cxn ang="0">
                    <a:pos x="19" y="165"/>
                  </a:cxn>
                  <a:cxn ang="0">
                    <a:pos x="13" y="162"/>
                  </a:cxn>
                  <a:cxn ang="0">
                    <a:pos x="6" y="153"/>
                  </a:cxn>
                  <a:cxn ang="0">
                    <a:pos x="12" y="113"/>
                  </a:cxn>
                </a:cxnLst>
                <a:rect l="0" t="0" r="r" b="b"/>
                <a:pathLst>
                  <a:path w="218" h="165">
                    <a:moveTo>
                      <a:pt x="12" y="113"/>
                    </a:moveTo>
                    <a:lnTo>
                      <a:pt x="10" y="100"/>
                    </a:lnTo>
                    <a:lnTo>
                      <a:pt x="10" y="89"/>
                    </a:lnTo>
                    <a:lnTo>
                      <a:pt x="8" y="78"/>
                    </a:lnTo>
                    <a:lnTo>
                      <a:pt x="4" y="65"/>
                    </a:lnTo>
                    <a:lnTo>
                      <a:pt x="1" y="56"/>
                    </a:lnTo>
                    <a:lnTo>
                      <a:pt x="0" y="47"/>
                    </a:lnTo>
                    <a:lnTo>
                      <a:pt x="1" y="38"/>
                    </a:lnTo>
                    <a:lnTo>
                      <a:pt x="3" y="32"/>
                    </a:lnTo>
                    <a:lnTo>
                      <a:pt x="4" y="29"/>
                    </a:lnTo>
                    <a:lnTo>
                      <a:pt x="6" y="26"/>
                    </a:lnTo>
                    <a:lnTo>
                      <a:pt x="9" y="26"/>
                    </a:lnTo>
                    <a:lnTo>
                      <a:pt x="12" y="25"/>
                    </a:lnTo>
                    <a:lnTo>
                      <a:pt x="16" y="26"/>
                    </a:lnTo>
                    <a:lnTo>
                      <a:pt x="19" y="28"/>
                    </a:lnTo>
                    <a:lnTo>
                      <a:pt x="25" y="32"/>
                    </a:lnTo>
                    <a:lnTo>
                      <a:pt x="30" y="35"/>
                    </a:lnTo>
                    <a:lnTo>
                      <a:pt x="38" y="42"/>
                    </a:lnTo>
                    <a:lnTo>
                      <a:pt x="47" y="46"/>
                    </a:lnTo>
                    <a:lnTo>
                      <a:pt x="56" y="48"/>
                    </a:lnTo>
                    <a:lnTo>
                      <a:pt x="66" y="51"/>
                    </a:lnTo>
                    <a:lnTo>
                      <a:pt x="75" y="51"/>
                    </a:lnTo>
                    <a:lnTo>
                      <a:pt x="86" y="48"/>
                    </a:lnTo>
                    <a:lnTo>
                      <a:pt x="95" y="44"/>
                    </a:lnTo>
                    <a:lnTo>
                      <a:pt x="102" y="39"/>
                    </a:lnTo>
                    <a:lnTo>
                      <a:pt x="114" y="29"/>
                    </a:lnTo>
                    <a:lnTo>
                      <a:pt x="123" y="20"/>
                    </a:lnTo>
                    <a:lnTo>
                      <a:pt x="133" y="12"/>
                    </a:lnTo>
                    <a:lnTo>
                      <a:pt x="144" y="6"/>
                    </a:lnTo>
                    <a:lnTo>
                      <a:pt x="149" y="3"/>
                    </a:lnTo>
                    <a:lnTo>
                      <a:pt x="154" y="2"/>
                    </a:lnTo>
                    <a:lnTo>
                      <a:pt x="161" y="0"/>
                    </a:lnTo>
                    <a:lnTo>
                      <a:pt x="167" y="0"/>
                    </a:lnTo>
                    <a:lnTo>
                      <a:pt x="174" y="0"/>
                    </a:lnTo>
                    <a:lnTo>
                      <a:pt x="180" y="2"/>
                    </a:lnTo>
                    <a:lnTo>
                      <a:pt x="188" y="3"/>
                    </a:lnTo>
                    <a:lnTo>
                      <a:pt x="196" y="7"/>
                    </a:lnTo>
                    <a:lnTo>
                      <a:pt x="205" y="11"/>
                    </a:lnTo>
                    <a:lnTo>
                      <a:pt x="211" y="15"/>
                    </a:lnTo>
                    <a:lnTo>
                      <a:pt x="215" y="17"/>
                    </a:lnTo>
                    <a:lnTo>
                      <a:pt x="218" y="20"/>
                    </a:lnTo>
                    <a:lnTo>
                      <a:pt x="218" y="24"/>
                    </a:lnTo>
                    <a:lnTo>
                      <a:pt x="216" y="25"/>
                    </a:lnTo>
                    <a:lnTo>
                      <a:pt x="214" y="28"/>
                    </a:lnTo>
                    <a:lnTo>
                      <a:pt x="210" y="30"/>
                    </a:lnTo>
                    <a:lnTo>
                      <a:pt x="187" y="35"/>
                    </a:lnTo>
                    <a:lnTo>
                      <a:pt x="167" y="41"/>
                    </a:lnTo>
                    <a:lnTo>
                      <a:pt x="154" y="48"/>
                    </a:lnTo>
                    <a:lnTo>
                      <a:pt x="141" y="57"/>
                    </a:lnTo>
                    <a:lnTo>
                      <a:pt x="135" y="60"/>
                    </a:lnTo>
                    <a:lnTo>
                      <a:pt x="130" y="60"/>
                    </a:lnTo>
                    <a:lnTo>
                      <a:pt x="124" y="59"/>
                    </a:lnTo>
                    <a:lnTo>
                      <a:pt x="118" y="59"/>
                    </a:lnTo>
                    <a:lnTo>
                      <a:pt x="113" y="57"/>
                    </a:lnTo>
                    <a:lnTo>
                      <a:pt x="108" y="57"/>
                    </a:lnTo>
                    <a:lnTo>
                      <a:pt x="101" y="60"/>
                    </a:lnTo>
                    <a:lnTo>
                      <a:pt x="95" y="63"/>
                    </a:lnTo>
                    <a:lnTo>
                      <a:pt x="86" y="76"/>
                    </a:lnTo>
                    <a:lnTo>
                      <a:pt x="79" y="87"/>
                    </a:lnTo>
                    <a:lnTo>
                      <a:pt x="66" y="100"/>
                    </a:lnTo>
                    <a:lnTo>
                      <a:pt x="54" y="112"/>
                    </a:lnTo>
                    <a:lnTo>
                      <a:pt x="49" y="118"/>
                    </a:lnTo>
                    <a:lnTo>
                      <a:pt x="43" y="125"/>
                    </a:lnTo>
                    <a:lnTo>
                      <a:pt x="39" y="133"/>
                    </a:lnTo>
                    <a:lnTo>
                      <a:pt x="35" y="140"/>
                    </a:lnTo>
                    <a:lnTo>
                      <a:pt x="30" y="152"/>
                    </a:lnTo>
                    <a:lnTo>
                      <a:pt x="23" y="162"/>
                    </a:lnTo>
                    <a:lnTo>
                      <a:pt x="19" y="165"/>
                    </a:lnTo>
                    <a:lnTo>
                      <a:pt x="17" y="165"/>
                    </a:lnTo>
                    <a:lnTo>
                      <a:pt x="13" y="162"/>
                    </a:lnTo>
                    <a:lnTo>
                      <a:pt x="10" y="160"/>
                    </a:lnTo>
                    <a:lnTo>
                      <a:pt x="6" y="153"/>
                    </a:lnTo>
                    <a:lnTo>
                      <a:pt x="5" y="146"/>
                    </a:lnTo>
                    <a:lnTo>
                      <a:pt x="12" y="113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60" name="Freeform 55"/>
              <p:cNvSpPr>
                <a:spLocks/>
              </p:cNvSpPr>
              <p:nvPr/>
            </p:nvSpPr>
            <p:spPr bwMode="auto">
              <a:xfrm>
                <a:off x="7477375" y="2467543"/>
                <a:ext cx="49186" cy="28901"/>
              </a:xfrm>
              <a:custGeom>
                <a:avLst/>
                <a:gdLst/>
                <a:ahLst/>
                <a:cxnLst>
                  <a:cxn ang="0">
                    <a:pos x="16" y="37"/>
                  </a:cxn>
                  <a:cxn ang="0">
                    <a:pos x="17" y="33"/>
                  </a:cxn>
                  <a:cxn ang="0">
                    <a:pos x="22" y="29"/>
                  </a:cxn>
                  <a:cxn ang="0">
                    <a:pos x="28" y="24"/>
                  </a:cxn>
                  <a:cxn ang="0">
                    <a:pos x="35" y="17"/>
                  </a:cxn>
                  <a:cxn ang="0">
                    <a:pos x="51" y="8"/>
                  </a:cxn>
                  <a:cxn ang="0">
                    <a:pos x="61" y="3"/>
                  </a:cxn>
                  <a:cxn ang="0">
                    <a:pos x="72" y="0"/>
                  </a:cxn>
                  <a:cxn ang="0">
                    <a:pos x="83" y="0"/>
                  </a:cxn>
                  <a:cxn ang="0">
                    <a:pos x="96" y="0"/>
                  </a:cxn>
                  <a:cxn ang="0">
                    <a:pos x="105" y="3"/>
                  </a:cxn>
                  <a:cxn ang="0">
                    <a:pos x="101" y="10"/>
                  </a:cxn>
                  <a:cxn ang="0">
                    <a:pos x="96" y="16"/>
                  </a:cxn>
                  <a:cxn ang="0">
                    <a:pos x="90" y="32"/>
                  </a:cxn>
                  <a:cxn ang="0">
                    <a:pos x="86" y="47"/>
                  </a:cxn>
                  <a:cxn ang="0">
                    <a:pos x="83" y="54"/>
                  </a:cxn>
                  <a:cxn ang="0">
                    <a:pos x="79" y="59"/>
                  </a:cxn>
                  <a:cxn ang="0">
                    <a:pos x="76" y="61"/>
                  </a:cxn>
                  <a:cxn ang="0">
                    <a:pos x="72" y="64"/>
                  </a:cxn>
                  <a:cxn ang="0">
                    <a:pos x="68" y="65"/>
                  </a:cxn>
                  <a:cxn ang="0">
                    <a:pos x="63" y="65"/>
                  </a:cxn>
                  <a:cxn ang="0">
                    <a:pos x="59" y="65"/>
                  </a:cxn>
                  <a:cxn ang="0">
                    <a:pos x="55" y="65"/>
                  </a:cxn>
                  <a:cxn ang="0">
                    <a:pos x="52" y="63"/>
                  </a:cxn>
                  <a:cxn ang="0">
                    <a:pos x="50" y="61"/>
                  </a:cxn>
                  <a:cxn ang="0">
                    <a:pos x="47" y="59"/>
                  </a:cxn>
                  <a:cxn ang="0">
                    <a:pos x="43" y="57"/>
                  </a:cxn>
                  <a:cxn ang="0">
                    <a:pos x="39" y="57"/>
                  </a:cxn>
                  <a:cxn ang="0">
                    <a:pos x="34" y="59"/>
                  </a:cxn>
                  <a:cxn ang="0">
                    <a:pos x="29" y="60"/>
                  </a:cxn>
                  <a:cxn ang="0">
                    <a:pos x="24" y="61"/>
                  </a:cxn>
                  <a:cxn ang="0">
                    <a:pos x="20" y="61"/>
                  </a:cxn>
                  <a:cxn ang="0">
                    <a:pos x="15" y="60"/>
                  </a:cxn>
                  <a:cxn ang="0">
                    <a:pos x="11" y="59"/>
                  </a:cxn>
                  <a:cxn ang="0">
                    <a:pos x="7" y="55"/>
                  </a:cxn>
                  <a:cxn ang="0">
                    <a:pos x="3" y="51"/>
                  </a:cxn>
                  <a:cxn ang="0">
                    <a:pos x="0" y="46"/>
                  </a:cxn>
                  <a:cxn ang="0">
                    <a:pos x="16" y="37"/>
                  </a:cxn>
                </a:cxnLst>
                <a:rect l="0" t="0" r="r" b="b"/>
                <a:pathLst>
                  <a:path w="105" h="65">
                    <a:moveTo>
                      <a:pt x="16" y="37"/>
                    </a:moveTo>
                    <a:lnTo>
                      <a:pt x="17" y="33"/>
                    </a:lnTo>
                    <a:lnTo>
                      <a:pt x="22" y="29"/>
                    </a:lnTo>
                    <a:lnTo>
                      <a:pt x="28" y="24"/>
                    </a:lnTo>
                    <a:lnTo>
                      <a:pt x="35" y="17"/>
                    </a:lnTo>
                    <a:lnTo>
                      <a:pt x="51" y="8"/>
                    </a:lnTo>
                    <a:lnTo>
                      <a:pt x="61" y="3"/>
                    </a:lnTo>
                    <a:lnTo>
                      <a:pt x="72" y="0"/>
                    </a:lnTo>
                    <a:lnTo>
                      <a:pt x="83" y="0"/>
                    </a:lnTo>
                    <a:lnTo>
                      <a:pt x="96" y="0"/>
                    </a:lnTo>
                    <a:lnTo>
                      <a:pt x="105" y="3"/>
                    </a:lnTo>
                    <a:lnTo>
                      <a:pt x="101" y="10"/>
                    </a:lnTo>
                    <a:lnTo>
                      <a:pt x="96" y="16"/>
                    </a:lnTo>
                    <a:lnTo>
                      <a:pt x="90" y="32"/>
                    </a:lnTo>
                    <a:lnTo>
                      <a:pt x="86" y="47"/>
                    </a:lnTo>
                    <a:lnTo>
                      <a:pt x="83" y="54"/>
                    </a:lnTo>
                    <a:lnTo>
                      <a:pt x="79" y="59"/>
                    </a:lnTo>
                    <a:lnTo>
                      <a:pt x="76" y="61"/>
                    </a:lnTo>
                    <a:lnTo>
                      <a:pt x="72" y="64"/>
                    </a:lnTo>
                    <a:lnTo>
                      <a:pt x="68" y="65"/>
                    </a:lnTo>
                    <a:lnTo>
                      <a:pt x="63" y="65"/>
                    </a:lnTo>
                    <a:lnTo>
                      <a:pt x="59" y="65"/>
                    </a:lnTo>
                    <a:lnTo>
                      <a:pt x="55" y="65"/>
                    </a:lnTo>
                    <a:lnTo>
                      <a:pt x="52" y="63"/>
                    </a:lnTo>
                    <a:lnTo>
                      <a:pt x="50" y="61"/>
                    </a:lnTo>
                    <a:lnTo>
                      <a:pt x="47" y="59"/>
                    </a:lnTo>
                    <a:lnTo>
                      <a:pt x="43" y="57"/>
                    </a:lnTo>
                    <a:lnTo>
                      <a:pt x="39" y="57"/>
                    </a:lnTo>
                    <a:lnTo>
                      <a:pt x="34" y="59"/>
                    </a:lnTo>
                    <a:lnTo>
                      <a:pt x="29" y="60"/>
                    </a:lnTo>
                    <a:lnTo>
                      <a:pt x="24" y="61"/>
                    </a:lnTo>
                    <a:lnTo>
                      <a:pt x="20" y="61"/>
                    </a:lnTo>
                    <a:lnTo>
                      <a:pt x="15" y="60"/>
                    </a:lnTo>
                    <a:lnTo>
                      <a:pt x="11" y="59"/>
                    </a:lnTo>
                    <a:lnTo>
                      <a:pt x="7" y="55"/>
                    </a:lnTo>
                    <a:lnTo>
                      <a:pt x="3" y="51"/>
                    </a:lnTo>
                    <a:lnTo>
                      <a:pt x="0" y="46"/>
                    </a:lnTo>
                    <a:lnTo>
                      <a:pt x="16" y="37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61" name="Freeform 56"/>
              <p:cNvSpPr>
                <a:spLocks/>
              </p:cNvSpPr>
              <p:nvPr/>
            </p:nvSpPr>
            <p:spPr bwMode="auto">
              <a:xfrm>
                <a:off x="7890898" y="2955245"/>
                <a:ext cx="47364" cy="52383"/>
              </a:xfrm>
              <a:custGeom>
                <a:avLst/>
                <a:gdLst/>
                <a:ahLst/>
                <a:cxnLst>
                  <a:cxn ang="0">
                    <a:pos x="39" y="99"/>
                  </a:cxn>
                  <a:cxn ang="0">
                    <a:pos x="34" y="96"/>
                  </a:cxn>
                  <a:cxn ang="0">
                    <a:pos x="27" y="92"/>
                  </a:cxn>
                  <a:cxn ang="0">
                    <a:pos x="21" y="87"/>
                  </a:cxn>
                  <a:cxn ang="0">
                    <a:pos x="14" y="80"/>
                  </a:cxn>
                  <a:cxn ang="0">
                    <a:pos x="8" y="73"/>
                  </a:cxn>
                  <a:cxn ang="0">
                    <a:pos x="4" y="65"/>
                  </a:cxn>
                  <a:cxn ang="0">
                    <a:pos x="1" y="58"/>
                  </a:cxn>
                  <a:cxn ang="0">
                    <a:pos x="0" y="52"/>
                  </a:cxn>
                  <a:cxn ang="0">
                    <a:pos x="1" y="40"/>
                  </a:cxn>
                  <a:cxn ang="0">
                    <a:pos x="6" y="23"/>
                  </a:cxn>
                  <a:cxn ang="0">
                    <a:pos x="9" y="14"/>
                  </a:cxn>
                  <a:cxn ang="0">
                    <a:pos x="12" y="8"/>
                  </a:cxn>
                  <a:cxn ang="0">
                    <a:pos x="14" y="1"/>
                  </a:cxn>
                  <a:cxn ang="0">
                    <a:pos x="17" y="0"/>
                  </a:cxn>
                  <a:cxn ang="0">
                    <a:pos x="21" y="0"/>
                  </a:cxn>
                  <a:cxn ang="0">
                    <a:pos x="25" y="1"/>
                  </a:cxn>
                  <a:cxn ang="0">
                    <a:pos x="30" y="5"/>
                  </a:cxn>
                  <a:cxn ang="0">
                    <a:pos x="36" y="10"/>
                  </a:cxn>
                  <a:cxn ang="0">
                    <a:pos x="47" y="20"/>
                  </a:cxn>
                  <a:cxn ang="0">
                    <a:pos x="53" y="27"/>
                  </a:cxn>
                  <a:cxn ang="0">
                    <a:pos x="66" y="39"/>
                  </a:cxn>
                  <a:cxn ang="0">
                    <a:pos x="82" y="49"/>
                  </a:cxn>
                  <a:cxn ang="0">
                    <a:pos x="88" y="55"/>
                  </a:cxn>
                  <a:cxn ang="0">
                    <a:pos x="95" y="60"/>
                  </a:cxn>
                  <a:cxn ang="0">
                    <a:pos x="100" y="66"/>
                  </a:cxn>
                  <a:cxn ang="0">
                    <a:pos x="102" y="74"/>
                  </a:cxn>
                  <a:cxn ang="0">
                    <a:pos x="104" y="83"/>
                  </a:cxn>
                  <a:cxn ang="0">
                    <a:pos x="104" y="91"/>
                  </a:cxn>
                  <a:cxn ang="0">
                    <a:pos x="102" y="99"/>
                  </a:cxn>
                  <a:cxn ang="0">
                    <a:pos x="100" y="105"/>
                  </a:cxn>
                  <a:cxn ang="0">
                    <a:pos x="95" y="110"/>
                  </a:cxn>
                  <a:cxn ang="0">
                    <a:pos x="88" y="113"/>
                  </a:cxn>
                  <a:cxn ang="0">
                    <a:pos x="80" y="115"/>
                  </a:cxn>
                  <a:cxn ang="0">
                    <a:pos x="70" y="115"/>
                  </a:cxn>
                  <a:cxn ang="0">
                    <a:pos x="39" y="99"/>
                  </a:cxn>
                </a:cxnLst>
                <a:rect l="0" t="0" r="r" b="b"/>
                <a:pathLst>
                  <a:path w="104" h="115">
                    <a:moveTo>
                      <a:pt x="39" y="99"/>
                    </a:moveTo>
                    <a:lnTo>
                      <a:pt x="34" y="96"/>
                    </a:lnTo>
                    <a:lnTo>
                      <a:pt x="27" y="92"/>
                    </a:lnTo>
                    <a:lnTo>
                      <a:pt x="21" y="87"/>
                    </a:lnTo>
                    <a:lnTo>
                      <a:pt x="14" y="80"/>
                    </a:lnTo>
                    <a:lnTo>
                      <a:pt x="8" y="73"/>
                    </a:lnTo>
                    <a:lnTo>
                      <a:pt x="4" y="65"/>
                    </a:lnTo>
                    <a:lnTo>
                      <a:pt x="1" y="58"/>
                    </a:lnTo>
                    <a:lnTo>
                      <a:pt x="0" y="52"/>
                    </a:lnTo>
                    <a:lnTo>
                      <a:pt x="1" y="40"/>
                    </a:lnTo>
                    <a:lnTo>
                      <a:pt x="6" y="23"/>
                    </a:lnTo>
                    <a:lnTo>
                      <a:pt x="9" y="14"/>
                    </a:lnTo>
                    <a:lnTo>
                      <a:pt x="12" y="8"/>
                    </a:lnTo>
                    <a:lnTo>
                      <a:pt x="14" y="1"/>
                    </a:lnTo>
                    <a:lnTo>
                      <a:pt x="17" y="0"/>
                    </a:lnTo>
                    <a:lnTo>
                      <a:pt x="21" y="0"/>
                    </a:lnTo>
                    <a:lnTo>
                      <a:pt x="25" y="1"/>
                    </a:lnTo>
                    <a:lnTo>
                      <a:pt x="30" y="5"/>
                    </a:lnTo>
                    <a:lnTo>
                      <a:pt x="36" y="10"/>
                    </a:lnTo>
                    <a:lnTo>
                      <a:pt x="47" y="20"/>
                    </a:lnTo>
                    <a:lnTo>
                      <a:pt x="53" y="27"/>
                    </a:lnTo>
                    <a:lnTo>
                      <a:pt x="66" y="39"/>
                    </a:lnTo>
                    <a:lnTo>
                      <a:pt x="82" y="49"/>
                    </a:lnTo>
                    <a:lnTo>
                      <a:pt x="88" y="55"/>
                    </a:lnTo>
                    <a:lnTo>
                      <a:pt x="95" y="60"/>
                    </a:lnTo>
                    <a:lnTo>
                      <a:pt x="100" y="66"/>
                    </a:lnTo>
                    <a:lnTo>
                      <a:pt x="102" y="74"/>
                    </a:lnTo>
                    <a:lnTo>
                      <a:pt x="104" y="83"/>
                    </a:lnTo>
                    <a:lnTo>
                      <a:pt x="104" y="91"/>
                    </a:lnTo>
                    <a:lnTo>
                      <a:pt x="102" y="99"/>
                    </a:lnTo>
                    <a:lnTo>
                      <a:pt x="100" y="105"/>
                    </a:lnTo>
                    <a:lnTo>
                      <a:pt x="95" y="110"/>
                    </a:lnTo>
                    <a:lnTo>
                      <a:pt x="88" y="113"/>
                    </a:lnTo>
                    <a:lnTo>
                      <a:pt x="80" y="115"/>
                    </a:lnTo>
                    <a:lnTo>
                      <a:pt x="70" y="115"/>
                    </a:lnTo>
                    <a:lnTo>
                      <a:pt x="39" y="99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62" name="Freeform 57"/>
              <p:cNvSpPr>
                <a:spLocks/>
              </p:cNvSpPr>
              <p:nvPr/>
            </p:nvSpPr>
            <p:spPr bwMode="auto">
              <a:xfrm>
                <a:off x="7094820" y="2360971"/>
                <a:ext cx="391664" cy="621369"/>
              </a:xfrm>
              <a:custGeom>
                <a:avLst/>
                <a:gdLst/>
                <a:ahLst/>
                <a:cxnLst>
                  <a:cxn ang="0">
                    <a:pos x="278" y="1365"/>
                  </a:cxn>
                  <a:cxn ang="0">
                    <a:pos x="347" y="1373"/>
                  </a:cxn>
                  <a:cxn ang="0">
                    <a:pos x="419" y="1342"/>
                  </a:cxn>
                  <a:cxn ang="0">
                    <a:pos x="423" y="1303"/>
                  </a:cxn>
                  <a:cxn ang="0">
                    <a:pos x="369" y="1256"/>
                  </a:cxn>
                  <a:cxn ang="0">
                    <a:pos x="358" y="1195"/>
                  </a:cxn>
                  <a:cxn ang="0">
                    <a:pos x="405" y="1182"/>
                  </a:cxn>
                  <a:cxn ang="0">
                    <a:pos x="410" y="1107"/>
                  </a:cxn>
                  <a:cxn ang="0">
                    <a:pos x="456" y="1014"/>
                  </a:cxn>
                  <a:cxn ang="0">
                    <a:pos x="457" y="974"/>
                  </a:cxn>
                  <a:cxn ang="0">
                    <a:pos x="452" y="941"/>
                  </a:cxn>
                  <a:cxn ang="0">
                    <a:pos x="514" y="947"/>
                  </a:cxn>
                  <a:cxn ang="0">
                    <a:pos x="520" y="888"/>
                  </a:cxn>
                  <a:cxn ang="0">
                    <a:pos x="572" y="892"/>
                  </a:cxn>
                  <a:cxn ang="0">
                    <a:pos x="610" y="870"/>
                  </a:cxn>
                  <a:cxn ang="0">
                    <a:pos x="629" y="770"/>
                  </a:cxn>
                  <a:cxn ang="0">
                    <a:pos x="656" y="729"/>
                  </a:cxn>
                  <a:cxn ang="0">
                    <a:pos x="703" y="800"/>
                  </a:cxn>
                  <a:cxn ang="0">
                    <a:pos x="754" y="754"/>
                  </a:cxn>
                  <a:cxn ang="0">
                    <a:pos x="773" y="804"/>
                  </a:cxn>
                  <a:cxn ang="0">
                    <a:pos x="789" y="773"/>
                  </a:cxn>
                  <a:cxn ang="0">
                    <a:pos x="827" y="747"/>
                  </a:cxn>
                  <a:cxn ang="0">
                    <a:pos x="839" y="700"/>
                  </a:cxn>
                  <a:cxn ang="0">
                    <a:pos x="859" y="664"/>
                  </a:cxn>
                  <a:cxn ang="0">
                    <a:pos x="827" y="620"/>
                  </a:cxn>
                  <a:cxn ang="0">
                    <a:pos x="794" y="592"/>
                  </a:cxn>
                  <a:cxn ang="0">
                    <a:pos x="725" y="590"/>
                  </a:cxn>
                  <a:cxn ang="0">
                    <a:pos x="667" y="559"/>
                  </a:cxn>
                  <a:cxn ang="0">
                    <a:pos x="686" y="492"/>
                  </a:cxn>
                  <a:cxn ang="0">
                    <a:pos x="706" y="369"/>
                  </a:cxn>
                  <a:cxn ang="0">
                    <a:pos x="777" y="265"/>
                  </a:cxn>
                  <a:cxn ang="0">
                    <a:pos x="795" y="169"/>
                  </a:cxn>
                  <a:cxn ang="0">
                    <a:pos x="774" y="102"/>
                  </a:cxn>
                  <a:cxn ang="0">
                    <a:pos x="826" y="24"/>
                  </a:cxn>
                  <a:cxn ang="0">
                    <a:pos x="804" y="1"/>
                  </a:cxn>
                  <a:cxn ang="0">
                    <a:pos x="706" y="46"/>
                  </a:cxn>
                  <a:cxn ang="0">
                    <a:pos x="621" y="62"/>
                  </a:cxn>
                  <a:cxn ang="0">
                    <a:pos x="589" y="131"/>
                  </a:cxn>
                  <a:cxn ang="0">
                    <a:pos x="510" y="239"/>
                  </a:cxn>
                  <a:cxn ang="0">
                    <a:pos x="422" y="276"/>
                  </a:cxn>
                  <a:cxn ang="0">
                    <a:pos x="313" y="287"/>
                  </a:cxn>
                  <a:cxn ang="0">
                    <a:pos x="219" y="307"/>
                  </a:cxn>
                  <a:cxn ang="0">
                    <a:pos x="173" y="379"/>
                  </a:cxn>
                  <a:cxn ang="0">
                    <a:pos x="155" y="435"/>
                  </a:cxn>
                  <a:cxn ang="0">
                    <a:pos x="206" y="482"/>
                  </a:cxn>
                  <a:cxn ang="0">
                    <a:pos x="190" y="518"/>
                  </a:cxn>
                  <a:cxn ang="0">
                    <a:pos x="141" y="506"/>
                  </a:cxn>
                  <a:cxn ang="0">
                    <a:pos x="102" y="541"/>
                  </a:cxn>
                  <a:cxn ang="0">
                    <a:pos x="116" y="579"/>
                  </a:cxn>
                  <a:cxn ang="0">
                    <a:pos x="80" y="594"/>
                  </a:cxn>
                  <a:cxn ang="0">
                    <a:pos x="38" y="707"/>
                  </a:cxn>
                  <a:cxn ang="0">
                    <a:pos x="0" y="934"/>
                  </a:cxn>
                  <a:cxn ang="0">
                    <a:pos x="29" y="1001"/>
                  </a:cxn>
                  <a:cxn ang="0">
                    <a:pos x="68" y="971"/>
                  </a:cxn>
                  <a:cxn ang="0">
                    <a:pos x="106" y="1013"/>
                  </a:cxn>
                  <a:cxn ang="0">
                    <a:pos x="128" y="1163"/>
                  </a:cxn>
                </a:cxnLst>
                <a:rect l="0" t="0" r="r" b="b"/>
                <a:pathLst>
                  <a:path w="860" h="1378">
                    <a:moveTo>
                      <a:pt x="127" y="1267"/>
                    </a:moveTo>
                    <a:lnTo>
                      <a:pt x="208" y="1278"/>
                    </a:lnTo>
                    <a:lnTo>
                      <a:pt x="225" y="1304"/>
                    </a:lnTo>
                    <a:lnTo>
                      <a:pt x="244" y="1331"/>
                    </a:lnTo>
                    <a:lnTo>
                      <a:pt x="255" y="1344"/>
                    </a:lnTo>
                    <a:lnTo>
                      <a:pt x="266" y="1356"/>
                    </a:lnTo>
                    <a:lnTo>
                      <a:pt x="278" y="1365"/>
                    </a:lnTo>
                    <a:lnTo>
                      <a:pt x="291" y="1373"/>
                    </a:lnTo>
                    <a:lnTo>
                      <a:pt x="301" y="1377"/>
                    </a:lnTo>
                    <a:lnTo>
                      <a:pt x="311" y="1378"/>
                    </a:lnTo>
                    <a:lnTo>
                      <a:pt x="321" y="1378"/>
                    </a:lnTo>
                    <a:lnTo>
                      <a:pt x="329" y="1378"/>
                    </a:lnTo>
                    <a:lnTo>
                      <a:pt x="338" y="1375"/>
                    </a:lnTo>
                    <a:lnTo>
                      <a:pt x="347" y="1373"/>
                    </a:lnTo>
                    <a:lnTo>
                      <a:pt x="355" y="1369"/>
                    </a:lnTo>
                    <a:lnTo>
                      <a:pt x="362" y="1365"/>
                    </a:lnTo>
                    <a:lnTo>
                      <a:pt x="379" y="1357"/>
                    </a:lnTo>
                    <a:lnTo>
                      <a:pt x="395" y="1348"/>
                    </a:lnTo>
                    <a:lnTo>
                      <a:pt x="403" y="1346"/>
                    </a:lnTo>
                    <a:lnTo>
                      <a:pt x="412" y="1343"/>
                    </a:lnTo>
                    <a:lnTo>
                      <a:pt x="419" y="1342"/>
                    </a:lnTo>
                    <a:lnTo>
                      <a:pt x="428" y="1340"/>
                    </a:lnTo>
                    <a:lnTo>
                      <a:pt x="428" y="1340"/>
                    </a:lnTo>
                    <a:lnTo>
                      <a:pt x="430" y="1334"/>
                    </a:lnTo>
                    <a:lnTo>
                      <a:pt x="431" y="1327"/>
                    </a:lnTo>
                    <a:lnTo>
                      <a:pt x="430" y="1320"/>
                    </a:lnTo>
                    <a:lnTo>
                      <a:pt x="427" y="1312"/>
                    </a:lnTo>
                    <a:lnTo>
                      <a:pt x="423" y="1303"/>
                    </a:lnTo>
                    <a:lnTo>
                      <a:pt x="418" y="1295"/>
                    </a:lnTo>
                    <a:lnTo>
                      <a:pt x="413" y="1287"/>
                    </a:lnTo>
                    <a:lnTo>
                      <a:pt x="406" y="1280"/>
                    </a:lnTo>
                    <a:lnTo>
                      <a:pt x="400" y="1274"/>
                    </a:lnTo>
                    <a:lnTo>
                      <a:pt x="395" y="1269"/>
                    </a:lnTo>
                    <a:lnTo>
                      <a:pt x="382" y="1261"/>
                    </a:lnTo>
                    <a:lnTo>
                      <a:pt x="369" y="1256"/>
                    </a:lnTo>
                    <a:lnTo>
                      <a:pt x="356" y="1250"/>
                    </a:lnTo>
                    <a:lnTo>
                      <a:pt x="344" y="1243"/>
                    </a:lnTo>
                    <a:lnTo>
                      <a:pt x="343" y="1239"/>
                    </a:lnTo>
                    <a:lnTo>
                      <a:pt x="344" y="1233"/>
                    </a:lnTo>
                    <a:lnTo>
                      <a:pt x="347" y="1225"/>
                    </a:lnTo>
                    <a:lnTo>
                      <a:pt x="351" y="1215"/>
                    </a:lnTo>
                    <a:lnTo>
                      <a:pt x="358" y="1195"/>
                    </a:lnTo>
                    <a:lnTo>
                      <a:pt x="365" y="1182"/>
                    </a:lnTo>
                    <a:lnTo>
                      <a:pt x="370" y="1182"/>
                    </a:lnTo>
                    <a:lnTo>
                      <a:pt x="382" y="1184"/>
                    </a:lnTo>
                    <a:lnTo>
                      <a:pt x="388" y="1185"/>
                    </a:lnTo>
                    <a:lnTo>
                      <a:pt x="395" y="1185"/>
                    </a:lnTo>
                    <a:lnTo>
                      <a:pt x="401" y="1185"/>
                    </a:lnTo>
                    <a:lnTo>
                      <a:pt x="405" y="1182"/>
                    </a:lnTo>
                    <a:lnTo>
                      <a:pt x="410" y="1177"/>
                    </a:lnTo>
                    <a:lnTo>
                      <a:pt x="413" y="1172"/>
                    </a:lnTo>
                    <a:lnTo>
                      <a:pt x="414" y="1166"/>
                    </a:lnTo>
                    <a:lnTo>
                      <a:pt x="415" y="1159"/>
                    </a:lnTo>
                    <a:lnTo>
                      <a:pt x="415" y="1146"/>
                    </a:lnTo>
                    <a:lnTo>
                      <a:pt x="415" y="1133"/>
                    </a:lnTo>
                    <a:lnTo>
                      <a:pt x="410" y="1107"/>
                    </a:lnTo>
                    <a:lnTo>
                      <a:pt x="408" y="1083"/>
                    </a:lnTo>
                    <a:lnTo>
                      <a:pt x="408" y="1058"/>
                    </a:lnTo>
                    <a:lnTo>
                      <a:pt x="408" y="1033"/>
                    </a:lnTo>
                    <a:lnTo>
                      <a:pt x="425" y="1030"/>
                    </a:lnTo>
                    <a:lnTo>
                      <a:pt x="441" y="1024"/>
                    </a:lnTo>
                    <a:lnTo>
                      <a:pt x="449" y="1019"/>
                    </a:lnTo>
                    <a:lnTo>
                      <a:pt x="456" y="1014"/>
                    </a:lnTo>
                    <a:lnTo>
                      <a:pt x="457" y="1010"/>
                    </a:lnTo>
                    <a:lnTo>
                      <a:pt x="460" y="1006"/>
                    </a:lnTo>
                    <a:lnTo>
                      <a:pt x="461" y="1001"/>
                    </a:lnTo>
                    <a:lnTo>
                      <a:pt x="461" y="996"/>
                    </a:lnTo>
                    <a:lnTo>
                      <a:pt x="461" y="988"/>
                    </a:lnTo>
                    <a:lnTo>
                      <a:pt x="460" y="980"/>
                    </a:lnTo>
                    <a:lnTo>
                      <a:pt x="457" y="974"/>
                    </a:lnTo>
                    <a:lnTo>
                      <a:pt x="453" y="967"/>
                    </a:lnTo>
                    <a:lnTo>
                      <a:pt x="450" y="962"/>
                    </a:lnTo>
                    <a:lnTo>
                      <a:pt x="448" y="956"/>
                    </a:lnTo>
                    <a:lnTo>
                      <a:pt x="445" y="949"/>
                    </a:lnTo>
                    <a:lnTo>
                      <a:pt x="445" y="943"/>
                    </a:lnTo>
                    <a:lnTo>
                      <a:pt x="447" y="941"/>
                    </a:lnTo>
                    <a:lnTo>
                      <a:pt x="452" y="941"/>
                    </a:lnTo>
                    <a:lnTo>
                      <a:pt x="458" y="944"/>
                    </a:lnTo>
                    <a:lnTo>
                      <a:pt x="467" y="945"/>
                    </a:lnTo>
                    <a:lnTo>
                      <a:pt x="485" y="951"/>
                    </a:lnTo>
                    <a:lnTo>
                      <a:pt x="500" y="953"/>
                    </a:lnTo>
                    <a:lnTo>
                      <a:pt x="506" y="952"/>
                    </a:lnTo>
                    <a:lnTo>
                      <a:pt x="511" y="951"/>
                    </a:lnTo>
                    <a:lnTo>
                      <a:pt x="514" y="947"/>
                    </a:lnTo>
                    <a:lnTo>
                      <a:pt x="517" y="943"/>
                    </a:lnTo>
                    <a:lnTo>
                      <a:pt x="519" y="931"/>
                    </a:lnTo>
                    <a:lnTo>
                      <a:pt x="519" y="919"/>
                    </a:lnTo>
                    <a:lnTo>
                      <a:pt x="518" y="906"/>
                    </a:lnTo>
                    <a:lnTo>
                      <a:pt x="518" y="896"/>
                    </a:lnTo>
                    <a:lnTo>
                      <a:pt x="519" y="891"/>
                    </a:lnTo>
                    <a:lnTo>
                      <a:pt x="520" y="888"/>
                    </a:lnTo>
                    <a:lnTo>
                      <a:pt x="522" y="884"/>
                    </a:lnTo>
                    <a:lnTo>
                      <a:pt x="526" y="883"/>
                    </a:lnTo>
                    <a:lnTo>
                      <a:pt x="536" y="883"/>
                    </a:lnTo>
                    <a:lnTo>
                      <a:pt x="545" y="884"/>
                    </a:lnTo>
                    <a:lnTo>
                      <a:pt x="554" y="887"/>
                    </a:lnTo>
                    <a:lnTo>
                      <a:pt x="563" y="891"/>
                    </a:lnTo>
                    <a:lnTo>
                      <a:pt x="572" y="892"/>
                    </a:lnTo>
                    <a:lnTo>
                      <a:pt x="581" y="892"/>
                    </a:lnTo>
                    <a:lnTo>
                      <a:pt x="585" y="891"/>
                    </a:lnTo>
                    <a:lnTo>
                      <a:pt x="590" y="890"/>
                    </a:lnTo>
                    <a:lnTo>
                      <a:pt x="596" y="886"/>
                    </a:lnTo>
                    <a:lnTo>
                      <a:pt x="601" y="882"/>
                    </a:lnTo>
                    <a:lnTo>
                      <a:pt x="606" y="877"/>
                    </a:lnTo>
                    <a:lnTo>
                      <a:pt x="610" y="870"/>
                    </a:lnTo>
                    <a:lnTo>
                      <a:pt x="614" y="865"/>
                    </a:lnTo>
                    <a:lnTo>
                      <a:pt x="618" y="859"/>
                    </a:lnTo>
                    <a:lnTo>
                      <a:pt x="623" y="846"/>
                    </a:lnTo>
                    <a:lnTo>
                      <a:pt x="625" y="833"/>
                    </a:lnTo>
                    <a:lnTo>
                      <a:pt x="628" y="807"/>
                    </a:lnTo>
                    <a:lnTo>
                      <a:pt x="628" y="782"/>
                    </a:lnTo>
                    <a:lnTo>
                      <a:pt x="629" y="770"/>
                    </a:lnTo>
                    <a:lnTo>
                      <a:pt x="631" y="759"/>
                    </a:lnTo>
                    <a:lnTo>
                      <a:pt x="634" y="750"/>
                    </a:lnTo>
                    <a:lnTo>
                      <a:pt x="640" y="742"/>
                    </a:lnTo>
                    <a:lnTo>
                      <a:pt x="642" y="738"/>
                    </a:lnTo>
                    <a:lnTo>
                      <a:pt x="647" y="734"/>
                    </a:lnTo>
                    <a:lnTo>
                      <a:pt x="651" y="732"/>
                    </a:lnTo>
                    <a:lnTo>
                      <a:pt x="656" y="729"/>
                    </a:lnTo>
                    <a:lnTo>
                      <a:pt x="663" y="728"/>
                    </a:lnTo>
                    <a:lnTo>
                      <a:pt x="671" y="726"/>
                    </a:lnTo>
                    <a:lnTo>
                      <a:pt x="678" y="725"/>
                    </a:lnTo>
                    <a:lnTo>
                      <a:pt x="688" y="725"/>
                    </a:lnTo>
                    <a:lnTo>
                      <a:pt x="680" y="747"/>
                    </a:lnTo>
                    <a:lnTo>
                      <a:pt x="675" y="764"/>
                    </a:lnTo>
                    <a:lnTo>
                      <a:pt x="703" y="800"/>
                    </a:lnTo>
                    <a:lnTo>
                      <a:pt x="712" y="790"/>
                    </a:lnTo>
                    <a:lnTo>
                      <a:pt x="730" y="768"/>
                    </a:lnTo>
                    <a:lnTo>
                      <a:pt x="735" y="763"/>
                    </a:lnTo>
                    <a:lnTo>
                      <a:pt x="741" y="759"/>
                    </a:lnTo>
                    <a:lnTo>
                      <a:pt x="745" y="755"/>
                    </a:lnTo>
                    <a:lnTo>
                      <a:pt x="750" y="754"/>
                    </a:lnTo>
                    <a:lnTo>
                      <a:pt x="754" y="754"/>
                    </a:lnTo>
                    <a:lnTo>
                      <a:pt x="757" y="756"/>
                    </a:lnTo>
                    <a:lnTo>
                      <a:pt x="760" y="760"/>
                    </a:lnTo>
                    <a:lnTo>
                      <a:pt x="763" y="768"/>
                    </a:lnTo>
                    <a:lnTo>
                      <a:pt x="764" y="783"/>
                    </a:lnTo>
                    <a:lnTo>
                      <a:pt x="765" y="798"/>
                    </a:lnTo>
                    <a:lnTo>
                      <a:pt x="769" y="802"/>
                    </a:lnTo>
                    <a:lnTo>
                      <a:pt x="773" y="804"/>
                    </a:lnTo>
                    <a:lnTo>
                      <a:pt x="776" y="805"/>
                    </a:lnTo>
                    <a:lnTo>
                      <a:pt x="778" y="804"/>
                    </a:lnTo>
                    <a:lnTo>
                      <a:pt x="781" y="803"/>
                    </a:lnTo>
                    <a:lnTo>
                      <a:pt x="782" y="800"/>
                    </a:lnTo>
                    <a:lnTo>
                      <a:pt x="785" y="796"/>
                    </a:lnTo>
                    <a:lnTo>
                      <a:pt x="786" y="792"/>
                    </a:lnTo>
                    <a:lnTo>
                      <a:pt x="789" y="773"/>
                    </a:lnTo>
                    <a:lnTo>
                      <a:pt x="789" y="761"/>
                    </a:lnTo>
                    <a:lnTo>
                      <a:pt x="790" y="757"/>
                    </a:lnTo>
                    <a:lnTo>
                      <a:pt x="794" y="756"/>
                    </a:lnTo>
                    <a:lnTo>
                      <a:pt x="799" y="754"/>
                    </a:lnTo>
                    <a:lnTo>
                      <a:pt x="805" y="752"/>
                    </a:lnTo>
                    <a:lnTo>
                      <a:pt x="818" y="751"/>
                    </a:lnTo>
                    <a:lnTo>
                      <a:pt x="827" y="747"/>
                    </a:lnTo>
                    <a:lnTo>
                      <a:pt x="830" y="741"/>
                    </a:lnTo>
                    <a:lnTo>
                      <a:pt x="831" y="733"/>
                    </a:lnTo>
                    <a:lnTo>
                      <a:pt x="831" y="725"/>
                    </a:lnTo>
                    <a:lnTo>
                      <a:pt x="831" y="717"/>
                    </a:lnTo>
                    <a:lnTo>
                      <a:pt x="833" y="711"/>
                    </a:lnTo>
                    <a:lnTo>
                      <a:pt x="835" y="704"/>
                    </a:lnTo>
                    <a:lnTo>
                      <a:pt x="839" y="700"/>
                    </a:lnTo>
                    <a:lnTo>
                      <a:pt x="843" y="695"/>
                    </a:lnTo>
                    <a:lnTo>
                      <a:pt x="848" y="691"/>
                    </a:lnTo>
                    <a:lnTo>
                      <a:pt x="852" y="686"/>
                    </a:lnTo>
                    <a:lnTo>
                      <a:pt x="856" y="681"/>
                    </a:lnTo>
                    <a:lnTo>
                      <a:pt x="859" y="675"/>
                    </a:lnTo>
                    <a:lnTo>
                      <a:pt x="860" y="669"/>
                    </a:lnTo>
                    <a:lnTo>
                      <a:pt x="859" y="664"/>
                    </a:lnTo>
                    <a:lnTo>
                      <a:pt x="859" y="660"/>
                    </a:lnTo>
                    <a:lnTo>
                      <a:pt x="856" y="655"/>
                    </a:lnTo>
                    <a:lnTo>
                      <a:pt x="852" y="647"/>
                    </a:lnTo>
                    <a:lnTo>
                      <a:pt x="846" y="640"/>
                    </a:lnTo>
                    <a:lnTo>
                      <a:pt x="838" y="633"/>
                    </a:lnTo>
                    <a:lnTo>
                      <a:pt x="833" y="627"/>
                    </a:lnTo>
                    <a:lnTo>
                      <a:pt x="827" y="620"/>
                    </a:lnTo>
                    <a:lnTo>
                      <a:pt x="825" y="615"/>
                    </a:lnTo>
                    <a:lnTo>
                      <a:pt x="824" y="610"/>
                    </a:lnTo>
                    <a:lnTo>
                      <a:pt x="821" y="605"/>
                    </a:lnTo>
                    <a:lnTo>
                      <a:pt x="818" y="601"/>
                    </a:lnTo>
                    <a:lnTo>
                      <a:pt x="814" y="598"/>
                    </a:lnTo>
                    <a:lnTo>
                      <a:pt x="805" y="593"/>
                    </a:lnTo>
                    <a:lnTo>
                      <a:pt x="794" y="592"/>
                    </a:lnTo>
                    <a:lnTo>
                      <a:pt x="782" y="590"/>
                    </a:lnTo>
                    <a:lnTo>
                      <a:pt x="770" y="590"/>
                    </a:lnTo>
                    <a:lnTo>
                      <a:pt x="759" y="592"/>
                    </a:lnTo>
                    <a:lnTo>
                      <a:pt x="750" y="593"/>
                    </a:lnTo>
                    <a:lnTo>
                      <a:pt x="739" y="593"/>
                    </a:lnTo>
                    <a:lnTo>
                      <a:pt x="732" y="592"/>
                    </a:lnTo>
                    <a:lnTo>
                      <a:pt x="725" y="590"/>
                    </a:lnTo>
                    <a:lnTo>
                      <a:pt x="719" y="586"/>
                    </a:lnTo>
                    <a:lnTo>
                      <a:pt x="707" y="580"/>
                    </a:lnTo>
                    <a:lnTo>
                      <a:pt x="693" y="574"/>
                    </a:lnTo>
                    <a:lnTo>
                      <a:pt x="680" y="571"/>
                    </a:lnTo>
                    <a:lnTo>
                      <a:pt x="671" y="567"/>
                    </a:lnTo>
                    <a:lnTo>
                      <a:pt x="668" y="563"/>
                    </a:lnTo>
                    <a:lnTo>
                      <a:pt x="667" y="559"/>
                    </a:lnTo>
                    <a:lnTo>
                      <a:pt x="668" y="553"/>
                    </a:lnTo>
                    <a:lnTo>
                      <a:pt x="672" y="545"/>
                    </a:lnTo>
                    <a:lnTo>
                      <a:pt x="676" y="535"/>
                    </a:lnTo>
                    <a:lnTo>
                      <a:pt x="680" y="527"/>
                    </a:lnTo>
                    <a:lnTo>
                      <a:pt x="682" y="518"/>
                    </a:lnTo>
                    <a:lnTo>
                      <a:pt x="684" y="509"/>
                    </a:lnTo>
                    <a:lnTo>
                      <a:pt x="686" y="492"/>
                    </a:lnTo>
                    <a:lnTo>
                      <a:pt x="688" y="475"/>
                    </a:lnTo>
                    <a:lnTo>
                      <a:pt x="688" y="458"/>
                    </a:lnTo>
                    <a:lnTo>
                      <a:pt x="689" y="441"/>
                    </a:lnTo>
                    <a:lnTo>
                      <a:pt x="690" y="423"/>
                    </a:lnTo>
                    <a:lnTo>
                      <a:pt x="694" y="404"/>
                    </a:lnTo>
                    <a:lnTo>
                      <a:pt x="699" y="387"/>
                    </a:lnTo>
                    <a:lnTo>
                      <a:pt x="706" y="369"/>
                    </a:lnTo>
                    <a:lnTo>
                      <a:pt x="713" y="351"/>
                    </a:lnTo>
                    <a:lnTo>
                      <a:pt x="724" y="334"/>
                    </a:lnTo>
                    <a:lnTo>
                      <a:pt x="734" y="317"/>
                    </a:lnTo>
                    <a:lnTo>
                      <a:pt x="746" y="300"/>
                    </a:lnTo>
                    <a:lnTo>
                      <a:pt x="759" y="286"/>
                    </a:lnTo>
                    <a:lnTo>
                      <a:pt x="772" y="273"/>
                    </a:lnTo>
                    <a:lnTo>
                      <a:pt x="777" y="265"/>
                    </a:lnTo>
                    <a:lnTo>
                      <a:pt x="781" y="255"/>
                    </a:lnTo>
                    <a:lnTo>
                      <a:pt x="785" y="243"/>
                    </a:lnTo>
                    <a:lnTo>
                      <a:pt x="787" y="230"/>
                    </a:lnTo>
                    <a:lnTo>
                      <a:pt x="790" y="203"/>
                    </a:lnTo>
                    <a:lnTo>
                      <a:pt x="794" y="181"/>
                    </a:lnTo>
                    <a:lnTo>
                      <a:pt x="795" y="176"/>
                    </a:lnTo>
                    <a:lnTo>
                      <a:pt x="795" y="169"/>
                    </a:lnTo>
                    <a:lnTo>
                      <a:pt x="794" y="163"/>
                    </a:lnTo>
                    <a:lnTo>
                      <a:pt x="792" y="158"/>
                    </a:lnTo>
                    <a:lnTo>
                      <a:pt x="789" y="146"/>
                    </a:lnTo>
                    <a:lnTo>
                      <a:pt x="785" y="134"/>
                    </a:lnTo>
                    <a:lnTo>
                      <a:pt x="780" y="121"/>
                    </a:lnTo>
                    <a:lnTo>
                      <a:pt x="776" y="110"/>
                    </a:lnTo>
                    <a:lnTo>
                      <a:pt x="774" y="102"/>
                    </a:lnTo>
                    <a:lnTo>
                      <a:pt x="774" y="96"/>
                    </a:lnTo>
                    <a:lnTo>
                      <a:pt x="774" y="89"/>
                    </a:lnTo>
                    <a:lnTo>
                      <a:pt x="776" y="81"/>
                    </a:lnTo>
                    <a:lnTo>
                      <a:pt x="789" y="70"/>
                    </a:lnTo>
                    <a:lnTo>
                      <a:pt x="809" y="48"/>
                    </a:lnTo>
                    <a:lnTo>
                      <a:pt x="818" y="36"/>
                    </a:lnTo>
                    <a:lnTo>
                      <a:pt x="826" y="24"/>
                    </a:lnTo>
                    <a:lnTo>
                      <a:pt x="833" y="15"/>
                    </a:lnTo>
                    <a:lnTo>
                      <a:pt x="834" y="9"/>
                    </a:lnTo>
                    <a:lnTo>
                      <a:pt x="835" y="6"/>
                    </a:lnTo>
                    <a:lnTo>
                      <a:pt x="835" y="2"/>
                    </a:lnTo>
                    <a:lnTo>
                      <a:pt x="825" y="1"/>
                    </a:lnTo>
                    <a:lnTo>
                      <a:pt x="814" y="0"/>
                    </a:lnTo>
                    <a:lnTo>
                      <a:pt x="804" y="1"/>
                    </a:lnTo>
                    <a:lnTo>
                      <a:pt x="795" y="4"/>
                    </a:lnTo>
                    <a:lnTo>
                      <a:pt x="777" y="10"/>
                    </a:lnTo>
                    <a:lnTo>
                      <a:pt x="759" y="19"/>
                    </a:lnTo>
                    <a:lnTo>
                      <a:pt x="742" y="29"/>
                    </a:lnTo>
                    <a:lnTo>
                      <a:pt x="724" y="39"/>
                    </a:lnTo>
                    <a:lnTo>
                      <a:pt x="715" y="44"/>
                    </a:lnTo>
                    <a:lnTo>
                      <a:pt x="706" y="46"/>
                    </a:lnTo>
                    <a:lnTo>
                      <a:pt x="695" y="49"/>
                    </a:lnTo>
                    <a:lnTo>
                      <a:pt x="685" y="50"/>
                    </a:lnTo>
                    <a:lnTo>
                      <a:pt x="659" y="53"/>
                    </a:lnTo>
                    <a:lnTo>
                      <a:pt x="640" y="55"/>
                    </a:lnTo>
                    <a:lnTo>
                      <a:pt x="633" y="57"/>
                    </a:lnTo>
                    <a:lnTo>
                      <a:pt x="627" y="59"/>
                    </a:lnTo>
                    <a:lnTo>
                      <a:pt x="621" y="62"/>
                    </a:lnTo>
                    <a:lnTo>
                      <a:pt x="618" y="64"/>
                    </a:lnTo>
                    <a:lnTo>
                      <a:pt x="615" y="68"/>
                    </a:lnTo>
                    <a:lnTo>
                      <a:pt x="611" y="74"/>
                    </a:lnTo>
                    <a:lnTo>
                      <a:pt x="608" y="80"/>
                    </a:lnTo>
                    <a:lnTo>
                      <a:pt x="606" y="86"/>
                    </a:lnTo>
                    <a:lnTo>
                      <a:pt x="598" y="106"/>
                    </a:lnTo>
                    <a:lnTo>
                      <a:pt x="589" y="131"/>
                    </a:lnTo>
                    <a:lnTo>
                      <a:pt x="577" y="154"/>
                    </a:lnTo>
                    <a:lnTo>
                      <a:pt x="562" y="178"/>
                    </a:lnTo>
                    <a:lnTo>
                      <a:pt x="553" y="191"/>
                    </a:lnTo>
                    <a:lnTo>
                      <a:pt x="544" y="204"/>
                    </a:lnTo>
                    <a:lnTo>
                      <a:pt x="533" y="217"/>
                    </a:lnTo>
                    <a:lnTo>
                      <a:pt x="522" y="229"/>
                    </a:lnTo>
                    <a:lnTo>
                      <a:pt x="510" y="239"/>
                    </a:lnTo>
                    <a:lnTo>
                      <a:pt x="498" y="250"/>
                    </a:lnTo>
                    <a:lnTo>
                      <a:pt x="487" y="259"/>
                    </a:lnTo>
                    <a:lnTo>
                      <a:pt x="474" y="265"/>
                    </a:lnTo>
                    <a:lnTo>
                      <a:pt x="461" y="270"/>
                    </a:lnTo>
                    <a:lnTo>
                      <a:pt x="448" y="274"/>
                    </a:lnTo>
                    <a:lnTo>
                      <a:pt x="435" y="277"/>
                    </a:lnTo>
                    <a:lnTo>
                      <a:pt x="422" y="276"/>
                    </a:lnTo>
                    <a:lnTo>
                      <a:pt x="406" y="276"/>
                    </a:lnTo>
                    <a:lnTo>
                      <a:pt x="391" y="276"/>
                    </a:lnTo>
                    <a:lnTo>
                      <a:pt x="375" y="277"/>
                    </a:lnTo>
                    <a:lnTo>
                      <a:pt x="360" y="279"/>
                    </a:lnTo>
                    <a:lnTo>
                      <a:pt x="344" y="282"/>
                    </a:lnTo>
                    <a:lnTo>
                      <a:pt x="329" y="285"/>
                    </a:lnTo>
                    <a:lnTo>
                      <a:pt x="313" y="287"/>
                    </a:lnTo>
                    <a:lnTo>
                      <a:pt x="298" y="287"/>
                    </a:lnTo>
                    <a:lnTo>
                      <a:pt x="277" y="289"/>
                    </a:lnTo>
                    <a:lnTo>
                      <a:pt x="260" y="290"/>
                    </a:lnTo>
                    <a:lnTo>
                      <a:pt x="244" y="294"/>
                    </a:lnTo>
                    <a:lnTo>
                      <a:pt x="232" y="299"/>
                    </a:lnTo>
                    <a:lnTo>
                      <a:pt x="225" y="303"/>
                    </a:lnTo>
                    <a:lnTo>
                      <a:pt x="219" y="307"/>
                    </a:lnTo>
                    <a:lnTo>
                      <a:pt x="213" y="312"/>
                    </a:lnTo>
                    <a:lnTo>
                      <a:pt x="207" y="317"/>
                    </a:lnTo>
                    <a:lnTo>
                      <a:pt x="197" y="330"/>
                    </a:lnTo>
                    <a:lnTo>
                      <a:pt x="185" y="347"/>
                    </a:lnTo>
                    <a:lnTo>
                      <a:pt x="182" y="358"/>
                    </a:lnTo>
                    <a:lnTo>
                      <a:pt x="178" y="369"/>
                    </a:lnTo>
                    <a:lnTo>
                      <a:pt x="173" y="379"/>
                    </a:lnTo>
                    <a:lnTo>
                      <a:pt x="167" y="388"/>
                    </a:lnTo>
                    <a:lnTo>
                      <a:pt x="160" y="399"/>
                    </a:lnTo>
                    <a:lnTo>
                      <a:pt x="155" y="408"/>
                    </a:lnTo>
                    <a:lnTo>
                      <a:pt x="152" y="417"/>
                    </a:lnTo>
                    <a:lnTo>
                      <a:pt x="151" y="425"/>
                    </a:lnTo>
                    <a:lnTo>
                      <a:pt x="151" y="430"/>
                    </a:lnTo>
                    <a:lnTo>
                      <a:pt x="155" y="435"/>
                    </a:lnTo>
                    <a:lnTo>
                      <a:pt x="159" y="440"/>
                    </a:lnTo>
                    <a:lnTo>
                      <a:pt x="164" y="445"/>
                    </a:lnTo>
                    <a:lnTo>
                      <a:pt x="176" y="456"/>
                    </a:lnTo>
                    <a:lnTo>
                      <a:pt x="189" y="466"/>
                    </a:lnTo>
                    <a:lnTo>
                      <a:pt x="195" y="471"/>
                    </a:lnTo>
                    <a:lnTo>
                      <a:pt x="200" y="476"/>
                    </a:lnTo>
                    <a:lnTo>
                      <a:pt x="206" y="482"/>
                    </a:lnTo>
                    <a:lnTo>
                      <a:pt x="208" y="487"/>
                    </a:lnTo>
                    <a:lnTo>
                      <a:pt x="209" y="493"/>
                    </a:lnTo>
                    <a:lnTo>
                      <a:pt x="208" y="500"/>
                    </a:lnTo>
                    <a:lnTo>
                      <a:pt x="206" y="506"/>
                    </a:lnTo>
                    <a:lnTo>
                      <a:pt x="200" y="513"/>
                    </a:lnTo>
                    <a:lnTo>
                      <a:pt x="195" y="517"/>
                    </a:lnTo>
                    <a:lnTo>
                      <a:pt x="190" y="518"/>
                    </a:lnTo>
                    <a:lnTo>
                      <a:pt x="185" y="519"/>
                    </a:lnTo>
                    <a:lnTo>
                      <a:pt x="180" y="518"/>
                    </a:lnTo>
                    <a:lnTo>
                      <a:pt x="169" y="515"/>
                    </a:lnTo>
                    <a:lnTo>
                      <a:pt x="159" y="510"/>
                    </a:lnTo>
                    <a:lnTo>
                      <a:pt x="152" y="509"/>
                    </a:lnTo>
                    <a:lnTo>
                      <a:pt x="147" y="506"/>
                    </a:lnTo>
                    <a:lnTo>
                      <a:pt x="141" y="506"/>
                    </a:lnTo>
                    <a:lnTo>
                      <a:pt x="136" y="507"/>
                    </a:lnTo>
                    <a:lnTo>
                      <a:pt x="129" y="510"/>
                    </a:lnTo>
                    <a:lnTo>
                      <a:pt x="124" y="514"/>
                    </a:lnTo>
                    <a:lnTo>
                      <a:pt x="118" y="520"/>
                    </a:lnTo>
                    <a:lnTo>
                      <a:pt x="112" y="529"/>
                    </a:lnTo>
                    <a:lnTo>
                      <a:pt x="107" y="536"/>
                    </a:lnTo>
                    <a:lnTo>
                      <a:pt x="102" y="541"/>
                    </a:lnTo>
                    <a:lnTo>
                      <a:pt x="101" y="545"/>
                    </a:lnTo>
                    <a:lnTo>
                      <a:pt x="99" y="548"/>
                    </a:lnTo>
                    <a:lnTo>
                      <a:pt x="99" y="552"/>
                    </a:lnTo>
                    <a:lnTo>
                      <a:pt x="101" y="554"/>
                    </a:lnTo>
                    <a:lnTo>
                      <a:pt x="111" y="567"/>
                    </a:lnTo>
                    <a:lnTo>
                      <a:pt x="115" y="576"/>
                    </a:lnTo>
                    <a:lnTo>
                      <a:pt x="116" y="579"/>
                    </a:lnTo>
                    <a:lnTo>
                      <a:pt x="116" y="581"/>
                    </a:lnTo>
                    <a:lnTo>
                      <a:pt x="115" y="584"/>
                    </a:lnTo>
                    <a:lnTo>
                      <a:pt x="114" y="585"/>
                    </a:lnTo>
                    <a:lnTo>
                      <a:pt x="102" y="589"/>
                    </a:lnTo>
                    <a:lnTo>
                      <a:pt x="88" y="590"/>
                    </a:lnTo>
                    <a:lnTo>
                      <a:pt x="84" y="592"/>
                    </a:lnTo>
                    <a:lnTo>
                      <a:pt x="80" y="594"/>
                    </a:lnTo>
                    <a:lnTo>
                      <a:pt x="75" y="599"/>
                    </a:lnTo>
                    <a:lnTo>
                      <a:pt x="71" y="605"/>
                    </a:lnTo>
                    <a:lnTo>
                      <a:pt x="64" y="619"/>
                    </a:lnTo>
                    <a:lnTo>
                      <a:pt x="57" y="637"/>
                    </a:lnTo>
                    <a:lnTo>
                      <a:pt x="50" y="658"/>
                    </a:lnTo>
                    <a:lnTo>
                      <a:pt x="44" y="682"/>
                    </a:lnTo>
                    <a:lnTo>
                      <a:pt x="38" y="707"/>
                    </a:lnTo>
                    <a:lnTo>
                      <a:pt x="33" y="734"/>
                    </a:lnTo>
                    <a:lnTo>
                      <a:pt x="23" y="789"/>
                    </a:lnTo>
                    <a:lnTo>
                      <a:pt x="15" y="839"/>
                    </a:lnTo>
                    <a:lnTo>
                      <a:pt x="10" y="881"/>
                    </a:lnTo>
                    <a:lnTo>
                      <a:pt x="5" y="908"/>
                    </a:lnTo>
                    <a:lnTo>
                      <a:pt x="1" y="922"/>
                    </a:lnTo>
                    <a:lnTo>
                      <a:pt x="0" y="934"/>
                    </a:lnTo>
                    <a:lnTo>
                      <a:pt x="1" y="944"/>
                    </a:lnTo>
                    <a:lnTo>
                      <a:pt x="3" y="953"/>
                    </a:lnTo>
                    <a:lnTo>
                      <a:pt x="13" y="970"/>
                    </a:lnTo>
                    <a:lnTo>
                      <a:pt x="20" y="989"/>
                    </a:lnTo>
                    <a:lnTo>
                      <a:pt x="23" y="996"/>
                    </a:lnTo>
                    <a:lnTo>
                      <a:pt x="27" y="1000"/>
                    </a:lnTo>
                    <a:lnTo>
                      <a:pt x="29" y="1001"/>
                    </a:lnTo>
                    <a:lnTo>
                      <a:pt x="33" y="1001"/>
                    </a:lnTo>
                    <a:lnTo>
                      <a:pt x="40" y="996"/>
                    </a:lnTo>
                    <a:lnTo>
                      <a:pt x="48" y="987"/>
                    </a:lnTo>
                    <a:lnTo>
                      <a:pt x="55" y="978"/>
                    </a:lnTo>
                    <a:lnTo>
                      <a:pt x="62" y="973"/>
                    </a:lnTo>
                    <a:lnTo>
                      <a:pt x="66" y="971"/>
                    </a:lnTo>
                    <a:lnTo>
                      <a:pt x="68" y="971"/>
                    </a:lnTo>
                    <a:lnTo>
                      <a:pt x="71" y="974"/>
                    </a:lnTo>
                    <a:lnTo>
                      <a:pt x="73" y="979"/>
                    </a:lnTo>
                    <a:lnTo>
                      <a:pt x="77" y="988"/>
                    </a:lnTo>
                    <a:lnTo>
                      <a:pt x="81" y="995"/>
                    </a:lnTo>
                    <a:lnTo>
                      <a:pt x="86" y="1001"/>
                    </a:lnTo>
                    <a:lnTo>
                      <a:pt x="93" y="1005"/>
                    </a:lnTo>
                    <a:lnTo>
                      <a:pt x="106" y="1013"/>
                    </a:lnTo>
                    <a:lnTo>
                      <a:pt x="119" y="1023"/>
                    </a:lnTo>
                    <a:lnTo>
                      <a:pt x="121" y="1031"/>
                    </a:lnTo>
                    <a:lnTo>
                      <a:pt x="124" y="1046"/>
                    </a:lnTo>
                    <a:lnTo>
                      <a:pt x="125" y="1066"/>
                    </a:lnTo>
                    <a:lnTo>
                      <a:pt x="127" y="1089"/>
                    </a:lnTo>
                    <a:lnTo>
                      <a:pt x="128" y="1133"/>
                    </a:lnTo>
                    <a:lnTo>
                      <a:pt x="128" y="1163"/>
                    </a:lnTo>
                    <a:lnTo>
                      <a:pt x="128" y="1189"/>
                    </a:lnTo>
                    <a:lnTo>
                      <a:pt x="128" y="1215"/>
                    </a:lnTo>
                    <a:lnTo>
                      <a:pt x="128" y="1241"/>
                    </a:lnTo>
                    <a:lnTo>
                      <a:pt x="127" y="1267"/>
                    </a:lnTo>
                    <a:lnTo>
                      <a:pt x="127" y="1267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63" name="Freeform 58"/>
              <p:cNvSpPr>
                <a:spLocks noEditPoints="1"/>
              </p:cNvSpPr>
              <p:nvPr/>
            </p:nvSpPr>
            <p:spPr bwMode="auto">
              <a:xfrm>
                <a:off x="8734341" y="2032223"/>
                <a:ext cx="670382" cy="420870"/>
              </a:xfrm>
              <a:custGeom>
                <a:avLst/>
                <a:gdLst/>
                <a:ahLst/>
                <a:cxnLst>
                  <a:cxn ang="0">
                    <a:pos x="97" y="388"/>
                  </a:cxn>
                  <a:cxn ang="0">
                    <a:pos x="70" y="361"/>
                  </a:cxn>
                  <a:cxn ang="0">
                    <a:pos x="136" y="301"/>
                  </a:cxn>
                  <a:cxn ang="0">
                    <a:pos x="205" y="326"/>
                  </a:cxn>
                  <a:cxn ang="0">
                    <a:pos x="241" y="375"/>
                  </a:cxn>
                  <a:cxn ang="0">
                    <a:pos x="170" y="427"/>
                  </a:cxn>
                  <a:cxn ang="0">
                    <a:pos x="134" y="700"/>
                  </a:cxn>
                  <a:cxn ang="0">
                    <a:pos x="237" y="633"/>
                  </a:cxn>
                  <a:cxn ang="0">
                    <a:pos x="292" y="562"/>
                  </a:cxn>
                  <a:cxn ang="0">
                    <a:pos x="271" y="518"/>
                  </a:cxn>
                  <a:cxn ang="0">
                    <a:pos x="183" y="506"/>
                  </a:cxn>
                  <a:cxn ang="0">
                    <a:pos x="108" y="522"/>
                  </a:cxn>
                  <a:cxn ang="0">
                    <a:pos x="56" y="597"/>
                  </a:cxn>
                  <a:cxn ang="0">
                    <a:pos x="9" y="581"/>
                  </a:cxn>
                  <a:cxn ang="0">
                    <a:pos x="27" y="631"/>
                  </a:cxn>
                  <a:cxn ang="0">
                    <a:pos x="5" y="688"/>
                  </a:cxn>
                  <a:cxn ang="0">
                    <a:pos x="66" y="715"/>
                  </a:cxn>
                  <a:cxn ang="0">
                    <a:pos x="48" y="777"/>
                  </a:cxn>
                  <a:cxn ang="0">
                    <a:pos x="56" y="820"/>
                  </a:cxn>
                  <a:cxn ang="0">
                    <a:pos x="114" y="715"/>
                  </a:cxn>
                  <a:cxn ang="0">
                    <a:pos x="651" y="611"/>
                  </a:cxn>
                  <a:cxn ang="0">
                    <a:pos x="596" y="579"/>
                  </a:cxn>
                  <a:cxn ang="0">
                    <a:pos x="578" y="642"/>
                  </a:cxn>
                  <a:cxn ang="0">
                    <a:pos x="526" y="641"/>
                  </a:cxn>
                  <a:cxn ang="0">
                    <a:pos x="442" y="606"/>
                  </a:cxn>
                  <a:cxn ang="0">
                    <a:pos x="416" y="545"/>
                  </a:cxn>
                  <a:cxn ang="0">
                    <a:pos x="386" y="497"/>
                  </a:cxn>
                  <a:cxn ang="0">
                    <a:pos x="375" y="432"/>
                  </a:cxn>
                  <a:cxn ang="0">
                    <a:pos x="437" y="410"/>
                  </a:cxn>
                  <a:cxn ang="0">
                    <a:pos x="372" y="404"/>
                  </a:cxn>
                  <a:cxn ang="0">
                    <a:pos x="367" y="325"/>
                  </a:cxn>
                  <a:cxn ang="0">
                    <a:pos x="350" y="274"/>
                  </a:cxn>
                  <a:cxn ang="0">
                    <a:pos x="364" y="197"/>
                  </a:cxn>
                  <a:cxn ang="0">
                    <a:pos x="446" y="198"/>
                  </a:cxn>
                  <a:cxn ang="0">
                    <a:pos x="496" y="137"/>
                  </a:cxn>
                  <a:cxn ang="0">
                    <a:pos x="578" y="94"/>
                  </a:cxn>
                  <a:cxn ang="0">
                    <a:pos x="632" y="70"/>
                  </a:cxn>
                  <a:cxn ang="0">
                    <a:pos x="674" y="61"/>
                  </a:cxn>
                  <a:cxn ang="0">
                    <a:pos x="705" y="41"/>
                  </a:cxn>
                  <a:cxn ang="0">
                    <a:pos x="805" y="57"/>
                  </a:cxn>
                  <a:cxn ang="0">
                    <a:pos x="837" y="20"/>
                  </a:cxn>
                  <a:cxn ang="0">
                    <a:pos x="906" y="19"/>
                  </a:cxn>
                  <a:cxn ang="0">
                    <a:pos x="1008" y="4"/>
                  </a:cxn>
                  <a:cxn ang="0">
                    <a:pos x="1114" y="14"/>
                  </a:cxn>
                  <a:cxn ang="0">
                    <a:pos x="1252" y="33"/>
                  </a:cxn>
                  <a:cxn ang="0">
                    <a:pos x="1392" y="33"/>
                  </a:cxn>
                  <a:cxn ang="0">
                    <a:pos x="1469" y="58"/>
                  </a:cxn>
                  <a:cxn ang="0">
                    <a:pos x="1408" y="119"/>
                  </a:cxn>
                  <a:cxn ang="0">
                    <a:pos x="1393" y="190"/>
                  </a:cxn>
                  <a:cxn ang="0">
                    <a:pos x="1328" y="304"/>
                  </a:cxn>
                  <a:cxn ang="0">
                    <a:pos x="1368" y="452"/>
                  </a:cxn>
                  <a:cxn ang="0">
                    <a:pos x="1381" y="627"/>
                  </a:cxn>
                  <a:cxn ang="0">
                    <a:pos x="1416" y="721"/>
                  </a:cxn>
                  <a:cxn ang="0">
                    <a:pos x="1316" y="859"/>
                  </a:cxn>
                  <a:cxn ang="0">
                    <a:pos x="1143" y="932"/>
                  </a:cxn>
                  <a:cxn ang="0">
                    <a:pos x="1042" y="873"/>
                  </a:cxn>
                  <a:cxn ang="0">
                    <a:pos x="908" y="741"/>
                  </a:cxn>
                  <a:cxn ang="0">
                    <a:pos x="803" y="733"/>
                  </a:cxn>
                </a:cxnLst>
                <a:rect l="0" t="0" r="r" b="b"/>
                <a:pathLst>
                  <a:path w="1473" h="932">
                    <a:moveTo>
                      <a:pt x="143" y="413"/>
                    </a:moveTo>
                    <a:lnTo>
                      <a:pt x="138" y="409"/>
                    </a:lnTo>
                    <a:lnTo>
                      <a:pt x="135" y="405"/>
                    </a:lnTo>
                    <a:lnTo>
                      <a:pt x="132" y="401"/>
                    </a:lnTo>
                    <a:lnTo>
                      <a:pt x="130" y="397"/>
                    </a:lnTo>
                    <a:lnTo>
                      <a:pt x="128" y="393"/>
                    </a:lnTo>
                    <a:lnTo>
                      <a:pt x="125" y="391"/>
                    </a:lnTo>
                    <a:lnTo>
                      <a:pt x="118" y="388"/>
                    </a:lnTo>
                    <a:lnTo>
                      <a:pt x="110" y="388"/>
                    </a:lnTo>
                    <a:lnTo>
                      <a:pt x="97" y="388"/>
                    </a:lnTo>
                    <a:lnTo>
                      <a:pt x="84" y="386"/>
                    </a:lnTo>
                    <a:lnTo>
                      <a:pt x="78" y="383"/>
                    </a:lnTo>
                    <a:lnTo>
                      <a:pt x="71" y="380"/>
                    </a:lnTo>
                    <a:lnTo>
                      <a:pt x="66" y="377"/>
                    </a:lnTo>
                    <a:lnTo>
                      <a:pt x="62" y="370"/>
                    </a:lnTo>
                    <a:lnTo>
                      <a:pt x="62" y="369"/>
                    </a:lnTo>
                    <a:lnTo>
                      <a:pt x="62" y="368"/>
                    </a:lnTo>
                    <a:lnTo>
                      <a:pt x="64" y="365"/>
                    </a:lnTo>
                    <a:lnTo>
                      <a:pt x="65" y="364"/>
                    </a:lnTo>
                    <a:lnTo>
                      <a:pt x="70" y="361"/>
                    </a:lnTo>
                    <a:lnTo>
                      <a:pt x="77" y="358"/>
                    </a:lnTo>
                    <a:lnTo>
                      <a:pt x="91" y="355"/>
                    </a:lnTo>
                    <a:lnTo>
                      <a:pt x="100" y="351"/>
                    </a:lnTo>
                    <a:lnTo>
                      <a:pt x="106" y="346"/>
                    </a:lnTo>
                    <a:lnTo>
                      <a:pt x="113" y="336"/>
                    </a:lnTo>
                    <a:lnTo>
                      <a:pt x="119" y="325"/>
                    </a:lnTo>
                    <a:lnTo>
                      <a:pt x="126" y="314"/>
                    </a:lnTo>
                    <a:lnTo>
                      <a:pt x="130" y="309"/>
                    </a:lnTo>
                    <a:lnTo>
                      <a:pt x="132" y="305"/>
                    </a:lnTo>
                    <a:lnTo>
                      <a:pt x="136" y="301"/>
                    </a:lnTo>
                    <a:lnTo>
                      <a:pt x="141" y="299"/>
                    </a:lnTo>
                    <a:lnTo>
                      <a:pt x="145" y="298"/>
                    </a:lnTo>
                    <a:lnTo>
                      <a:pt x="149" y="298"/>
                    </a:lnTo>
                    <a:lnTo>
                      <a:pt x="154" y="300"/>
                    </a:lnTo>
                    <a:lnTo>
                      <a:pt x="160" y="304"/>
                    </a:lnTo>
                    <a:lnTo>
                      <a:pt x="167" y="309"/>
                    </a:lnTo>
                    <a:lnTo>
                      <a:pt x="174" y="313"/>
                    </a:lnTo>
                    <a:lnTo>
                      <a:pt x="182" y="317"/>
                    </a:lnTo>
                    <a:lnTo>
                      <a:pt x="189" y="321"/>
                    </a:lnTo>
                    <a:lnTo>
                      <a:pt x="205" y="326"/>
                    </a:lnTo>
                    <a:lnTo>
                      <a:pt x="220" y="334"/>
                    </a:lnTo>
                    <a:lnTo>
                      <a:pt x="230" y="339"/>
                    </a:lnTo>
                    <a:lnTo>
                      <a:pt x="237" y="346"/>
                    </a:lnTo>
                    <a:lnTo>
                      <a:pt x="240" y="349"/>
                    </a:lnTo>
                    <a:lnTo>
                      <a:pt x="242" y="355"/>
                    </a:lnTo>
                    <a:lnTo>
                      <a:pt x="244" y="360"/>
                    </a:lnTo>
                    <a:lnTo>
                      <a:pt x="245" y="365"/>
                    </a:lnTo>
                    <a:lnTo>
                      <a:pt x="245" y="369"/>
                    </a:lnTo>
                    <a:lnTo>
                      <a:pt x="244" y="373"/>
                    </a:lnTo>
                    <a:lnTo>
                      <a:pt x="241" y="375"/>
                    </a:lnTo>
                    <a:lnTo>
                      <a:pt x="239" y="378"/>
                    </a:lnTo>
                    <a:lnTo>
                      <a:pt x="232" y="382"/>
                    </a:lnTo>
                    <a:lnTo>
                      <a:pt x="223" y="386"/>
                    </a:lnTo>
                    <a:lnTo>
                      <a:pt x="214" y="388"/>
                    </a:lnTo>
                    <a:lnTo>
                      <a:pt x="206" y="391"/>
                    </a:lnTo>
                    <a:lnTo>
                      <a:pt x="197" y="395"/>
                    </a:lnTo>
                    <a:lnTo>
                      <a:pt x="192" y="400"/>
                    </a:lnTo>
                    <a:lnTo>
                      <a:pt x="184" y="410"/>
                    </a:lnTo>
                    <a:lnTo>
                      <a:pt x="175" y="423"/>
                    </a:lnTo>
                    <a:lnTo>
                      <a:pt x="170" y="427"/>
                    </a:lnTo>
                    <a:lnTo>
                      <a:pt x="165" y="431"/>
                    </a:lnTo>
                    <a:lnTo>
                      <a:pt x="162" y="431"/>
                    </a:lnTo>
                    <a:lnTo>
                      <a:pt x="158" y="431"/>
                    </a:lnTo>
                    <a:lnTo>
                      <a:pt x="154" y="430"/>
                    </a:lnTo>
                    <a:lnTo>
                      <a:pt x="150" y="428"/>
                    </a:lnTo>
                    <a:lnTo>
                      <a:pt x="143" y="413"/>
                    </a:lnTo>
                    <a:close/>
                    <a:moveTo>
                      <a:pt x="114" y="715"/>
                    </a:moveTo>
                    <a:lnTo>
                      <a:pt x="119" y="710"/>
                    </a:lnTo>
                    <a:lnTo>
                      <a:pt x="127" y="704"/>
                    </a:lnTo>
                    <a:lnTo>
                      <a:pt x="134" y="700"/>
                    </a:lnTo>
                    <a:lnTo>
                      <a:pt x="141" y="697"/>
                    </a:lnTo>
                    <a:lnTo>
                      <a:pt x="157" y="691"/>
                    </a:lnTo>
                    <a:lnTo>
                      <a:pt x="173" y="686"/>
                    </a:lnTo>
                    <a:lnTo>
                      <a:pt x="188" y="681"/>
                    </a:lnTo>
                    <a:lnTo>
                      <a:pt x="202" y="675"/>
                    </a:lnTo>
                    <a:lnTo>
                      <a:pt x="209" y="671"/>
                    </a:lnTo>
                    <a:lnTo>
                      <a:pt x="215" y="665"/>
                    </a:lnTo>
                    <a:lnTo>
                      <a:pt x="220" y="660"/>
                    </a:lnTo>
                    <a:lnTo>
                      <a:pt x="224" y="654"/>
                    </a:lnTo>
                    <a:lnTo>
                      <a:pt x="237" y="633"/>
                    </a:lnTo>
                    <a:lnTo>
                      <a:pt x="252" y="615"/>
                    </a:lnTo>
                    <a:lnTo>
                      <a:pt x="258" y="606"/>
                    </a:lnTo>
                    <a:lnTo>
                      <a:pt x="264" y="597"/>
                    </a:lnTo>
                    <a:lnTo>
                      <a:pt x="270" y="586"/>
                    </a:lnTo>
                    <a:lnTo>
                      <a:pt x="275" y="575"/>
                    </a:lnTo>
                    <a:lnTo>
                      <a:pt x="277" y="572"/>
                    </a:lnTo>
                    <a:lnTo>
                      <a:pt x="279" y="568"/>
                    </a:lnTo>
                    <a:lnTo>
                      <a:pt x="281" y="566"/>
                    </a:lnTo>
                    <a:lnTo>
                      <a:pt x="285" y="564"/>
                    </a:lnTo>
                    <a:lnTo>
                      <a:pt x="292" y="562"/>
                    </a:lnTo>
                    <a:lnTo>
                      <a:pt x="299" y="559"/>
                    </a:lnTo>
                    <a:lnTo>
                      <a:pt x="307" y="559"/>
                    </a:lnTo>
                    <a:lnTo>
                      <a:pt x="315" y="558"/>
                    </a:lnTo>
                    <a:lnTo>
                      <a:pt x="322" y="555"/>
                    </a:lnTo>
                    <a:lnTo>
                      <a:pt x="328" y="551"/>
                    </a:lnTo>
                    <a:lnTo>
                      <a:pt x="328" y="549"/>
                    </a:lnTo>
                    <a:lnTo>
                      <a:pt x="328" y="548"/>
                    </a:lnTo>
                    <a:lnTo>
                      <a:pt x="310" y="536"/>
                    </a:lnTo>
                    <a:lnTo>
                      <a:pt x="290" y="527"/>
                    </a:lnTo>
                    <a:lnTo>
                      <a:pt x="271" y="518"/>
                    </a:lnTo>
                    <a:lnTo>
                      <a:pt x="253" y="506"/>
                    </a:lnTo>
                    <a:lnTo>
                      <a:pt x="246" y="502"/>
                    </a:lnTo>
                    <a:lnTo>
                      <a:pt x="241" y="500"/>
                    </a:lnTo>
                    <a:lnTo>
                      <a:pt x="236" y="498"/>
                    </a:lnTo>
                    <a:lnTo>
                      <a:pt x="231" y="497"/>
                    </a:lnTo>
                    <a:lnTo>
                      <a:pt x="222" y="497"/>
                    </a:lnTo>
                    <a:lnTo>
                      <a:pt x="213" y="500"/>
                    </a:lnTo>
                    <a:lnTo>
                      <a:pt x="204" y="502"/>
                    </a:lnTo>
                    <a:lnTo>
                      <a:pt x="193" y="505"/>
                    </a:lnTo>
                    <a:lnTo>
                      <a:pt x="183" y="506"/>
                    </a:lnTo>
                    <a:lnTo>
                      <a:pt x="173" y="506"/>
                    </a:lnTo>
                    <a:lnTo>
                      <a:pt x="165" y="504"/>
                    </a:lnTo>
                    <a:lnTo>
                      <a:pt x="157" y="501"/>
                    </a:lnTo>
                    <a:lnTo>
                      <a:pt x="148" y="498"/>
                    </a:lnTo>
                    <a:lnTo>
                      <a:pt x="140" y="498"/>
                    </a:lnTo>
                    <a:lnTo>
                      <a:pt x="131" y="500"/>
                    </a:lnTo>
                    <a:lnTo>
                      <a:pt x="125" y="501"/>
                    </a:lnTo>
                    <a:lnTo>
                      <a:pt x="117" y="506"/>
                    </a:lnTo>
                    <a:lnTo>
                      <a:pt x="112" y="513"/>
                    </a:lnTo>
                    <a:lnTo>
                      <a:pt x="108" y="522"/>
                    </a:lnTo>
                    <a:lnTo>
                      <a:pt x="103" y="531"/>
                    </a:lnTo>
                    <a:lnTo>
                      <a:pt x="96" y="540"/>
                    </a:lnTo>
                    <a:lnTo>
                      <a:pt x="88" y="548"/>
                    </a:lnTo>
                    <a:lnTo>
                      <a:pt x="82" y="553"/>
                    </a:lnTo>
                    <a:lnTo>
                      <a:pt x="75" y="561"/>
                    </a:lnTo>
                    <a:lnTo>
                      <a:pt x="70" y="568"/>
                    </a:lnTo>
                    <a:lnTo>
                      <a:pt x="66" y="576"/>
                    </a:lnTo>
                    <a:lnTo>
                      <a:pt x="62" y="589"/>
                    </a:lnTo>
                    <a:lnTo>
                      <a:pt x="59" y="596"/>
                    </a:lnTo>
                    <a:lnTo>
                      <a:pt x="56" y="597"/>
                    </a:lnTo>
                    <a:lnTo>
                      <a:pt x="55" y="597"/>
                    </a:lnTo>
                    <a:lnTo>
                      <a:pt x="52" y="596"/>
                    </a:lnTo>
                    <a:lnTo>
                      <a:pt x="49" y="594"/>
                    </a:lnTo>
                    <a:lnTo>
                      <a:pt x="46" y="590"/>
                    </a:lnTo>
                    <a:lnTo>
                      <a:pt x="39" y="585"/>
                    </a:lnTo>
                    <a:lnTo>
                      <a:pt x="33" y="580"/>
                    </a:lnTo>
                    <a:lnTo>
                      <a:pt x="26" y="576"/>
                    </a:lnTo>
                    <a:lnTo>
                      <a:pt x="20" y="576"/>
                    </a:lnTo>
                    <a:lnTo>
                      <a:pt x="13" y="577"/>
                    </a:lnTo>
                    <a:lnTo>
                      <a:pt x="9" y="581"/>
                    </a:lnTo>
                    <a:lnTo>
                      <a:pt x="5" y="585"/>
                    </a:lnTo>
                    <a:lnTo>
                      <a:pt x="4" y="590"/>
                    </a:lnTo>
                    <a:lnTo>
                      <a:pt x="4" y="596"/>
                    </a:lnTo>
                    <a:lnTo>
                      <a:pt x="5" y="602"/>
                    </a:lnTo>
                    <a:lnTo>
                      <a:pt x="9" y="606"/>
                    </a:lnTo>
                    <a:lnTo>
                      <a:pt x="16" y="612"/>
                    </a:lnTo>
                    <a:lnTo>
                      <a:pt x="24" y="620"/>
                    </a:lnTo>
                    <a:lnTo>
                      <a:pt x="26" y="624"/>
                    </a:lnTo>
                    <a:lnTo>
                      <a:pt x="27" y="628"/>
                    </a:lnTo>
                    <a:lnTo>
                      <a:pt x="27" y="631"/>
                    </a:lnTo>
                    <a:lnTo>
                      <a:pt x="25" y="634"/>
                    </a:lnTo>
                    <a:lnTo>
                      <a:pt x="20" y="640"/>
                    </a:lnTo>
                    <a:lnTo>
                      <a:pt x="14" y="646"/>
                    </a:lnTo>
                    <a:lnTo>
                      <a:pt x="9" y="653"/>
                    </a:lnTo>
                    <a:lnTo>
                      <a:pt x="4" y="660"/>
                    </a:lnTo>
                    <a:lnTo>
                      <a:pt x="2" y="669"/>
                    </a:lnTo>
                    <a:lnTo>
                      <a:pt x="0" y="677"/>
                    </a:lnTo>
                    <a:lnTo>
                      <a:pt x="2" y="680"/>
                    </a:lnTo>
                    <a:lnTo>
                      <a:pt x="3" y="684"/>
                    </a:lnTo>
                    <a:lnTo>
                      <a:pt x="5" y="688"/>
                    </a:lnTo>
                    <a:lnTo>
                      <a:pt x="9" y="690"/>
                    </a:lnTo>
                    <a:lnTo>
                      <a:pt x="17" y="693"/>
                    </a:lnTo>
                    <a:lnTo>
                      <a:pt x="24" y="695"/>
                    </a:lnTo>
                    <a:lnTo>
                      <a:pt x="30" y="695"/>
                    </a:lnTo>
                    <a:lnTo>
                      <a:pt x="36" y="695"/>
                    </a:lnTo>
                    <a:lnTo>
                      <a:pt x="44" y="695"/>
                    </a:lnTo>
                    <a:lnTo>
                      <a:pt x="51" y="697"/>
                    </a:lnTo>
                    <a:lnTo>
                      <a:pt x="57" y="700"/>
                    </a:lnTo>
                    <a:lnTo>
                      <a:pt x="65" y="708"/>
                    </a:lnTo>
                    <a:lnTo>
                      <a:pt x="66" y="715"/>
                    </a:lnTo>
                    <a:lnTo>
                      <a:pt x="66" y="721"/>
                    </a:lnTo>
                    <a:lnTo>
                      <a:pt x="65" y="728"/>
                    </a:lnTo>
                    <a:lnTo>
                      <a:pt x="61" y="734"/>
                    </a:lnTo>
                    <a:lnTo>
                      <a:pt x="56" y="742"/>
                    </a:lnTo>
                    <a:lnTo>
                      <a:pt x="49" y="750"/>
                    </a:lnTo>
                    <a:lnTo>
                      <a:pt x="47" y="755"/>
                    </a:lnTo>
                    <a:lnTo>
                      <a:pt x="46" y="760"/>
                    </a:lnTo>
                    <a:lnTo>
                      <a:pt x="46" y="764"/>
                    </a:lnTo>
                    <a:lnTo>
                      <a:pt x="47" y="770"/>
                    </a:lnTo>
                    <a:lnTo>
                      <a:pt x="48" y="777"/>
                    </a:lnTo>
                    <a:lnTo>
                      <a:pt x="49" y="785"/>
                    </a:lnTo>
                    <a:lnTo>
                      <a:pt x="49" y="792"/>
                    </a:lnTo>
                    <a:lnTo>
                      <a:pt x="48" y="800"/>
                    </a:lnTo>
                    <a:lnTo>
                      <a:pt x="48" y="804"/>
                    </a:lnTo>
                    <a:lnTo>
                      <a:pt x="48" y="811"/>
                    </a:lnTo>
                    <a:lnTo>
                      <a:pt x="48" y="813"/>
                    </a:lnTo>
                    <a:lnTo>
                      <a:pt x="48" y="817"/>
                    </a:lnTo>
                    <a:lnTo>
                      <a:pt x="49" y="818"/>
                    </a:lnTo>
                    <a:lnTo>
                      <a:pt x="51" y="820"/>
                    </a:lnTo>
                    <a:lnTo>
                      <a:pt x="56" y="820"/>
                    </a:lnTo>
                    <a:lnTo>
                      <a:pt x="61" y="818"/>
                    </a:lnTo>
                    <a:lnTo>
                      <a:pt x="65" y="814"/>
                    </a:lnTo>
                    <a:lnTo>
                      <a:pt x="69" y="811"/>
                    </a:lnTo>
                    <a:lnTo>
                      <a:pt x="77" y="800"/>
                    </a:lnTo>
                    <a:lnTo>
                      <a:pt x="81" y="792"/>
                    </a:lnTo>
                    <a:lnTo>
                      <a:pt x="86" y="779"/>
                    </a:lnTo>
                    <a:lnTo>
                      <a:pt x="90" y="767"/>
                    </a:lnTo>
                    <a:lnTo>
                      <a:pt x="93" y="752"/>
                    </a:lnTo>
                    <a:lnTo>
                      <a:pt x="97" y="739"/>
                    </a:lnTo>
                    <a:lnTo>
                      <a:pt x="114" y="715"/>
                    </a:lnTo>
                    <a:close/>
                    <a:moveTo>
                      <a:pt x="613" y="789"/>
                    </a:moveTo>
                    <a:lnTo>
                      <a:pt x="614" y="779"/>
                    </a:lnTo>
                    <a:lnTo>
                      <a:pt x="614" y="769"/>
                    </a:lnTo>
                    <a:lnTo>
                      <a:pt x="619" y="725"/>
                    </a:lnTo>
                    <a:lnTo>
                      <a:pt x="626" y="682"/>
                    </a:lnTo>
                    <a:lnTo>
                      <a:pt x="631" y="662"/>
                    </a:lnTo>
                    <a:lnTo>
                      <a:pt x="638" y="641"/>
                    </a:lnTo>
                    <a:lnTo>
                      <a:pt x="641" y="631"/>
                    </a:lnTo>
                    <a:lnTo>
                      <a:pt x="645" y="620"/>
                    </a:lnTo>
                    <a:lnTo>
                      <a:pt x="651" y="611"/>
                    </a:lnTo>
                    <a:lnTo>
                      <a:pt x="657" y="602"/>
                    </a:lnTo>
                    <a:lnTo>
                      <a:pt x="660" y="598"/>
                    </a:lnTo>
                    <a:lnTo>
                      <a:pt x="660" y="594"/>
                    </a:lnTo>
                    <a:lnTo>
                      <a:pt x="658" y="590"/>
                    </a:lnTo>
                    <a:lnTo>
                      <a:pt x="656" y="588"/>
                    </a:lnTo>
                    <a:lnTo>
                      <a:pt x="647" y="583"/>
                    </a:lnTo>
                    <a:lnTo>
                      <a:pt x="634" y="580"/>
                    </a:lnTo>
                    <a:lnTo>
                      <a:pt x="621" y="579"/>
                    </a:lnTo>
                    <a:lnTo>
                      <a:pt x="607" y="579"/>
                    </a:lnTo>
                    <a:lnTo>
                      <a:pt x="596" y="579"/>
                    </a:lnTo>
                    <a:lnTo>
                      <a:pt x="590" y="580"/>
                    </a:lnTo>
                    <a:lnTo>
                      <a:pt x="586" y="583"/>
                    </a:lnTo>
                    <a:lnTo>
                      <a:pt x="583" y="586"/>
                    </a:lnTo>
                    <a:lnTo>
                      <a:pt x="582" y="589"/>
                    </a:lnTo>
                    <a:lnTo>
                      <a:pt x="582" y="594"/>
                    </a:lnTo>
                    <a:lnTo>
                      <a:pt x="582" y="603"/>
                    </a:lnTo>
                    <a:lnTo>
                      <a:pt x="583" y="612"/>
                    </a:lnTo>
                    <a:lnTo>
                      <a:pt x="582" y="624"/>
                    </a:lnTo>
                    <a:lnTo>
                      <a:pt x="581" y="634"/>
                    </a:lnTo>
                    <a:lnTo>
                      <a:pt x="578" y="642"/>
                    </a:lnTo>
                    <a:lnTo>
                      <a:pt x="574" y="650"/>
                    </a:lnTo>
                    <a:lnTo>
                      <a:pt x="570" y="655"/>
                    </a:lnTo>
                    <a:lnTo>
                      <a:pt x="565" y="658"/>
                    </a:lnTo>
                    <a:lnTo>
                      <a:pt x="560" y="660"/>
                    </a:lnTo>
                    <a:lnTo>
                      <a:pt x="553" y="660"/>
                    </a:lnTo>
                    <a:lnTo>
                      <a:pt x="548" y="659"/>
                    </a:lnTo>
                    <a:lnTo>
                      <a:pt x="542" y="656"/>
                    </a:lnTo>
                    <a:lnTo>
                      <a:pt x="537" y="653"/>
                    </a:lnTo>
                    <a:lnTo>
                      <a:pt x="531" y="647"/>
                    </a:lnTo>
                    <a:lnTo>
                      <a:pt x="526" y="641"/>
                    </a:lnTo>
                    <a:lnTo>
                      <a:pt x="521" y="633"/>
                    </a:lnTo>
                    <a:lnTo>
                      <a:pt x="518" y="624"/>
                    </a:lnTo>
                    <a:lnTo>
                      <a:pt x="515" y="615"/>
                    </a:lnTo>
                    <a:lnTo>
                      <a:pt x="508" y="611"/>
                    </a:lnTo>
                    <a:lnTo>
                      <a:pt x="502" y="610"/>
                    </a:lnTo>
                    <a:lnTo>
                      <a:pt x="494" y="608"/>
                    </a:lnTo>
                    <a:lnTo>
                      <a:pt x="485" y="607"/>
                    </a:lnTo>
                    <a:lnTo>
                      <a:pt x="467" y="607"/>
                    </a:lnTo>
                    <a:lnTo>
                      <a:pt x="450" y="607"/>
                    </a:lnTo>
                    <a:lnTo>
                      <a:pt x="442" y="606"/>
                    </a:lnTo>
                    <a:lnTo>
                      <a:pt x="434" y="605"/>
                    </a:lnTo>
                    <a:lnTo>
                      <a:pt x="428" y="602"/>
                    </a:lnTo>
                    <a:lnTo>
                      <a:pt x="423" y="598"/>
                    </a:lnTo>
                    <a:lnTo>
                      <a:pt x="419" y="593"/>
                    </a:lnTo>
                    <a:lnTo>
                      <a:pt x="416" y="586"/>
                    </a:lnTo>
                    <a:lnTo>
                      <a:pt x="415" y="577"/>
                    </a:lnTo>
                    <a:lnTo>
                      <a:pt x="416" y="567"/>
                    </a:lnTo>
                    <a:lnTo>
                      <a:pt x="416" y="558"/>
                    </a:lnTo>
                    <a:lnTo>
                      <a:pt x="416" y="550"/>
                    </a:lnTo>
                    <a:lnTo>
                      <a:pt x="416" y="545"/>
                    </a:lnTo>
                    <a:lnTo>
                      <a:pt x="413" y="540"/>
                    </a:lnTo>
                    <a:lnTo>
                      <a:pt x="410" y="532"/>
                    </a:lnTo>
                    <a:lnTo>
                      <a:pt x="403" y="527"/>
                    </a:lnTo>
                    <a:lnTo>
                      <a:pt x="398" y="523"/>
                    </a:lnTo>
                    <a:lnTo>
                      <a:pt x="391" y="519"/>
                    </a:lnTo>
                    <a:lnTo>
                      <a:pt x="390" y="517"/>
                    </a:lnTo>
                    <a:lnTo>
                      <a:pt x="388" y="513"/>
                    </a:lnTo>
                    <a:lnTo>
                      <a:pt x="386" y="510"/>
                    </a:lnTo>
                    <a:lnTo>
                      <a:pt x="386" y="505"/>
                    </a:lnTo>
                    <a:lnTo>
                      <a:pt x="386" y="497"/>
                    </a:lnTo>
                    <a:lnTo>
                      <a:pt x="384" y="488"/>
                    </a:lnTo>
                    <a:lnTo>
                      <a:pt x="380" y="480"/>
                    </a:lnTo>
                    <a:lnTo>
                      <a:pt x="377" y="472"/>
                    </a:lnTo>
                    <a:lnTo>
                      <a:pt x="373" y="466"/>
                    </a:lnTo>
                    <a:lnTo>
                      <a:pt x="371" y="458"/>
                    </a:lnTo>
                    <a:lnTo>
                      <a:pt x="368" y="450"/>
                    </a:lnTo>
                    <a:lnTo>
                      <a:pt x="368" y="443"/>
                    </a:lnTo>
                    <a:lnTo>
                      <a:pt x="369" y="439"/>
                    </a:lnTo>
                    <a:lnTo>
                      <a:pt x="372" y="435"/>
                    </a:lnTo>
                    <a:lnTo>
                      <a:pt x="375" y="432"/>
                    </a:lnTo>
                    <a:lnTo>
                      <a:pt x="380" y="430"/>
                    </a:lnTo>
                    <a:lnTo>
                      <a:pt x="391" y="426"/>
                    </a:lnTo>
                    <a:lnTo>
                      <a:pt x="403" y="425"/>
                    </a:lnTo>
                    <a:lnTo>
                      <a:pt x="416" y="423"/>
                    </a:lnTo>
                    <a:lnTo>
                      <a:pt x="428" y="422"/>
                    </a:lnTo>
                    <a:lnTo>
                      <a:pt x="432" y="421"/>
                    </a:lnTo>
                    <a:lnTo>
                      <a:pt x="436" y="421"/>
                    </a:lnTo>
                    <a:lnTo>
                      <a:pt x="437" y="419"/>
                    </a:lnTo>
                    <a:lnTo>
                      <a:pt x="438" y="417"/>
                    </a:lnTo>
                    <a:lnTo>
                      <a:pt x="437" y="410"/>
                    </a:lnTo>
                    <a:lnTo>
                      <a:pt x="436" y="405"/>
                    </a:lnTo>
                    <a:lnTo>
                      <a:pt x="432" y="401"/>
                    </a:lnTo>
                    <a:lnTo>
                      <a:pt x="428" y="399"/>
                    </a:lnTo>
                    <a:lnTo>
                      <a:pt x="423" y="397"/>
                    </a:lnTo>
                    <a:lnTo>
                      <a:pt x="417" y="397"/>
                    </a:lnTo>
                    <a:lnTo>
                      <a:pt x="411" y="397"/>
                    </a:lnTo>
                    <a:lnTo>
                      <a:pt x="404" y="399"/>
                    </a:lnTo>
                    <a:lnTo>
                      <a:pt x="390" y="403"/>
                    </a:lnTo>
                    <a:lnTo>
                      <a:pt x="377" y="404"/>
                    </a:lnTo>
                    <a:lnTo>
                      <a:pt x="372" y="404"/>
                    </a:lnTo>
                    <a:lnTo>
                      <a:pt x="367" y="404"/>
                    </a:lnTo>
                    <a:lnTo>
                      <a:pt x="363" y="401"/>
                    </a:lnTo>
                    <a:lnTo>
                      <a:pt x="359" y="399"/>
                    </a:lnTo>
                    <a:lnTo>
                      <a:pt x="356" y="392"/>
                    </a:lnTo>
                    <a:lnTo>
                      <a:pt x="354" y="386"/>
                    </a:lnTo>
                    <a:lnTo>
                      <a:pt x="354" y="379"/>
                    </a:lnTo>
                    <a:lnTo>
                      <a:pt x="354" y="371"/>
                    </a:lnTo>
                    <a:lnTo>
                      <a:pt x="356" y="356"/>
                    </a:lnTo>
                    <a:lnTo>
                      <a:pt x="362" y="339"/>
                    </a:lnTo>
                    <a:lnTo>
                      <a:pt x="367" y="325"/>
                    </a:lnTo>
                    <a:lnTo>
                      <a:pt x="371" y="312"/>
                    </a:lnTo>
                    <a:lnTo>
                      <a:pt x="372" y="307"/>
                    </a:lnTo>
                    <a:lnTo>
                      <a:pt x="373" y="301"/>
                    </a:lnTo>
                    <a:lnTo>
                      <a:pt x="373" y="299"/>
                    </a:lnTo>
                    <a:lnTo>
                      <a:pt x="372" y="298"/>
                    </a:lnTo>
                    <a:lnTo>
                      <a:pt x="359" y="289"/>
                    </a:lnTo>
                    <a:lnTo>
                      <a:pt x="353" y="282"/>
                    </a:lnTo>
                    <a:lnTo>
                      <a:pt x="351" y="279"/>
                    </a:lnTo>
                    <a:lnTo>
                      <a:pt x="350" y="277"/>
                    </a:lnTo>
                    <a:lnTo>
                      <a:pt x="350" y="274"/>
                    </a:lnTo>
                    <a:lnTo>
                      <a:pt x="351" y="273"/>
                    </a:lnTo>
                    <a:lnTo>
                      <a:pt x="354" y="268"/>
                    </a:lnTo>
                    <a:lnTo>
                      <a:pt x="358" y="261"/>
                    </a:lnTo>
                    <a:lnTo>
                      <a:pt x="363" y="252"/>
                    </a:lnTo>
                    <a:lnTo>
                      <a:pt x="366" y="242"/>
                    </a:lnTo>
                    <a:lnTo>
                      <a:pt x="367" y="230"/>
                    </a:lnTo>
                    <a:lnTo>
                      <a:pt x="366" y="220"/>
                    </a:lnTo>
                    <a:lnTo>
                      <a:pt x="364" y="208"/>
                    </a:lnTo>
                    <a:lnTo>
                      <a:pt x="364" y="198"/>
                    </a:lnTo>
                    <a:lnTo>
                      <a:pt x="364" y="197"/>
                    </a:lnTo>
                    <a:lnTo>
                      <a:pt x="366" y="195"/>
                    </a:lnTo>
                    <a:lnTo>
                      <a:pt x="368" y="195"/>
                    </a:lnTo>
                    <a:lnTo>
                      <a:pt x="369" y="195"/>
                    </a:lnTo>
                    <a:lnTo>
                      <a:pt x="376" y="197"/>
                    </a:lnTo>
                    <a:lnTo>
                      <a:pt x="382" y="199"/>
                    </a:lnTo>
                    <a:lnTo>
                      <a:pt x="397" y="203"/>
                    </a:lnTo>
                    <a:lnTo>
                      <a:pt x="407" y="206"/>
                    </a:lnTo>
                    <a:lnTo>
                      <a:pt x="419" y="204"/>
                    </a:lnTo>
                    <a:lnTo>
                      <a:pt x="432" y="202"/>
                    </a:lnTo>
                    <a:lnTo>
                      <a:pt x="446" y="198"/>
                    </a:lnTo>
                    <a:lnTo>
                      <a:pt x="460" y="193"/>
                    </a:lnTo>
                    <a:lnTo>
                      <a:pt x="473" y="186"/>
                    </a:lnTo>
                    <a:lnTo>
                      <a:pt x="483" y="177"/>
                    </a:lnTo>
                    <a:lnTo>
                      <a:pt x="487" y="173"/>
                    </a:lnTo>
                    <a:lnTo>
                      <a:pt x="490" y="168"/>
                    </a:lnTo>
                    <a:lnTo>
                      <a:pt x="491" y="163"/>
                    </a:lnTo>
                    <a:lnTo>
                      <a:pt x="491" y="158"/>
                    </a:lnTo>
                    <a:lnTo>
                      <a:pt x="491" y="150"/>
                    </a:lnTo>
                    <a:lnTo>
                      <a:pt x="493" y="143"/>
                    </a:lnTo>
                    <a:lnTo>
                      <a:pt x="496" y="137"/>
                    </a:lnTo>
                    <a:lnTo>
                      <a:pt x="500" y="132"/>
                    </a:lnTo>
                    <a:lnTo>
                      <a:pt x="505" y="128"/>
                    </a:lnTo>
                    <a:lnTo>
                      <a:pt x="512" y="124"/>
                    </a:lnTo>
                    <a:lnTo>
                      <a:pt x="518" y="121"/>
                    </a:lnTo>
                    <a:lnTo>
                      <a:pt x="526" y="119"/>
                    </a:lnTo>
                    <a:lnTo>
                      <a:pt x="542" y="114"/>
                    </a:lnTo>
                    <a:lnTo>
                      <a:pt x="557" y="107"/>
                    </a:lnTo>
                    <a:lnTo>
                      <a:pt x="565" y="103"/>
                    </a:lnTo>
                    <a:lnTo>
                      <a:pt x="572" y="99"/>
                    </a:lnTo>
                    <a:lnTo>
                      <a:pt x="578" y="94"/>
                    </a:lnTo>
                    <a:lnTo>
                      <a:pt x="583" y="89"/>
                    </a:lnTo>
                    <a:lnTo>
                      <a:pt x="590" y="79"/>
                    </a:lnTo>
                    <a:lnTo>
                      <a:pt x="596" y="64"/>
                    </a:lnTo>
                    <a:lnTo>
                      <a:pt x="601" y="59"/>
                    </a:lnTo>
                    <a:lnTo>
                      <a:pt x="607" y="55"/>
                    </a:lnTo>
                    <a:lnTo>
                      <a:pt x="609" y="55"/>
                    </a:lnTo>
                    <a:lnTo>
                      <a:pt x="612" y="55"/>
                    </a:lnTo>
                    <a:lnTo>
                      <a:pt x="614" y="57"/>
                    </a:lnTo>
                    <a:lnTo>
                      <a:pt x="617" y="58"/>
                    </a:lnTo>
                    <a:lnTo>
                      <a:pt x="632" y="70"/>
                    </a:lnTo>
                    <a:lnTo>
                      <a:pt x="645" y="77"/>
                    </a:lnTo>
                    <a:lnTo>
                      <a:pt x="651" y="79"/>
                    </a:lnTo>
                    <a:lnTo>
                      <a:pt x="656" y="80"/>
                    </a:lnTo>
                    <a:lnTo>
                      <a:pt x="660" y="80"/>
                    </a:lnTo>
                    <a:lnTo>
                      <a:pt x="662" y="79"/>
                    </a:lnTo>
                    <a:lnTo>
                      <a:pt x="666" y="76"/>
                    </a:lnTo>
                    <a:lnTo>
                      <a:pt x="669" y="75"/>
                    </a:lnTo>
                    <a:lnTo>
                      <a:pt x="670" y="71"/>
                    </a:lnTo>
                    <a:lnTo>
                      <a:pt x="671" y="68"/>
                    </a:lnTo>
                    <a:lnTo>
                      <a:pt x="674" y="61"/>
                    </a:lnTo>
                    <a:lnTo>
                      <a:pt x="676" y="51"/>
                    </a:lnTo>
                    <a:lnTo>
                      <a:pt x="678" y="35"/>
                    </a:lnTo>
                    <a:lnTo>
                      <a:pt x="682" y="23"/>
                    </a:lnTo>
                    <a:lnTo>
                      <a:pt x="682" y="20"/>
                    </a:lnTo>
                    <a:lnTo>
                      <a:pt x="684" y="20"/>
                    </a:lnTo>
                    <a:lnTo>
                      <a:pt x="686" y="20"/>
                    </a:lnTo>
                    <a:lnTo>
                      <a:pt x="688" y="22"/>
                    </a:lnTo>
                    <a:lnTo>
                      <a:pt x="693" y="27"/>
                    </a:lnTo>
                    <a:lnTo>
                      <a:pt x="701" y="37"/>
                    </a:lnTo>
                    <a:lnTo>
                      <a:pt x="705" y="41"/>
                    </a:lnTo>
                    <a:lnTo>
                      <a:pt x="708" y="45"/>
                    </a:lnTo>
                    <a:lnTo>
                      <a:pt x="711" y="48"/>
                    </a:lnTo>
                    <a:lnTo>
                      <a:pt x="715" y="50"/>
                    </a:lnTo>
                    <a:lnTo>
                      <a:pt x="723" y="51"/>
                    </a:lnTo>
                    <a:lnTo>
                      <a:pt x="730" y="51"/>
                    </a:lnTo>
                    <a:lnTo>
                      <a:pt x="746" y="45"/>
                    </a:lnTo>
                    <a:lnTo>
                      <a:pt x="763" y="36"/>
                    </a:lnTo>
                    <a:lnTo>
                      <a:pt x="779" y="42"/>
                    </a:lnTo>
                    <a:lnTo>
                      <a:pt x="796" y="53"/>
                    </a:lnTo>
                    <a:lnTo>
                      <a:pt x="805" y="57"/>
                    </a:lnTo>
                    <a:lnTo>
                      <a:pt x="812" y="59"/>
                    </a:lnTo>
                    <a:lnTo>
                      <a:pt x="816" y="58"/>
                    </a:lnTo>
                    <a:lnTo>
                      <a:pt x="820" y="58"/>
                    </a:lnTo>
                    <a:lnTo>
                      <a:pt x="824" y="55"/>
                    </a:lnTo>
                    <a:lnTo>
                      <a:pt x="828" y="53"/>
                    </a:lnTo>
                    <a:lnTo>
                      <a:pt x="831" y="46"/>
                    </a:lnTo>
                    <a:lnTo>
                      <a:pt x="833" y="40"/>
                    </a:lnTo>
                    <a:lnTo>
                      <a:pt x="835" y="33"/>
                    </a:lnTo>
                    <a:lnTo>
                      <a:pt x="836" y="27"/>
                    </a:lnTo>
                    <a:lnTo>
                      <a:pt x="837" y="20"/>
                    </a:lnTo>
                    <a:lnTo>
                      <a:pt x="840" y="14"/>
                    </a:lnTo>
                    <a:lnTo>
                      <a:pt x="844" y="10"/>
                    </a:lnTo>
                    <a:lnTo>
                      <a:pt x="849" y="7"/>
                    </a:lnTo>
                    <a:lnTo>
                      <a:pt x="855" y="5"/>
                    </a:lnTo>
                    <a:lnTo>
                      <a:pt x="862" y="5"/>
                    </a:lnTo>
                    <a:lnTo>
                      <a:pt x="868" y="5"/>
                    </a:lnTo>
                    <a:lnTo>
                      <a:pt x="875" y="6"/>
                    </a:lnTo>
                    <a:lnTo>
                      <a:pt x="885" y="10"/>
                    </a:lnTo>
                    <a:lnTo>
                      <a:pt x="895" y="15"/>
                    </a:lnTo>
                    <a:lnTo>
                      <a:pt x="906" y="19"/>
                    </a:lnTo>
                    <a:lnTo>
                      <a:pt x="917" y="22"/>
                    </a:lnTo>
                    <a:lnTo>
                      <a:pt x="923" y="22"/>
                    </a:lnTo>
                    <a:lnTo>
                      <a:pt x="929" y="22"/>
                    </a:lnTo>
                    <a:lnTo>
                      <a:pt x="937" y="19"/>
                    </a:lnTo>
                    <a:lnTo>
                      <a:pt x="945" y="16"/>
                    </a:lnTo>
                    <a:lnTo>
                      <a:pt x="964" y="6"/>
                    </a:lnTo>
                    <a:lnTo>
                      <a:pt x="981" y="0"/>
                    </a:lnTo>
                    <a:lnTo>
                      <a:pt x="990" y="0"/>
                    </a:lnTo>
                    <a:lnTo>
                      <a:pt x="999" y="0"/>
                    </a:lnTo>
                    <a:lnTo>
                      <a:pt x="1008" y="4"/>
                    </a:lnTo>
                    <a:lnTo>
                      <a:pt x="1021" y="10"/>
                    </a:lnTo>
                    <a:lnTo>
                      <a:pt x="1028" y="13"/>
                    </a:lnTo>
                    <a:lnTo>
                      <a:pt x="1034" y="15"/>
                    </a:lnTo>
                    <a:lnTo>
                      <a:pt x="1042" y="16"/>
                    </a:lnTo>
                    <a:lnTo>
                      <a:pt x="1048" y="18"/>
                    </a:lnTo>
                    <a:lnTo>
                      <a:pt x="1063" y="18"/>
                    </a:lnTo>
                    <a:lnTo>
                      <a:pt x="1077" y="16"/>
                    </a:lnTo>
                    <a:lnTo>
                      <a:pt x="1092" y="14"/>
                    </a:lnTo>
                    <a:lnTo>
                      <a:pt x="1107" y="13"/>
                    </a:lnTo>
                    <a:lnTo>
                      <a:pt x="1114" y="14"/>
                    </a:lnTo>
                    <a:lnTo>
                      <a:pt x="1121" y="14"/>
                    </a:lnTo>
                    <a:lnTo>
                      <a:pt x="1129" y="16"/>
                    </a:lnTo>
                    <a:lnTo>
                      <a:pt x="1136" y="19"/>
                    </a:lnTo>
                    <a:lnTo>
                      <a:pt x="1148" y="23"/>
                    </a:lnTo>
                    <a:lnTo>
                      <a:pt x="1160" y="27"/>
                    </a:lnTo>
                    <a:lnTo>
                      <a:pt x="1171" y="29"/>
                    </a:lnTo>
                    <a:lnTo>
                      <a:pt x="1183" y="32"/>
                    </a:lnTo>
                    <a:lnTo>
                      <a:pt x="1205" y="35"/>
                    </a:lnTo>
                    <a:lnTo>
                      <a:pt x="1228" y="36"/>
                    </a:lnTo>
                    <a:lnTo>
                      <a:pt x="1252" y="33"/>
                    </a:lnTo>
                    <a:lnTo>
                      <a:pt x="1274" y="31"/>
                    </a:lnTo>
                    <a:lnTo>
                      <a:pt x="1297" y="27"/>
                    </a:lnTo>
                    <a:lnTo>
                      <a:pt x="1322" y="23"/>
                    </a:lnTo>
                    <a:lnTo>
                      <a:pt x="1333" y="22"/>
                    </a:lnTo>
                    <a:lnTo>
                      <a:pt x="1345" y="23"/>
                    </a:lnTo>
                    <a:lnTo>
                      <a:pt x="1355" y="26"/>
                    </a:lnTo>
                    <a:lnTo>
                      <a:pt x="1366" y="29"/>
                    </a:lnTo>
                    <a:lnTo>
                      <a:pt x="1375" y="32"/>
                    </a:lnTo>
                    <a:lnTo>
                      <a:pt x="1385" y="35"/>
                    </a:lnTo>
                    <a:lnTo>
                      <a:pt x="1392" y="33"/>
                    </a:lnTo>
                    <a:lnTo>
                      <a:pt x="1397" y="33"/>
                    </a:lnTo>
                    <a:lnTo>
                      <a:pt x="1403" y="31"/>
                    </a:lnTo>
                    <a:lnTo>
                      <a:pt x="1410" y="28"/>
                    </a:lnTo>
                    <a:lnTo>
                      <a:pt x="1416" y="26"/>
                    </a:lnTo>
                    <a:lnTo>
                      <a:pt x="1421" y="20"/>
                    </a:lnTo>
                    <a:lnTo>
                      <a:pt x="1425" y="16"/>
                    </a:lnTo>
                    <a:lnTo>
                      <a:pt x="1428" y="11"/>
                    </a:lnTo>
                    <a:lnTo>
                      <a:pt x="1459" y="44"/>
                    </a:lnTo>
                    <a:lnTo>
                      <a:pt x="1465" y="51"/>
                    </a:lnTo>
                    <a:lnTo>
                      <a:pt x="1469" y="58"/>
                    </a:lnTo>
                    <a:lnTo>
                      <a:pt x="1472" y="63"/>
                    </a:lnTo>
                    <a:lnTo>
                      <a:pt x="1473" y="68"/>
                    </a:lnTo>
                    <a:lnTo>
                      <a:pt x="1472" y="73"/>
                    </a:lnTo>
                    <a:lnTo>
                      <a:pt x="1469" y="77"/>
                    </a:lnTo>
                    <a:lnTo>
                      <a:pt x="1467" y="81"/>
                    </a:lnTo>
                    <a:lnTo>
                      <a:pt x="1462" y="84"/>
                    </a:lnTo>
                    <a:lnTo>
                      <a:pt x="1440" y="96"/>
                    </a:lnTo>
                    <a:lnTo>
                      <a:pt x="1417" y="110"/>
                    </a:lnTo>
                    <a:lnTo>
                      <a:pt x="1412" y="115"/>
                    </a:lnTo>
                    <a:lnTo>
                      <a:pt x="1408" y="119"/>
                    </a:lnTo>
                    <a:lnTo>
                      <a:pt x="1406" y="123"/>
                    </a:lnTo>
                    <a:lnTo>
                      <a:pt x="1403" y="127"/>
                    </a:lnTo>
                    <a:lnTo>
                      <a:pt x="1402" y="134"/>
                    </a:lnTo>
                    <a:lnTo>
                      <a:pt x="1402" y="142"/>
                    </a:lnTo>
                    <a:lnTo>
                      <a:pt x="1403" y="150"/>
                    </a:lnTo>
                    <a:lnTo>
                      <a:pt x="1403" y="158"/>
                    </a:lnTo>
                    <a:lnTo>
                      <a:pt x="1403" y="167"/>
                    </a:lnTo>
                    <a:lnTo>
                      <a:pt x="1401" y="176"/>
                    </a:lnTo>
                    <a:lnTo>
                      <a:pt x="1398" y="182"/>
                    </a:lnTo>
                    <a:lnTo>
                      <a:pt x="1393" y="190"/>
                    </a:lnTo>
                    <a:lnTo>
                      <a:pt x="1388" y="197"/>
                    </a:lnTo>
                    <a:lnTo>
                      <a:pt x="1383" y="203"/>
                    </a:lnTo>
                    <a:lnTo>
                      <a:pt x="1370" y="215"/>
                    </a:lnTo>
                    <a:lnTo>
                      <a:pt x="1358" y="226"/>
                    </a:lnTo>
                    <a:lnTo>
                      <a:pt x="1348" y="239"/>
                    </a:lnTo>
                    <a:lnTo>
                      <a:pt x="1338" y="252"/>
                    </a:lnTo>
                    <a:lnTo>
                      <a:pt x="1333" y="265"/>
                    </a:lnTo>
                    <a:lnTo>
                      <a:pt x="1329" y="278"/>
                    </a:lnTo>
                    <a:lnTo>
                      <a:pt x="1328" y="291"/>
                    </a:lnTo>
                    <a:lnTo>
                      <a:pt x="1328" y="304"/>
                    </a:lnTo>
                    <a:lnTo>
                      <a:pt x="1331" y="317"/>
                    </a:lnTo>
                    <a:lnTo>
                      <a:pt x="1333" y="330"/>
                    </a:lnTo>
                    <a:lnTo>
                      <a:pt x="1341" y="356"/>
                    </a:lnTo>
                    <a:lnTo>
                      <a:pt x="1351" y="382"/>
                    </a:lnTo>
                    <a:lnTo>
                      <a:pt x="1357" y="395"/>
                    </a:lnTo>
                    <a:lnTo>
                      <a:pt x="1362" y="408"/>
                    </a:lnTo>
                    <a:lnTo>
                      <a:pt x="1366" y="421"/>
                    </a:lnTo>
                    <a:lnTo>
                      <a:pt x="1368" y="435"/>
                    </a:lnTo>
                    <a:lnTo>
                      <a:pt x="1370" y="443"/>
                    </a:lnTo>
                    <a:lnTo>
                      <a:pt x="1368" y="452"/>
                    </a:lnTo>
                    <a:lnTo>
                      <a:pt x="1367" y="460"/>
                    </a:lnTo>
                    <a:lnTo>
                      <a:pt x="1364" y="467"/>
                    </a:lnTo>
                    <a:lnTo>
                      <a:pt x="1360" y="484"/>
                    </a:lnTo>
                    <a:lnTo>
                      <a:pt x="1358" y="502"/>
                    </a:lnTo>
                    <a:lnTo>
                      <a:pt x="1359" y="532"/>
                    </a:lnTo>
                    <a:lnTo>
                      <a:pt x="1363" y="558"/>
                    </a:lnTo>
                    <a:lnTo>
                      <a:pt x="1368" y="583"/>
                    </a:lnTo>
                    <a:lnTo>
                      <a:pt x="1375" y="610"/>
                    </a:lnTo>
                    <a:lnTo>
                      <a:pt x="1377" y="619"/>
                    </a:lnTo>
                    <a:lnTo>
                      <a:pt x="1381" y="627"/>
                    </a:lnTo>
                    <a:lnTo>
                      <a:pt x="1386" y="634"/>
                    </a:lnTo>
                    <a:lnTo>
                      <a:pt x="1392" y="641"/>
                    </a:lnTo>
                    <a:lnTo>
                      <a:pt x="1403" y="655"/>
                    </a:lnTo>
                    <a:lnTo>
                      <a:pt x="1414" y="671"/>
                    </a:lnTo>
                    <a:lnTo>
                      <a:pt x="1416" y="675"/>
                    </a:lnTo>
                    <a:lnTo>
                      <a:pt x="1417" y="680"/>
                    </a:lnTo>
                    <a:lnTo>
                      <a:pt x="1419" y="686"/>
                    </a:lnTo>
                    <a:lnTo>
                      <a:pt x="1419" y="693"/>
                    </a:lnTo>
                    <a:lnTo>
                      <a:pt x="1419" y="706"/>
                    </a:lnTo>
                    <a:lnTo>
                      <a:pt x="1416" y="721"/>
                    </a:lnTo>
                    <a:lnTo>
                      <a:pt x="1412" y="735"/>
                    </a:lnTo>
                    <a:lnTo>
                      <a:pt x="1407" y="748"/>
                    </a:lnTo>
                    <a:lnTo>
                      <a:pt x="1402" y="760"/>
                    </a:lnTo>
                    <a:lnTo>
                      <a:pt x="1394" y="769"/>
                    </a:lnTo>
                    <a:lnTo>
                      <a:pt x="1372" y="790"/>
                    </a:lnTo>
                    <a:lnTo>
                      <a:pt x="1350" y="809"/>
                    </a:lnTo>
                    <a:lnTo>
                      <a:pt x="1340" y="820"/>
                    </a:lnTo>
                    <a:lnTo>
                      <a:pt x="1331" y="831"/>
                    </a:lnTo>
                    <a:lnTo>
                      <a:pt x="1323" y="844"/>
                    </a:lnTo>
                    <a:lnTo>
                      <a:pt x="1316" y="859"/>
                    </a:lnTo>
                    <a:lnTo>
                      <a:pt x="1313" y="893"/>
                    </a:lnTo>
                    <a:lnTo>
                      <a:pt x="1292" y="895"/>
                    </a:lnTo>
                    <a:lnTo>
                      <a:pt x="1271" y="899"/>
                    </a:lnTo>
                    <a:lnTo>
                      <a:pt x="1252" y="904"/>
                    </a:lnTo>
                    <a:lnTo>
                      <a:pt x="1232" y="910"/>
                    </a:lnTo>
                    <a:lnTo>
                      <a:pt x="1213" y="917"/>
                    </a:lnTo>
                    <a:lnTo>
                      <a:pt x="1193" y="923"/>
                    </a:lnTo>
                    <a:lnTo>
                      <a:pt x="1174" y="928"/>
                    </a:lnTo>
                    <a:lnTo>
                      <a:pt x="1153" y="932"/>
                    </a:lnTo>
                    <a:lnTo>
                      <a:pt x="1143" y="932"/>
                    </a:lnTo>
                    <a:lnTo>
                      <a:pt x="1132" y="932"/>
                    </a:lnTo>
                    <a:lnTo>
                      <a:pt x="1123" y="930"/>
                    </a:lnTo>
                    <a:lnTo>
                      <a:pt x="1116" y="927"/>
                    </a:lnTo>
                    <a:lnTo>
                      <a:pt x="1108" y="923"/>
                    </a:lnTo>
                    <a:lnTo>
                      <a:pt x="1100" y="919"/>
                    </a:lnTo>
                    <a:lnTo>
                      <a:pt x="1092" y="914"/>
                    </a:lnTo>
                    <a:lnTo>
                      <a:pt x="1085" y="909"/>
                    </a:lnTo>
                    <a:lnTo>
                      <a:pt x="1072" y="896"/>
                    </a:lnTo>
                    <a:lnTo>
                      <a:pt x="1057" y="884"/>
                    </a:lnTo>
                    <a:lnTo>
                      <a:pt x="1042" y="873"/>
                    </a:lnTo>
                    <a:lnTo>
                      <a:pt x="1025" y="864"/>
                    </a:lnTo>
                    <a:lnTo>
                      <a:pt x="1013" y="856"/>
                    </a:lnTo>
                    <a:lnTo>
                      <a:pt x="1004" y="849"/>
                    </a:lnTo>
                    <a:lnTo>
                      <a:pt x="996" y="842"/>
                    </a:lnTo>
                    <a:lnTo>
                      <a:pt x="991" y="834"/>
                    </a:lnTo>
                    <a:lnTo>
                      <a:pt x="981" y="817"/>
                    </a:lnTo>
                    <a:lnTo>
                      <a:pt x="967" y="796"/>
                    </a:lnTo>
                    <a:lnTo>
                      <a:pt x="947" y="776"/>
                    </a:lnTo>
                    <a:lnTo>
                      <a:pt x="921" y="751"/>
                    </a:lnTo>
                    <a:lnTo>
                      <a:pt x="908" y="741"/>
                    </a:lnTo>
                    <a:lnTo>
                      <a:pt x="894" y="732"/>
                    </a:lnTo>
                    <a:lnTo>
                      <a:pt x="888" y="728"/>
                    </a:lnTo>
                    <a:lnTo>
                      <a:pt x="881" y="725"/>
                    </a:lnTo>
                    <a:lnTo>
                      <a:pt x="875" y="722"/>
                    </a:lnTo>
                    <a:lnTo>
                      <a:pt x="869" y="721"/>
                    </a:lnTo>
                    <a:lnTo>
                      <a:pt x="858" y="721"/>
                    </a:lnTo>
                    <a:lnTo>
                      <a:pt x="847" y="721"/>
                    </a:lnTo>
                    <a:lnTo>
                      <a:pt x="836" y="722"/>
                    </a:lnTo>
                    <a:lnTo>
                      <a:pt x="825" y="725"/>
                    </a:lnTo>
                    <a:lnTo>
                      <a:pt x="803" y="733"/>
                    </a:lnTo>
                    <a:lnTo>
                      <a:pt x="780" y="742"/>
                    </a:lnTo>
                    <a:lnTo>
                      <a:pt x="758" y="751"/>
                    </a:lnTo>
                    <a:lnTo>
                      <a:pt x="735" y="761"/>
                    </a:lnTo>
                    <a:lnTo>
                      <a:pt x="713" y="770"/>
                    </a:lnTo>
                    <a:lnTo>
                      <a:pt x="691" y="776"/>
                    </a:lnTo>
                    <a:lnTo>
                      <a:pt x="613" y="789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64" name="Freeform 59"/>
              <p:cNvSpPr>
                <a:spLocks/>
              </p:cNvSpPr>
              <p:nvPr/>
            </p:nvSpPr>
            <p:spPr bwMode="auto">
              <a:xfrm>
                <a:off x="8761666" y="2165890"/>
                <a:ext cx="83798" cy="61414"/>
              </a:xfrm>
              <a:custGeom>
                <a:avLst/>
                <a:gdLst/>
                <a:ahLst/>
                <a:cxnLst>
                  <a:cxn ang="0">
                    <a:pos x="76" y="111"/>
                  </a:cxn>
                  <a:cxn ang="0">
                    <a:pos x="70" y="103"/>
                  </a:cxn>
                  <a:cxn ang="0">
                    <a:pos x="66" y="95"/>
                  </a:cxn>
                  <a:cxn ang="0">
                    <a:pos x="56" y="90"/>
                  </a:cxn>
                  <a:cxn ang="0">
                    <a:pos x="35" y="90"/>
                  </a:cxn>
                  <a:cxn ang="0">
                    <a:pos x="16" y="85"/>
                  </a:cxn>
                  <a:cxn ang="0">
                    <a:pos x="4" y="79"/>
                  </a:cxn>
                  <a:cxn ang="0">
                    <a:pos x="0" y="71"/>
                  </a:cxn>
                  <a:cxn ang="0">
                    <a:pos x="2" y="67"/>
                  </a:cxn>
                  <a:cxn ang="0">
                    <a:pos x="8" y="63"/>
                  </a:cxn>
                  <a:cxn ang="0">
                    <a:pos x="29" y="57"/>
                  </a:cxn>
                  <a:cxn ang="0">
                    <a:pos x="44" y="48"/>
                  </a:cxn>
                  <a:cxn ang="0">
                    <a:pos x="57" y="27"/>
                  </a:cxn>
                  <a:cxn ang="0">
                    <a:pos x="68" y="11"/>
                  </a:cxn>
                  <a:cxn ang="0">
                    <a:pos x="74" y="3"/>
                  </a:cxn>
                  <a:cxn ang="0">
                    <a:pos x="83" y="0"/>
                  </a:cxn>
                  <a:cxn ang="0">
                    <a:pos x="92" y="2"/>
                  </a:cxn>
                  <a:cxn ang="0">
                    <a:pos x="105" y="11"/>
                  </a:cxn>
                  <a:cxn ang="0">
                    <a:pos x="120" y="19"/>
                  </a:cxn>
                  <a:cxn ang="0">
                    <a:pos x="143" y="28"/>
                  </a:cxn>
                  <a:cxn ang="0">
                    <a:pos x="168" y="41"/>
                  </a:cxn>
                  <a:cxn ang="0">
                    <a:pos x="178" y="51"/>
                  </a:cxn>
                  <a:cxn ang="0">
                    <a:pos x="182" y="62"/>
                  </a:cxn>
                  <a:cxn ang="0">
                    <a:pos x="183" y="71"/>
                  </a:cxn>
                  <a:cxn ang="0">
                    <a:pos x="179" y="77"/>
                  </a:cxn>
                  <a:cxn ang="0">
                    <a:pos x="170" y="84"/>
                  </a:cxn>
                  <a:cxn ang="0">
                    <a:pos x="152" y="90"/>
                  </a:cxn>
                  <a:cxn ang="0">
                    <a:pos x="135" y="97"/>
                  </a:cxn>
                  <a:cxn ang="0">
                    <a:pos x="122" y="112"/>
                  </a:cxn>
                  <a:cxn ang="0">
                    <a:pos x="108" y="129"/>
                  </a:cxn>
                  <a:cxn ang="0">
                    <a:pos x="100" y="133"/>
                  </a:cxn>
                  <a:cxn ang="0">
                    <a:pos x="92" y="132"/>
                  </a:cxn>
                  <a:cxn ang="0">
                    <a:pos x="81" y="115"/>
                  </a:cxn>
                </a:cxnLst>
                <a:rect l="0" t="0" r="r" b="b"/>
                <a:pathLst>
                  <a:path w="183" h="133">
                    <a:moveTo>
                      <a:pt x="81" y="115"/>
                    </a:moveTo>
                    <a:lnTo>
                      <a:pt x="76" y="111"/>
                    </a:lnTo>
                    <a:lnTo>
                      <a:pt x="73" y="107"/>
                    </a:lnTo>
                    <a:lnTo>
                      <a:pt x="70" y="103"/>
                    </a:lnTo>
                    <a:lnTo>
                      <a:pt x="68" y="99"/>
                    </a:lnTo>
                    <a:lnTo>
                      <a:pt x="66" y="95"/>
                    </a:lnTo>
                    <a:lnTo>
                      <a:pt x="63" y="93"/>
                    </a:lnTo>
                    <a:lnTo>
                      <a:pt x="56" y="90"/>
                    </a:lnTo>
                    <a:lnTo>
                      <a:pt x="48" y="90"/>
                    </a:lnTo>
                    <a:lnTo>
                      <a:pt x="35" y="90"/>
                    </a:lnTo>
                    <a:lnTo>
                      <a:pt x="22" y="88"/>
                    </a:lnTo>
                    <a:lnTo>
                      <a:pt x="16" y="85"/>
                    </a:lnTo>
                    <a:lnTo>
                      <a:pt x="9" y="82"/>
                    </a:lnTo>
                    <a:lnTo>
                      <a:pt x="4" y="79"/>
                    </a:lnTo>
                    <a:lnTo>
                      <a:pt x="0" y="72"/>
                    </a:lnTo>
                    <a:lnTo>
                      <a:pt x="0" y="71"/>
                    </a:lnTo>
                    <a:lnTo>
                      <a:pt x="0" y="70"/>
                    </a:lnTo>
                    <a:lnTo>
                      <a:pt x="2" y="67"/>
                    </a:lnTo>
                    <a:lnTo>
                      <a:pt x="3" y="66"/>
                    </a:lnTo>
                    <a:lnTo>
                      <a:pt x="8" y="63"/>
                    </a:lnTo>
                    <a:lnTo>
                      <a:pt x="15" y="60"/>
                    </a:lnTo>
                    <a:lnTo>
                      <a:pt x="29" y="57"/>
                    </a:lnTo>
                    <a:lnTo>
                      <a:pt x="38" y="53"/>
                    </a:lnTo>
                    <a:lnTo>
                      <a:pt x="44" y="48"/>
                    </a:lnTo>
                    <a:lnTo>
                      <a:pt x="51" y="38"/>
                    </a:lnTo>
                    <a:lnTo>
                      <a:pt x="57" y="27"/>
                    </a:lnTo>
                    <a:lnTo>
                      <a:pt x="64" y="16"/>
                    </a:lnTo>
                    <a:lnTo>
                      <a:pt x="68" y="11"/>
                    </a:lnTo>
                    <a:lnTo>
                      <a:pt x="70" y="7"/>
                    </a:lnTo>
                    <a:lnTo>
                      <a:pt x="74" y="3"/>
                    </a:lnTo>
                    <a:lnTo>
                      <a:pt x="79" y="1"/>
                    </a:lnTo>
                    <a:lnTo>
                      <a:pt x="83" y="0"/>
                    </a:lnTo>
                    <a:lnTo>
                      <a:pt x="87" y="0"/>
                    </a:lnTo>
                    <a:lnTo>
                      <a:pt x="92" y="2"/>
                    </a:lnTo>
                    <a:lnTo>
                      <a:pt x="98" y="6"/>
                    </a:lnTo>
                    <a:lnTo>
                      <a:pt x="105" y="11"/>
                    </a:lnTo>
                    <a:lnTo>
                      <a:pt x="112" y="15"/>
                    </a:lnTo>
                    <a:lnTo>
                      <a:pt x="120" y="19"/>
                    </a:lnTo>
                    <a:lnTo>
                      <a:pt x="127" y="23"/>
                    </a:lnTo>
                    <a:lnTo>
                      <a:pt x="143" y="28"/>
                    </a:lnTo>
                    <a:lnTo>
                      <a:pt x="158" y="36"/>
                    </a:lnTo>
                    <a:lnTo>
                      <a:pt x="168" y="41"/>
                    </a:lnTo>
                    <a:lnTo>
                      <a:pt x="175" y="48"/>
                    </a:lnTo>
                    <a:lnTo>
                      <a:pt x="178" y="51"/>
                    </a:lnTo>
                    <a:lnTo>
                      <a:pt x="180" y="57"/>
                    </a:lnTo>
                    <a:lnTo>
                      <a:pt x="182" y="62"/>
                    </a:lnTo>
                    <a:lnTo>
                      <a:pt x="183" y="67"/>
                    </a:lnTo>
                    <a:lnTo>
                      <a:pt x="183" y="71"/>
                    </a:lnTo>
                    <a:lnTo>
                      <a:pt x="182" y="75"/>
                    </a:lnTo>
                    <a:lnTo>
                      <a:pt x="179" y="77"/>
                    </a:lnTo>
                    <a:lnTo>
                      <a:pt x="177" y="80"/>
                    </a:lnTo>
                    <a:lnTo>
                      <a:pt x="170" y="84"/>
                    </a:lnTo>
                    <a:lnTo>
                      <a:pt x="161" y="88"/>
                    </a:lnTo>
                    <a:lnTo>
                      <a:pt x="152" y="90"/>
                    </a:lnTo>
                    <a:lnTo>
                      <a:pt x="144" y="93"/>
                    </a:lnTo>
                    <a:lnTo>
                      <a:pt x="135" y="97"/>
                    </a:lnTo>
                    <a:lnTo>
                      <a:pt x="130" y="102"/>
                    </a:lnTo>
                    <a:lnTo>
                      <a:pt x="122" y="112"/>
                    </a:lnTo>
                    <a:lnTo>
                      <a:pt x="113" y="125"/>
                    </a:lnTo>
                    <a:lnTo>
                      <a:pt x="108" y="129"/>
                    </a:lnTo>
                    <a:lnTo>
                      <a:pt x="103" y="133"/>
                    </a:lnTo>
                    <a:lnTo>
                      <a:pt x="100" y="133"/>
                    </a:lnTo>
                    <a:lnTo>
                      <a:pt x="96" y="133"/>
                    </a:lnTo>
                    <a:lnTo>
                      <a:pt x="92" y="132"/>
                    </a:lnTo>
                    <a:lnTo>
                      <a:pt x="88" y="130"/>
                    </a:lnTo>
                    <a:lnTo>
                      <a:pt x="81" y="115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65" name="Freeform 60"/>
              <p:cNvSpPr>
                <a:spLocks/>
              </p:cNvSpPr>
              <p:nvPr/>
            </p:nvSpPr>
            <p:spPr bwMode="auto">
              <a:xfrm>
                <a:off x="8734341" y="2256205"/>
                <a:ext cx="147558" cy="146311"/>
              </a:xfrm>
              <a:custGeom>
                <a:avLst/>
                <a:gdLst/>
                <a:ahLst/>
                <a:cxnLst>
                  <a:cxn ang="0">
                    <a:pos x="127" y="207"/>
                  </a:cxn>
                  <a:cxn ang="0">
                    <a:pos x="157" y="194"/>
                  </a:cxn>
                  <a:cxn ang="0">
                    <a:pos x="202" y="178"/>
                  </a:cxn>
                  <a:cxn ang="0">
                    <a:pos x="220" y="163"/>
                  </a:cxn>
                  <a:cxn ang="0">
                    <a:pos x="252" y="118"/>
                  </a:cxn>
                  <a:cxn ang="0">
                    <a:pos x="270" y="89"/>
                  </a:cxn>
                  <a:cxn ang="0">
                    <a:pos x="279" y="71"/>
                  </a:cxn>
                  <a:cxn ang="0">
                    <a:pos x="292" y="65"/>
                  </a:cxn>
                  <a:cxn ang="0">
                    <a:pos x="315" y="61"/>
                  </a:cxn>
                  <a:cxn ang="0">
                    <a:pos x="328" y="52"/>
                  </a:cxn>
                  <a:cxn ang="0">
                    <a:pos x="290" y="30"/>
                  </a:cxn>
                  <a:cxn ang="0">
                    <a:pos x="246" y="5"/>
                  </a:cxn>
                  <a:cxn ang="0">
                    <a:pos x="231" y="0"/>
                  </a:cxn>
                  <a:cxn ang="0">
                    <a:pos x="204" y="5"/>
                  </a:cxn>
                  <a:cxn ang="0">
                    <a:pos x="173" y="9"/>
                  </a:cxn>
                  <a:cxn ang="0">
                    <a:pos x="148" y="1"/>
                  </a:cxn>
                  <a:cxn ang="0">
                    <a:pos x="125" y="4"/>
                  </a:cxn>
                  <a:cxn ang="0">
                    <a:pos x="108" y="25"/>
                  </a:cxn>
                  <a:cxn ang="0">
                    <a:pos x="88" y="51"/>
                  </a:cxn>
                  <a:cxn ang="0">
                    <a:pos x="70" y="71"/>
                  </a:cxn>
                  <a:cxn ang="0">
                    <a:pos x="59" y="99"/>
                  </a:cxn>
                  <a:cxn ang="0">
                    <a:pos x="52" y="99"/>
                  </a:cxn>
                  <a:cxn ang="0">
                    <a:pos x="39" y="88"/>
                  </a:cxn>
                  <a:cxn ang="0">
                    <a:pos x="20" y="79"/>
                  </a:cxn>
                  <a:cxn ang="0">
                    <a:pos x="5" y="88"/>
                  </a:cxn>
                  <a:cxn ang="0">
                    <a:pos x="5" y="105"/>
                  </a:cxn>
                  <a:cxn ang="0">
                    <a:pos x="24" y="123"/>
                  </a:cxn>
                  <a:cxn ang="0">
                    <a:pos x="27" y="134"/>
                  </a:cxn>
                  <a:cxn ang="0">
                    <a:pos x="14" y="149"/>
                  </a:cxn>
                  <a:cxn ang="0">
                    <a:pos x="2" y="172"/>
                  </a:cxn>
                  <a:cxn ang="0">
                    <a:pos x="3" y="187"/>
                  </a:cxn>
                  <a:cxn ang="0">
                    <a:pos x="17" y="196"/>
                  </a:cxn>
                  <a:cxn ang="0">
                    <a:pos x="36" y="198"/>
                  </a:cxn>
                  <a:cxn ang="0">
                    <a:pos x="57" y="203"/>
                  </a:cxn>
                  <a:cxn ang="0">
                    <a:pos x="66" y="224"/>
                  </a:cxn>
                  <a:cxn ang="0">
                    <a:pos x="56" y="245"/>
                  </a:cxn>
                  <a:cxn ang="0">
                    <a:pos x="46" y="263"/>
                  </a:cxn>
                  <a:cxn ang="0">
                    <a:pos x="48" y="280"/>
                  </a:cxn>
                  <a:cxn ang="0">
                    <a:pos x="48" y="303"/>
                  </a:cxn>
                  <a:cxn ang="0">
                    <a:pos x="48" y="316"/>
                  </a:cxn>
                  <a:cxn ang="0">
                    <a:pos x="51" y="323"/>
                  </a:cxn>
                  <a:cxn ang="0">
                    <a:pos x="65" y="317"/>
                  </a:cxn>
                  <a:cxn ang="0">
                    <a:pos x="81" y="295"/>
                  </a:cxn>
                  <a:cxn ang="0">
                    <a:pos x="93" y="255"/>
                  </a:cxn>
                </a:cxnLst>
                <a:rect l="0" t="0" r="r" b="b"/>
                <a:pathLst>
                  <a:path w="328" h="323">
                    <a:moveTo>
                      <a:pt x="114" y="218"/>
                    </a:moveTo>
                    <a:lnTo>
                      <a:pt x="119" y="213"/>
                    </a:lnTo>
                    <a:lnTo>
                      <a:pt x="127" y="207"/>
                    </a:lnTo>
                    <a:lnTo>
                      <a:pt x="134" y="203"/>
                    </a:lnTo>
                    <a:lnTo>
                      <a:pt x="141" y="200"/>
                    </a:lnTo>
                    <a:lnTo>
                      <a:pt x="157" y="194"/>
                    </a:lnTo>
                    <a:lnTo>
                      <a:pt x="173" y="189"/>
                    </a:lnTo>
                    <a:lnTo>
                      <a:pt x="188" y="184"/>
                    </a:lnTo>
                    <a:lnTo>
                      <a:pt x="202" y="178"/>
                    </a:lnTo>
                    <a:lnTo>
                      <a:pt x="209" y="174"/>
                    </a:lnTo>
                    <a:lnTo>
                      <a:pt x="215" y="168"/>
                    </a:lnTo>
                    <a:lnTo>
                      <a:pt x="220" y="163"/>
                    </a:lnTo>
                    <a:lnTo>
                      <a:pt x="224" y="157"/>
                    </a:lnTo>
                    <a:lnTo>
                      <a:pt x="237" y="136"/>
                    </a:lnTo>
                    <a:lnTo>
                      <a:pt x="252" y="118"/>
                    </a:lnTo>
                    <a:lnTo>
                      <a:pt x="258" y="109"/>
                    </a:lnTo>
                    <a:lnTo>
                      <a:pt x="264" y="100"/>
                    </a:lnTo>
                    <a:lnTo>
                      <a:pt x="270" y="89"/>
                    </a:lnTo>
                    <a:lnTo>
                      <a:pt x="275" y="78"/>
                    </a:lnTo>
                    <a:lnTo>
                      <a:pt x="277" y="75"/>
                    </a:lnTo>
                    <a:lnTo>
                      <a:pt x="279" y="71"/>
                    </a:lnTo>
                    <a:lnTo>
                      <a:pt x="281" y="69"/>
                    </a:lnTo>
                    <a:lnTo>
                      <a:pt x="285" y="67"/>
                    </a:lnTo>
                    <a:lnTo>
                      <a:pt x="292" y="65"/>
                    </a:lnTo>
                    <a:lnTo>
                      <a:pt x="299" y="62"/>
                    </a:lnTo>
                    <a:lnTo>
                      <a:pt x="307" y="62"/>
                    </a:lnTo>
                    <a:lnTo>
                      <a:pt x="315" y="61"/>
                    </a:lnTo>
                    <a:lnTo>
                      <a:pt x="322" y="58"/>
                    </a:lnTo>
                    <a:lnTo>
                      <a:pt x="328" y="54"/>
                    </a:lnTo>
                    <a:lnTo>
                      <a:pt x="328" y="52"/>
                    </a:lnTo>
                    <a:lnTo>
                      <a:pt x="328" y="51"/>
                    </a:lnTo>
                    <a:lnTo>
                      <a:pt x="310" y="39"/>
                    </a:lnTo>
                    <a:lnTo>
                      <a:pt x="290" y="30"/>
                    </a:lnTo>
                    <a:lnTo>
                      <a:pt x="271" y="21"/>
                    </a:lnTo>
                    <a:lnTo>
                      <a:pt x="253" y="9"/>
                    </a:lnTo>
                    <a:lnTo>
                      <a:pt x="246" y="5"/>
                    </a:lnTo>
                    <a:lnTo>
                      <a:pt x="241" y="3"/>
                    </a:lnTo>
                    <a:lnTo>
                      <a:pt x="236" y="1"/>
                    </a:lnTo>
                    <a:lnTo>
                      <a:pt x="231" y="0"/>
                    </a:lnTo>
                    <a:lnTo>
                      <a:pt x="222" y="0"/>
                    </a:lnTo>
                    <a:lnTo>
                      <a:pt x="213" y="3"/>
                    </a:lnTo>
                    <a:lnTo>
                      <a:pt x="204" y="5"/>
                    </a:lnTo>
                    <a:lnTo>
                      <a:pt x="193" y="8"/>
                    </a:lnTo>
                    <a:lnTo>
                      <a:pt x="183" y="9"/>
                    </a:lnTo>
                    <a:lnTo>
                      <a:pt x="173" y="9"/>
                    </a:lnTo>
                    <a:lnTo>
                      <a:pt x="165" y="7"/>
                    </a:lnTo>
                    <a:lnTo>
                      <a:pt x="157" y="4"/>
                    </a:lnTo>
                    <a:lnTo>
                      <a:pt x="148" y="1"/>
                    </a:lnTo>
                    <a:lnTo>
                      <a:pt x="140" y="1"/>
                    </a:lnTo>
                    <a:lnTo>
                      <a:pt x="131" y="3"/>
                    </a:lnTo>
                    <a:lnTo>
                      <a:pt x="125" y="4"/>
                    </a:lnTo>
                    <a:lnTo>
                      <a:pt x="117" y="9"/>
                    </a:lnTo>
                    <a:lnTo>
                      <a:pt x="112" y="16"/>
                    </a:lnTo>
                    <a:lnTo>
                      <a:pt x="108" y="25"/>
                    </a:lnTo>
                    <a:lnTo>
                      <a:pt x="103" y="34"/>
                    </a:lnTo>
                    <a:lnTo>
                      <a:pt x="96" y="43"/>
                    </a:lnTo>
                    <a:lnTo>
                      <a:pt x="88" y="51"/>
                    </a:lnTo>
                    <a:lnTo>
                      <a:pt x="82" y="56"/>
                    </a:lnTo>
                    <a:lnTo>
                      <a:pt x="75" y="64"/>
                    </a:lnTo>
                    <a:lnTo>
                      <a:pt x="70" y="71"/>
                    </a:lnTo>
                    <a:lnTo>
                      <a:pt x="66" y="79"/>
                    </a:lnTo>
                    <a:lnTo>
                      <a:pt x="62" y="92"/>
                    </a:lnTo>
                    <a:lnTo>
                      <a:pt x="59" y="99"/>
                    </a:lnTo>
                    <a:lnTo>
                      <a:pt x="56" y="100"/>
                    </a:lnTo>
                    <a:lnTo>
                      <a:pt x="55" y="100"/>
                    </a:lnTo>
                    <a:lnTo>
                      <a:pt x="52" y="99"/>
                    </a:lnTo>
                    <a:lnTo>
                      <a:pt x="49" y="97"/>
                    </a:lnTo>
                    <a:lnTo>
                      <a:pt x="46" y="93"/>
                    </a:lnTo>
                    <a:lnTo>
                      <a:pt x="39" y="88"/>
                    </a:lnTo>
                    <a:lnTo>
                      <a:pt x="33" y="83"/>
                    </a:lnTo>
                    <a:lnTo>
                      <a:pt x="26" y="79"/>
                    </a:lnTo>
                    <a:lnTo>
                      <a:pt x="20" y="79"/>
                    </a:lnTo>
                    <a:lnTo>
                      <a:pt x="13" y="80"/>
                    </a:lnTo>
                    <a:lnTo>
                      <a:pt x="9" y="84"/>
                    </a:lnTo>
                    <a:lnTo>
                      <a:pt x="5" y="88"/>
                    </a:lnTo>
                    <a:lnTo>
                      <a:pt x="4" y="93"/>
                    </a:lnTo>
                    <a:lnTo>
                      <a:pt x="4" y="99"/>
                    </a:lnTo>
                    <a:lnTo>
                      <a:pt x="5" y="105"/>
                    </a:lnTo>
                    <a:lnTo>
                      <a:pt x="9" y="109"/>
                    </a:lnTo>
                    <a:lnTo>
                      <a:pt x="16" y="115"/>
                    </a:lnTo>
                    <a:lnTo>
                      <a:pt x="24" y="123"/>
                    </a:lnTo>
                    <a:lnTo>
                      <a:pt x="26" y="127"/>
                    </a:lnTo>
                    <a:lnTo>
                      <a:pt x="27" y="131"/>
                    </a:lnTo>
                    <a:lnTo>
                      <a:pt x="27" y="134"/>
                    </a:lnTo>
                    <a:lnTo>
                      <a:pt x="25" y="137"/>
                    </a:lnTo>
                    <a:lnTo>
                      <a:pt x="20" y="143"/>
                    </a:lnTo>
                    <a:lnTo>
                      <a:pt x="14" y="149"/>
                    </a:lnTo>
                    <a:lnTo>
                      <a:pt x="9" y="156"/>
                    </a:lnTo>
                    <a:lnTo>
                      <a:pt x="4" y="163"/>
                    </a:lnTo>
                    <a:lnTo>
                      <a:pt x="2" y="172"/>
                    </a:lnTo>
                    <a:lnTo>
                      <a:pt x="0" y="180"/>
                    </a:lnTo>
                    <a:lnTo>
                      <a:pt x="2" y="183"/>
                    </a:lnTo>
                    <a:lnTo>
                      <a:pt x="3" y="187"/>
                    </a:lnTo>
                    <a:lnTo>
                      <a:pt x="5" y="191"/>
                    </a:lnTo>
                    <a:lnTo>
                      <a:pt x="9" y="193"/>
                    </a:lnTo>
                    <a:lnTo>
                      <a:pt x="17" y="196"/>
                    </a:lnTo>
                    <a:lnTo>
                      <a:pt x="24" y="198"/>
                    </a:lnTo>
                    <a:lnTo>
                      <a:pt x="30" y="198"/>
                    </a:lnTo>
                    <a:lnTo>
                      <a:pt x="36" y="198"/>
                    </a:lnTo>
                    <a:lnTo>
                      <a:pt x="44" y="198"/>
                    </a:lnTo>
                    <a:lnTo>
                      <a:pt x="51" y="200"/>
                    </a:lnTo>
                    <a:lnTo>
                      <a:pt x="57" y="203"/>
                    </a:lnTo>
                    <a:lnTo>
                      <a:pt x="65" y="211"/>
                    </a:lnTo>
                    <a:lnTo>
                      <a:pt x="66" y="218"/>
                    </a:lnTo>
                    <a:lnTo>
                      <a:pt x="66" y="224"/>
                    </a:lnTo>
                    <a:lnTo>
                      <a:pt x="65" y="231"/>
                    </a:lnTo>
                    <a:lnTo>
                      <a:pt x="61" y="237"/>
                    </a:lnTo>
                    <a:lnTo>
                      <a:pt x="56" y="245"/>
                    </a:lnTo>
                    <a:lnTo>
                      <a:pt x="49" y="253"/>
                    </a:lnTo>
                    <a:lnTo>
                      <a:pt x="47" y="258"/>
                    </a:lnTo>
                    <a:lnTo>
                      <a:pt x="46" y="263"/>
                    </a:lnTo>
                    <a:lnTo>
                      <a:pt x="46" y="267"/>
                    </a:lnTo>
                    <a:lnTo>
                      <a:pt x="47" y="273"/>
                    </a:lnTo>
                    <a:lnTo>
                      <a:pt x="48" y="280"/>
                    </a:lnTo>
                    <a:lnTo>
                      <a:pt x="49" y="288"/>
                    </a:lnTo>
                    <a:lnTo>
                      <a:pt x="49" y="295"/>
                    </a:lnTo>
                    <a:lnTo>
                      <a:pt x="48" y="303"/>
                    </a:lnTo>
                    <a:lnTo>
                      <a:pt x="48" y="307"/>
                    </a:lnTo>
                    <a:lnTo>
                      <a:pt x="48" y="314"/>
                    </a:lnTo>
                    <a:lnTo>
                      <a:pt x="48" y="316"/>
                    </a:lnTo>
                    <a:lnTo>
                      <a:pt x="48" y="320"/>
                    </a:lnTo>
                    <a:lnTo>
                      <a:pt x="49" y="321"/>
                    </a:lnTo>
                    <a:lnTo>
                      <a:pt x="51" y="323"/>
                    </a:lnTo>
                    <a:lnTo>
                      <a:pt x="56" y="323"/>
                    </a:lnTo>
                    <a:lnTo>
                      <a:pt x="61" y="321"/>
                    </a:lnTo>
                    <a:lnTo>
                      <a:pt x="65" y="317"/>
                    </a:lnTo>
                    <a:lnTo>
                      <a:pt x="69" y="314"/>
                    </a:lnTo>
                    <a:lnTo>
                      <a:pt x="77" y="303"/>
                    </a:lnTo>
                    <a:lnTo>
                      <a:pt x="81" y="295"/>
                    </a:lnTo>
                    <a:lnTo>
                      <a:pt x="86" y="282"/>
                    </a:lnTo>
                    <a:lnTo>
                      <a:pt x="90" y="270"/>
                    </a:lnTo>
                    <a:lnTo>
                      <a:pt x="93" y="255"/>
                    </a:lnTo>
                    <a:lnTo>
                      <a:pt x="97" y="242"/>
                    </a:lnTo>
                    <a:lnTo>
                      <a:pt x="114" y="218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66" name="Freeform 61"/>
              <p:cNvSpPr>
                <a:spLocks/>
              </p:cNvSpPr>
              <p:nvPr/>
            </p:nvSpPr>
            <p:spPr bwMode="auto">
              <a:xfrm>
                <a:off x="8892828" y="2032223"/>
                <a:ext cx="511896" cy="420870"/>
              </a:xfrm>
              <a:custGeom>
                <a:avLst/>
                <a:gdLst/>
                <a:ahLst/>
                <a:cxnLst>
                  <a:cxn ang="0">
                    <a:pos x="288" y="641"/>
                  </a:cxn>
                  <a:cxn ang="0">
                    <a:pos x="308" y="590"/>
                  </a:cxn>
                  <a:cxn ang="0">
                    <a:pos x="240" y="580"/>
                  </a:cxn>
                  <a:cxn ang="0">
                    <a:pos x="232" y="624"/>
                  </a:cxn>
                  <a:cxn ang="0">
                    <a:pos x="203" y="660"/>
                  </a:cxn>
                  <a:cxn ang="0">
                    <a:pos x="168" y="624"/>
                  </a:cxn>
                  <a:cxn ang="0">
                    <a:pos x="100" y="607"/>
                  </a:cxn>
                  <a:cxn ang="0">
                    <a:pos x="65" y="577"/>
                  </a:cxn>
                  <a:cxn ang="0">
                    <a:pos x="53" y="527"/>
                  </a:cxn>
                  <a:cxn ang="0">
                    <a:pos x="36" y="497"/>
                  </a:cxn>
                  <a:cxn ang="0">
                    <a:pos x="18" y="443"/>
                  </a:cxn>
                  <a:cxn ang="0">
                    <a:pos x="66" y="423"/>
                  </a:cxn>
                  <a:cxn ang="0">
                    <a:pos x="86" y="405"/>
                  </a:cxn>
                  <a:cxn ang="0">
                    <a:pos x="40" y="403"/>
                  </a:cxn>
                  <a:cxn ang="0">
                    <a:pos x="4" y="386"/>
                  </a:cxn>
                  <a:cxn ang="0">
                    <a:pos x="22" y="307"/>
                  </a:cxn>
                  <a:cxn ang="0">
                    <a:pos x="0" y="277"/>
                  </a:cxn>
                  <a:cxn ang="0">
                    <a:pos x="17" y="230"/>
                  </a:cxn>
                  <a:cxn ang="0">
                    <a:pos x="19" y="195"/>
                  </a:cxn>
                  <a:cxn ang="0">
                    <a:pos x="96" y="198"/>
                  </a:cxn>
                  <a:cxn ang="0">
                    <a:pos x="141" y="158"/>
                  </a:cxn>
                  <a:cxn ang="0">
                    <a:pos x="168" y="121"/>
                  </a:cxn>
                  <a:cxn ang="0">
                    <a:pos x="233" y="89"/>
                  </a:cxn>
                  <a:cxn ang="0">
                    <a:pos x="264" y="57"/>
                  </a:cxn>
                  <a:cxn ang="0">
                    <a:pos x="312" y="79"/>
                  </a:cxn>
                  <a:cxn ang="0">
                    <a:pos x="328" y="35"/>
                  </a:cxn>
                  <a:cxn ang="0">
                    <a:pos x="351" y="37"/>
                  </a:cxn>
                  <a:cxn ang="0">
                    <a:pos x="396" y="45"/>
                  </a:cxn>
                  <a:cxn ang="0">
                    <a:pos x="470" y="58"/>
                  </a:cxn>
                  <a:cxn ang="0">
                    <a:pos x="487" y="20"/>
                  </a:cxn>
                  <a:cxn ang="0">
                    <a:pos x="525" y="6"/>
                  </a:cxn>
                  <a:cxn ang="0">
                    <a:pos x="587" y="19"/>
                  </a:cxn>
                  <a:cxn ang="0">
                    <a:pos x="671" y="10"/>
                  </a:cxn>
                  <a:cxn ang="0">
                    <a:pos x="742" y="14"/>
                  </a:cxn>
                  <a:cxn ang="0">
                    <a:pos x="810" y="27"/>
                  </a:cxn>
                  <a:cxn ang="0">
                    <a:pos x="947" y="27"/>
                  </a:cxn>
                  <a:cxn ang="0">
                    <a:pos x="1035" y="35"/>
                  </a:cxn>
                  <a:cxn ang="0">
                    <a:pos x="1075" y="16"/>
                  </a:cxn>
                  <a:cxn ang="0">
                    <a:pos x="1123" y="68"/>
                  </a:cxn>
                  <a:cxn ang="0">
                    <a:pos x="1062" y="115"/>
                  </a:cxn>
                  <a:cxn ang="0">
                    <a:pos x="1053" y="158"/>
                  </a:cxn>
                  <a:cxn ang="0">
                    <a:pos x="1020" y="215"/>
                  </a:cxn>
                  <a:cxn ang="0">
                    <a:pos x="978" y="304"/>
                  </a:cxn>
                  <a:cxn ang="0">
                    <a:pos x="1016" y="421"/>
                  </a:cxn>
                  <a:cxn ang="0">
                    <a:pos x="1008" y="502"/>
                  </a:cxn>
                  <a:cxn ang="0">
                    <a:pos x="1036" y="634"/>
                  </a:cxn>
                  <a:cxn ang="0">
                    <a:pos x="1069" y="693"/>
                  </a:cxn>
                  <a:cxn ang="0">
                    <a:pos x="1022" y="790"/>
                  </a:cxn>
                  <a:cxn ang="0">
                    <a:pos x="963" y="893"/>
                  </a:cxn>
                  <a:cxn ang="0">
                    <a:pos x="824" y="928"/>
                  </a:cxn>
                  <a:cxn ang="0">
                    <a:pos x="750" y="919"/>
                  </a:cxn>
                  <a:cxn ang="0">
                    <a:pos x="663" y="856"/>
                  </a:cxn>
                  <a:cxn ang="0">
                    <a:pos x="571" y="751"/>
                  </a:cxn>
                  <a:cxn ang="0">
                    <a:pos x="508" y="721"/>
                  </a:cxn>
                  <a:cxn ang="0">
                    <a:pos x="385" y="761"/>
                  </a:cxn>
                </a:cxnLst>
                <a:rect l="0" t="0" r="r" b="b"/>
                <a:pathLst>
                  <a:path w="1123" h="932">
                    <a:moveTo>
                      <a:pt x="263" y="789"/>
                    </a:moveTo>
                    <a:lnTo>
                      <a:pt x="264" y="779"/>
                    </a:lnTo>
                    <a:lnTo>
                      <a:pt x="264" y="769"/>
                    </a:lnTo>
                    <a:lnTo>
                      <a:pt x="269" y="725"/>
                    </a:lnTo>
                    <a:lnTo>
                      <a:pt x="276" y="682"/>
                    </a:lnTo>
                    <a:lnTo>
                      <a:pt x="281" y="662"/>
                    </a:lnTo>
                    <a:lnTo>
                      <a:pt x="288" y="641"/>
                    </a:lnTo>
                    <a:lnTo>
                      <a:pt x="291" y="631"/>
                    </a:lnTo>
                    <a:lnTo>
                      <a:pt x="295" y="620"/>
                    </a:lnTo>
                    <a:lnTo>
                      <a:pt x="301" y="611"/>
                    </a:lnTo>
                    <a:lnTo>
                      <a:pt x="307" y="602"/>
                    </a:lnTo>
                    <a:lnTo>
                      <a:pt x="310" y="598"/>
                    </a:lnTo>
                    <a:lnTo>
                      <a:pt x="310" y="594"/>
                    </a:lnTo>
                    <a:lnTo>
                      <a:pt x="308" y="590"/>
                    </a:lnTo>
                    <a:lnTo>
                      <a:pt x="306" y="588"/>
                    </a:lnTo>
                    <a:lnTo>
                      <a:pt x="297" y="583"/>
                    </a:lnTo>
                    <a:lnTo>
                      <a:pt x="284" y="580"/>
                    </a:lnTo>
                    <a:lnTo>
                      <a:pt x="271" y="579"/>
                    </a:lnTo>
                    <a:lnTo>
                      <a:pt x="257" y="579"/>
                    </a:lnTo>
                    <a:lnTo>
                      <a:pt x="246" y="579"/>
                    </a:lnTo>
                    <a:lnTo>
                      <a:pt x="240" y="580"/>
                    </a:lnTo>
                    <a:lnTo>
                      <a:pt x="236" y="583"/>
                    </a:lnTo>
                    <a:lnTo>
                      <a:pt x="233" y="586"/>
                    </a:lnTo>
                    <a:lnTo>
                      <a:pt x="232" y="589"/>
                    </a:lnTo>
                    <a:lnTo>
                      <a:pt x="232" y="594"/>
                    </a:lnTo>
                    <a:lnTo>
                      <a:pt x="232" y="603"/>
                    </a:lnTo>
                    <a:lnTo>
                      <a:pt x="233" y="612"/>
                    </a:lnTo>
                    <a:lnTo>
                      <a:pt x="232" y="624"/>
                    </a:lnTo>
                    <a:lnTo>
                      <a:pt x="231" y="634"/>
                    </a:lnTo>
                    <a:lnTo>
                      <a:pt x="228" y="642"/>
                    </a:lnTo>
                    <a:lnTo>
                      <a:pt x="224" y="650"/>
                    </a:lnTo>
                    <a:lnTo>
                      <a:pt x="220" y="655"/>
                    </a:lnTo>
                    <a:lnTo>
                      <a:pt x="215" y="658"/>
                    </a:lnTo>
                    <a:lnTo>
                      <a:pt x="210" y="660"/>
                    </a:lnTo>
                    <a:lnTo>
                      <a:pt x="203" y="660"/>
                    </a:lnTo>
                    <a:lnTo>
                      <a:pt x="198" y="659"/>
                    </a:lnTo>
                    <a:lnTo>
                      <a:pt x="192" y="656"/>
                    </a:lnTo>
                    <a:lnTo>
                      <a:pt x="187" y="653"/>
                    </a:lnTo>
                    <a:lnTo>
                      <a:pt x="181" y="647"/>
                    </a:lnTo>
                    <a:lnTo>
                      <a:pt x="176" y="641"/>
                    </a:lnTo>
                    <a:lnTo>
                      <a:pt x="171" y="633"/>
                    </a:lnTo>
                    <a:lnTo>
                      <a:pt x="168" y="624"/>
                    </a:lnTo>
                    <a:lnTo>
                      <a:pt x="165" y="615"/>
                    </a:lnTo>
                    <a:lnTo>
                      <a:pt x="158" y="611"/>
                    </a:lnTo>
                    <a:lnTo>
                      <a:pt x="152" y="610"/>
                    </a:lnTo>
                    <a:lnTo>
                      <a:pt x="144" y="608"/>
                    </a:lnTo>
                    <a:lnTo>
                      <a:pt x="135" y="607"/>
                    </a:lnTo>
                    <a:lnTo>
                      <a:pt x="117" y="607"/>
                    </a:lnTo>
                    <a:lnTo>
                      <a:pt x="100" y="607"/>
                    </a:lnTo>
                    <a:lnTo>
                      <a:pt x="92" y="606"/>
                    </a:lnTo>
                    <a:lnTo>
                      <a:pt x="84" y="605"/>
                    </a:lnTo>
                    <a:lnTo>
                      <a:pt x="78" y="602"/>
                    </a:lnTo>
                    <a:lnTo>
                      <a:pt x="73" y="598"/>
                    </a:lnTo>
                    <a:lnTo>
                      <a:pt x="69" y="593"/>
                    </a:lnTo>
                    <a:lnTo>
                      <a:pt x="66" y="586"/>
                    </a:lnTo>
                    <a:lnTo>
                      <a:pt x="65" y="577"/>
                    </a:lnTo>
                    <a:lnTo>
                      <a:pt x="66" y="567"/>
                    </a:lnTo>
                    <a:lnTo>
                      <a:pt x="66" y="558"/>
                    </a:lnTo>
                    <a:lnTo>
                      <a:pt x="66" y="550"/>
                    </a:lnTo>
                    <a:lnTo>
                      <a:pt x="66" y="545"/>
                    </a:lnTo>
                    <a:lnTo>
                      <a:pt x="63" y="540"/>
                    </a:lnTo>
                    <a:lnTo>
                      <a:pt x="60" y="532"/>
                    </a:lnTo>
                    <a:lnTo>
                      <a:pt x="53" y="527"/>
                    </a:lnTo>
                    <a:lnTo>
                      <a:pt x="48" y="523"/>
                    </a:lnTo>
                    <a:lnTo>
                      <a:pt x="41" y="519"/>
                    </a:lnTo>
                    <a:lnTo>
                      <a:pt x="40" y="517"/>
                    </a:lnTo>
                    <a:lnTo>
                      <a:pt x="38" y="513"/>
                    </a:lnTo>
                    <a:lnTo>
                      <a:pt x="36" y="510"/>
                    </a:lnTo>
                    <a:lnTo>
                      <a:pt x="36" y="505"/>
                    </a:lnTo>
                    <a:lnTo>
                      <a:pt x="36" y="497"/>
                    </a:lnTo>
                    <a:lnTo>
                      <a:pt x="34" y="488"/>
                    </a:lnTo>
                    <a:lnTo>
                      <a:pt x="30" y="480"/>
                    </a:lnTo>
                    <a:lnTo>
                      <a:pt x="27" y="472"/>
                    </a:lnTo>
                    <a:lnTo>
                      <a:pt x="23" y="466"/>
                    </a:lnTo>
                    <a:lnTo>
                      <a:pt x="21" y="458"/>
                    </a:lnTo>
                    <a:lnTo>
                      <a:pt x="18" y="450"/>
                    </a:lnTo>
                    <a:lnTo>
                      <a:pt x="18" y="443"/>
                    </a:lnTo>
                    <a:lnTo>
                      <a:pt x="19" y="439"/>
                    </a:lnTo>
                    <a:lnTo>
                      <a:pt x="22" y="435"/>
                    </a:lnTo>
                    <a:lnTo>
                      <a:pt x="25" y="432"/>
                    </a:lnTo>
                    <a:lnTo>
                      <a:pt x="30" y="430"/>
                    </a:lnTo>
                    <a:lnTo>
                      <a:pt x="41" y="426"/>
                    </a:lnTo>
                    <a:lnTo>
                      <a:pt x="53" y="425"/>
                    </a:lnTo>
                    <a:lnTo>
                      <a:pt x="66" y="423"/>
                    </a:lnTo>
                    <a:lnTo>
                      <a:pt x="78" y="422"/>
                    </a:lnTo>
                    <a:lnTo>
                      <a:pt x="82" y="421"/>
                    </a:lnTo>
                    <a:lnTo>
                      <a:pt x="86" y="421"/>
                    </a:lnTo>
                    <a:lnTo>
                      <a:pt x="87" y="419"/>
                    </a:lnTo>
                    <a:lnTo>
                      <a:pt x="88" y="417"/>
                    </a:lnTo>
                    <a:lnTo>
                      <a:pt x="87" y="410"/>
                    </a:lnTo>
                    <a:lnTo>
                      <a:pt x="86" y="405"/>
                    </a:lnTo>
                    <a:lnTo>
                      <a:pt x="82" y="401"/>
                    </a:lnTo>
                    <a:lnTo>
                      <a:pt x="78" y="399"/>
                    </a:lnTo>
                    <a:lnTo>
                      <a:pt x="73" y="397"/>
                    </a:lnTo>
                    <a:lnTo>
                      <a:pt x="67" y="397"/>
                    </a:lnTo>
                    <a:lnTo>
                      <a:pt x="61" y="397"/>
                    </a:lnTo>
                    <a:lnTo>
                      <a:pt x="54" y="399"/>
                    </a:lnTo>
                    <a:lnTo>
                      <a:pt x="40" y="403"/>
                    </a:lnTo>
                    <a:lnTo>
                      <a:pt x="27" y="404"/>
                    </a:lnTo>
                    <a:lnTo>
                      <a:pt x="22" y="404"/>
                    </a:lnTo>
                    <a:lnTo>
                      <a:pt x="17" y="404"/>
                    </a:lnTo>
                    <a:lnTo>
                      <a:pt x="13" y="401"/>
                    </a:lnTo>
                    <a:lnTo>
                      <a:pt x="9" y="399"/>
                    </a:lnTo>
                    <a:lnTo>
                      <a:pt x="6" y="392"/>
                    </a:lnTo>
                    <a:lnTo>
                      <a:pt x="4" y="386"/>
                    </a:lnTo>
                    <a:lnTo>
                      <a:pt x="4" y="379"/>
                    </a:lnTo>
                    <a:lnTo>
                      <a:pt x="4" y="371"/>
                    </a:lnTo>
                    <a:lnTo>
                      <a:pt x="6" y="356"/>
                    </a:lnTo>
                    <a:lnTo>
                      <a:pt x="12" y="339"/>
                    </a:lnTo>
                    <a:lnTo>
                      <a:pt x="17" y="325"/>
                    </a:lnTo>
                    <a:lnTo>
                      <a:pt x="21" y="312"/>
                    </a:lnTo>
                    <a:lnTo>
                      <a:pt x="22" y="307"/>
                    </a:lnTo>
                    <a:lnTo>
                      <a:pt x="23" y="301"/>
                    </a:lnTo>
                    <a:lnTo>
                      <a:pt x="23" y="299"/>
                    </a:lnTo>
                    <a:lnTo>
                      <a:pt x="22" y="298"/>
                    </a:lnTo>
                    <a:lnTo>
                      <a:pt x="9" y="289"/>
                    </a:lnTo>
                    <a:lnTo>
                      <a:pt x="3" y="282"/>
                    </a:lnTo>
                    <a:lnTo>
                      <a:pt x="1" y="279"/>
                    </a:lnTo>
                    <a:lnTo>
                      <a:pt x="0" y="277"/>
                    </a:lnTo>
                    <a:lnTo>
                      <a:pt x="0" y="274"/>
                    </a:lnTo>
                    <a:lnTo>
                      <a:pt x="1" y="273"/>
                    </a:lnTo>
                    <a:lnTo>
                      <a:pt x="4" y="268"/>
                    </a:lnTo>
                    <a:lnTo>
                      <a:pt x="8" y="261"/>
                    </a:lnTo>
                    <a:lnTo>
                      <a:pt x="13" y="252"/>
                    </a:lnTo>
                    <a:lnTo>
                      <a:pt x="16" y="242"/>
                    </a:lnTo>
                    <a:lnTo>
                      <a:pt x="17" y="230"/>
                    </a:lnTo>
                    <a:lnTo>
                      <a:pt x="16" y="220"/>
                    </a:lnTo>
                    <a:lnTo>
                      <a:pt x="14" y="208"/>
                    </a:lnTo>
                    <a:lnTo>
                      <a:pt x="14" y="198"/>
                    </a:lnTo>
                    <a:lnTo>
                      <a:pt x="14" y="197"/>
                    </a:lnTo>
                    <a:lnTo>
                      <a:pt x="16" y="195"/>
                    </a:lnTo>
                    <a:lnTo>
                      <a:pt x="18" y="195"/>
                    </a:lnTo>
                    <a:lnTo>
                      <a:pt x="19" y="195"/>
                    </a:lnTo>
                    <a:lnTo>
                      <a:pt x="26" y="197"/>
                    </a:lnTo>
                    <a:lnTo>
                      <a:pt x="32" y="199"/>
                    </a:lnTo>
                    <a:lnTo>
                      <a:pt x="47" y="203"/>
                    </a:lnTo>
                    <a:lnTo>
                      <a:pt x="57" y="206"/>
                    </a:lnTo>
                    <a:lnTo>
                      <a:pt x="69" y="204"/>
                    </a:lnTo>
                    <a:lnTo>
                      <a:pt x="82" y="202"/>
                    </a:lnTo>
                    <a:lnTo>
                      <a:pt x="96" y="198"/>
                    </a:lnTo>
                    <a:lnTo>
                      <a:pt x="110" y="193"/>
                    </a:lnTo>
                    <a:lnTo>
                      <a:pt x="123" y="186"/>
                    </a:lnTo>
                    <a:lnTo>
                      <a:pt x="133" y="177"/>
                    </a:lnTo>
                    <a:lnTo>
                      <a:pt x="137" y="173"/>
                    </a:lnTo>
                    <a:lnTo>
                      <a:pt x="140" y="168"/>
                    </a:lnTo>
                    <a:lnTo>
                      <a:pt x="141" y="163"/>
                    </a:lnTo>
                    <a:lnTo>
                      <a:pt x="141" y="158"/>
                    </a:lnTo>
                    <a:lnTo>
                      <a:pt x="141" y="150"/>
                    </a:lnTo>
                    <a:lnTo>
                      <a:pt x="143" y="143"/>
                    </a:lnTo>
                    <a:lnTo>
                      <a:pt x="146" y="137"/>
                    </a:lnTo>
                    <a:lnTo>
                      <a:pt x="150" y="132"/>
                    </a:lnTo>
                    <a:lnTo>
                      <a:pt x="155" y="128"/>
                    </a:lnTo>
                    <a:lnTo>
                      <a:pt x="162" y="124"/>
                    </a:lnTo>
                    <a:lnTo>
                      <a:pt x="168" y="121"/>
                    </a:lnTo>
                    <a:lnTo>
                      <a:pt x="176" y="119"/>
                    </a:lnTo>
                    <a:lnTo>
                      <a:pt x="192" y="114"/>
                    </a:lnTo>
                    <a:lnTo>
                      <a:pt x="207" y="107"/>
                    </a:lnTo>
                    <a:lnTo>
                      <a:pt x="215" y="103"/>
                    </a:lnTo>
                    <a:lnTo>
                      <a:pt x="222" y="99"/>
                    </a:lnTo>
                    <a:lnTo>
                      <a:pt x="228" y="94"/>
                    </a:lnTo>
                    <a:lnTo>
                      <a:pt x="233" y="89"/>
                    </a:lnTo>
                    <a:lnTo>
                      <a:pt x="240" y="79"/>
                    </a:lnTo>
                    <a:lnTo>
                      <a:pt x="246" y="64"/>
                    </a:lnTo>
                    <a:lnTo>
                      <a:pt x="251" y="59"/>
                    </a:lnTo>
                    <a:lnTo>
                      <a:pt x="257" y="55"/>
                    </a:lnTo>
                    <a:lnTo>
                      <a:pt x="259" y="55"/>
                    </a:lnTo>
                    <a:lnTo>
                      <a:pt x="262" y="55"/>
                    </a:lnTo>
                    <a:lnTo>
                      <a:pt x="264" y="57"/>
                    </a:lnTo>
                    <a:lnTo>
                      <a:pt x="267" y="58"/>
                    </a:lnTo>
                    <a:lnTo>
                      <a:pt x="282" y="70"/>
                    </a:lnTo>
                    <a:lnTo>
                      <a:pt x="295" y="77"/>
                    </a:lnTo>
                    <a:lnTo>
                      <a:pt x="301" y="79"/>
                    </a:lnTo>
                    <a:lnTo>
                      <a:pt x="306" y="80"/>
                    </a:lnTo>
                    <a:lnTo>
                      <a:pt x="310" y="80"/>
                    </a:lnTo>
                    <a:lnTo>
                      <a:pt x="312" y="79"/>
                    </a:lnTo>
                    <a:lnTo>
                      <a:pt x="316" y="76"/>
                    </a:lnTo>
                    <a:lnTo>
                      <a:pt x="319" y="75"/>
                    </a:lnTo>
                    <a:lnTo>
                      <a:pt x="320" y="71"/>
                    </a:lnTo>
                    <a:lnTo>
                      <a:pt x="321" y="68"/>
                    </a:lnTo>
                    <a:lnTo>
                      <a:pt x="324" y="61"/>
                    </a:lnTo>
                    <a:lnTo>
                      <a:pt x="326" y="51"/>
                    </a:lnTo>
                    <a:lnTo>
                      <a:pt x="328" y="35"/>
                    </a:lnTo>
                    <a:lnTo>
                      <a:pt x="332" y="23"/>
                    </a:lnTo>
                    <a:lnTo>
                      <a:pt x="332" y="20"/>
                    </a:lnTo>
                    <a:lnTo>
                      <a:pt x="334" y="20"/>
                    </a:lnTo>
                    <a:lnTo>
                      <a:pt x="336" y="20"/>
                    </a:lnTo>
                    <a:lnTo>
                      <a:pt x="338" y="22"/>
                    </a:lnTo>
                    <a:lnTo>
                      <a:pt x="343" y="27"/>
                    </a:lnTo>
                    <a:lnTo>
                      <a:pt x="351" y="37"/>
                    </a:lnTo>
                    <a:lnTo>
                      <a:pt x="355" y="41"/>
                    </a:lnTo>
                    <a:lnTo>
                      <a:pt x="358" y="45"/>
                    </a:lnTo>
                    <a:lnTo>
                      <a:pt x="361" y="48"/>
                    </a:lnTo>
                    <a:lnTo>
                      <a:pt x="365" y="50"/>
                    </a:lnTo>
                    <a:lnTo>
                      <a:pt x="373" y="51"/>
                    </a:lnTo>
                    <a:lnTo>
                      <a:pt x="380" y="51"/>
                    </a:lnTo>
                    <a:lnTo>
                      <a:pt x="396" y="45"/>
                    </a:lnTo>
                    <a:lnTo>
                      <a:pt x="413" y="36"/>
                    </a:lnTo>
                    <a:lnTo>
                      <a:pt x="429" y="42"/>
                    </a:lnTo>
                    <a:lnTo>
                      <a:pt x="446" y="53"/>
                    </a:lnTo>
                    <a:lnTo>
                      <a:pt x="455" y="57"/>
                    </a:lnTo>
                    <a:lnTo>
                      <a:pt x="462" y="59"/>
                    </a:lnTo>
                    <a:lnTo>
                      <a:pt x="466" y="58"/>
                    </a:lnTo>
                    <a:lnTo>
                      <a:pt x="470" y="58"/>
                    </a:lnTo>
                    <a:lnTo>
                      <a:pt x="474" y="55"/>
                    </a:lnTo>
                    <a:lnTo>
                      <a:pt x="478" y="53"/>
                    </a:lnTo>
                    <a:lnTo>
                      <a:pt x="481" y="46"/>
                    </a:lnTo>
                    <a:lnTo>
                      <a:pt x="483" y="40"/>
                    </a:lnTo>
                    <a:lnTo>
                      <a:pt x="485" y="33"/>
                    </a:lnTo>
                    <a:lnTo>
                      <a:pt x="486" y="27"/>
                    </a:lnTo>
                    <a:lnTo>
                      <a:pt x="487" y="20"/>
                    </a:lnTo>
                    <a:lnTo>
                      <a:pt x="490" y="14"/>
                    </a:lnTo>
                    <a:lnTo>
                      <a:pt x="494" y="10"/>
                    </a:lnTo>
                    <a:lnTo>
                      <a:pt x="499" y="7"/>
                    </a:lnTo>
                    <a:lnTo>
                      <a:pt x="505" y="5"/>
                    </a:lnTo>
                    <a:lnTo>
                      <a:pt x="512" y="5"/>
                    </a:lnTo>
                    <a:lnTo>
                      <a:pt x="518" y="5"/>
                    </a:lnTo>
                    <a:lnTo>
                      <a:pt x="525" y="6"/>
                    </a:lnTo>
                    <a:lnTo>
                      <a:pt x="535" y="10"/>
                    </a:lnTo>
                    <a:lnTo>
                      <a:pt x="545" y="15"/>
                    </a:lnTo>
                    <a:lnTo>
                      <a:pt x="556" y="19"/>
                    </a:lnTo>
                    <a:lnTo>
                      <a:pt x="567" y="22"/>
                    </a:lnTo>
                    <a:lnTo>
                      <a:pt x="573" y="22"/>
                    </a:lnTo>
                    <a:lnTo>
                      <a:pt x="579" y="22"/>
                    </a:lnTo>
                    <a:lnTo>
                      <a:pt x="587" y="19"/>
                    </a:lnTo>
                    <a:lnTo>
                      <a:pt x="595" y="16"/>
                    </a:lnTo>
                    <a:lnTo>
                      <a:pt x="614" y="6"/>
                    </a:lnTo>
                    <a:lnTo>
                      <a:pt x="631" y="0"/>
                    </a:lnTo>
                    <a:lnTo>
                      <a:pt x="640" y="0"/>
                    </a:lnTo>
                    <a:lnTo>
                      <a:pt x="649" y="0"/>
                    </a:lnTo>
                    <a:lnTo>
                      <a:pt x="658" y="4"/>
                    </a:lnTo>
                    <a:lnTo>
                      <a:pt x="671" y="10"/>
                    </a:lnTo>
                    <a:lnTo>
                      <a:pt x="678" y="13"/>
                    </a:lnTo>
                    <a:lnTo>
                      <a:pt x="684" y="15"/>
                    </a:lnTo>
                    <a:lnTo>
                      <a:pt x="692" y="16"/>
                    </a:lnTo>
                    <a:lnTo>
                      <a:pt x="698" y="18"/>
                    </a:lnTo>
                    <a:lnTo>
                      <a:pt x="713" y="18"/>
                    </a:lnTo>
                    <a:lnTo>
                      <a:pt x="727" y="16"/>
                    </a:lnTo>
                    <a:lnTo>
                      <a:pt x="742" y="14"/>
                    </a:lnTo>
                    <a:lnTo>
                      <a:pt x="757" y="13"/>
                    </a:lnTo>
                    <a:lnTo>
                      <a:pt x="764" y="14"/>
                    </a:lnTo>
                    <a:lnTo>
                      <a:pt x="771" y="14"/>
                    </a:lnTo>
                    <a:lnTo>
                      <a:pt x="779" y="16"/>
                    </a:lnTo>
                    <a:lnTo>
                      <a:pt x="786" y="19"/>
                    </a:lnTo>
                    <a:lnTo>
                      <a:pt x="798" y="23"/>
                    </a:lnTo>
                    <a:lnTo>
                      <a:pt x="810" y="27"/>
                    </a:lnTo>
                    <a:lnTo>
                      <a:pt x="821" y="29"/>
                    </a:lnTo>
                    <a:lnTo>
                      <a:pt x="833" y="32"/>
                    </a:lnTo>
                    <a:lnTo>
                      <a:pt x="855" y="35"/>
                    </a:lnTo>
                    <a:lnTo>
                      <a:pt x="878" y="36"/>
                    </a:lnTo>
                    <a:lnTo>
                      <a:pt x="902" y="33"/>
                    </a:lnTo>
                    <a:lnTo>
                      <a:pt x="924" y="31"/>
                    </a:lnTo>
                    <a:lnTo>
                      <a:pt x="947" y="27"/>
                    </a:lnTo>
                    <a:lnTo>
                      <a:pt x="972" y="23"/>
                    </a:lnTo>
                    <a:lnTo>
                      <a:pt x="983" y="22"/>
                    </a:lnTo>
                    <a:lnTo>
                      <a:pt x="995" y="23"/>
                    </a:lnTo>
                    <a:lnTo>
                      <a:pt x="1005" y="26"/>
                    </a:lnTo>
                    <a:lnTo>
                      <a:pt x="1016" y="29"/>
                    </a:lnTo>
                    <a:lnTo>
                      <a:pt x="1025" y="32"/>
                    </a:lnTo>
                    <a:lnTo>
                      <a:pt x="1035" y="35"/>
                    </a:lnTo>
                    <a:lnTo>
                      <a:pt x="1042" y="33"/>
                    </a:lnTo>
                    <a:lnTo>
                      <a:pt x="1047" y="33"/>
                    </a:lnTo>
                    <a:lnTo>
                      <a:pt x="1053" y="31"/>
                    </a:lnTo>
                    <a:lnTo>
                      <a:pt x="1060" y="28"/>
                    </a:lnTo>
                    <a:lnTo>
                      <a:pt x="1066" y="26"/>
                    </a:lnTo>
                    <a:lnTo>
                      <a:pt x="1071" y="20"/>
                    </a:lnTo>
                    <a:lnTo>
                      <a:pt x="1075" y="16"/>
                    </a:lnTo>
                    <a:lnTo>
                      <a:pt x="1078" y="11"/>
                    </a:lnTo>
                    <a:lnTo>
                      <a:pt x="1078" y="11"/>
                    </a:lnTo>
                    <a:lnTo>
                      <a:pt x="1109" y="44"/>
                    </a:lnTo>
                    <a:lnTo>
                      <a:pt x="1115" y="51"/>
                    </a:lnTo>
                    <a:lnTo>
                      <a:pt x="1119" y="58"/>
                    </a:lnTo>
                    <a:lnTo>
                      <a:pt x="1122" y="63"/>
                    </a:lnTo>
                    <a:lnTo>
                      <a:pt x="1123" y="68"/>
                    </a:lnTo>
                    <a:lnTo>
                      <a:pt x="1122" y="73"/>
                    </a:lnTo>
                    <a:lnTo>
                      <a:pt x="1119" y="77"/>
                    </a:lnTo>
                    <a:lnTo>
                      <a:pt x="1117" y="81"/>
                    </a:lnTo>
                    <a:lnTo>
                      <a:pt x="1112" y="84"/>
                    </a:lnTo>
                    <a:lnTo>
                      <a:pt x="1090" y="96"/>
                    </a:lnTo>
                    <a:lnTo>
                      <a:pt x="1067" y="110"/>
                    </a:lnTo>
                    <a:lnTo>
                      <a:pt x="1062" y="115"/>
                    </a:lnTo>
                    <a:lnTo>
                      <a:pt x="1058" y="119"/>
                    </a:lnTo>
                    <a:lnTo>
                      <a:pt x="1056" y="123"/>
                    </a:lnTo>
                    <a:lnTo>
                      <a:pt x="1053" y="127"/>
                    </a:lnTo>
                    <a:lnTo>
                      <a:pt x="1052" y="134"/>
                    </a:lnTo>
                    <a:lnTo>
                      <a:pt x="1052" y="142"/>
                    </a:lnTo>
                    <a:lnTo>
                      <a:pt x="1053" y="150"/>
                    </a:lnTo>
                    <a:lnTo>
                      <a:pt x="1053" y="158"/>
                    </a:lnTo>
                    <a:lnTo>
                      <a:pt x="1053" y="167"/>
                    </a:lnTo>
                    <a:lnTo>
                      <a:pt x="1051" y="176"/>
                    </a:lnTo>
                    <a:lnTo>
                      <a:pt x="1048" y="182"/>
                    </a:lnTo>
                    <a:lnTo>
                      <a:pt x="1043" y="190"/>
                    </a:lnTo>
                    <a:lnTo>
                      <a:pt x="1038" y="197"/>
                    </a:lnTo>
                    <a:lnTo>
                      <a:pt x="1033" y="203"/>
                    </a:lnTo>
                    <a:lnTo>
                      <a:pt x="1020" y="215"/>
                    </a:lnTo>
                    <a:lnTo>
                      <a:pt x="1008" y="226"/>
                    </a:lnTo>
                    <a:lnTo>
                      <a:pt x="998" y="239"/>
                    </a:lnTo>
                    <a:lnTo>
                      <a:pt x="988" y="252"/>
                    </a:lnTo>
                    <a:lnTo>
                      <a:pt x="983" y="265"/>
                    </a:lnTo>
                    <a:lnTo>
                      <a:pt x="979" y="278"/>
                    </a:lnTo>
                    <a:lnTo>
                      <a:pt x="978" y="291"/>
                    </a:lnTo>
                    <a:lnTo>
                      <a:pt x="978" y="304"/>
                    </a:lnTo>
                    <a:lnTo>
                      <a:pt x="981" y="317"/>
                    </a:lnTo>
                    <a:lnTo>
                      <a:pt x="983" y="330"/>
                    </a:lnTo>
                    <a:lnTo>
                      <a:pt x="991" y="356"/>
                    </a:lnTo>
                    <a:lnTo>
                      <a:pt x="1001" y="382"/>
                    </a:lnTo>
                    <a:lnTo>
                      <a:pt x="1007" y="395"/>
                    </a:lnTo>
                    <a:lnTo>
                      <a:pt x="1012" y="408"/>
                    </a:lnTo>
                    <a:lnTo>
                      <a:pt x="1016" y="421"/>
                    </a:lnTo>
                    <a:lnTo>
                      <a:pt x="1018" y="435"/>
                    </a:lnTo>
                    <a:lnTo>
                      <a:pt x="1020" y="443"/>
                    </a:lnTo>
                    <a:lnTo>
                      <a:pt x="1018" y="452"/>
                    </a:lnTo>
                    <a:lnTo>
                      <a:pt x="1017" y="460"/>
                    </a:lnTo>
                    <a:lnTo>
                      <a:pt x="1014" y="467"/>
                    </a:lnTo>
                    <a:lnTo>
                      <a:pt x="1010" y="484"/>
                    </a:lnTo>
                    <a:lnTo>
                      <a:pt x="1008" y="502"/>
                    </a:lnTo>
                    <a:lnTo>
                      <a:pt x="1009" y="532"/>
                    </a:lnTo>
                    <a:lnTo>
                      <a:pt x="1013" y="558"/>
                    </a:lnTo>
                    <a:lnTo>
                      <a:pt x="1018" y="583"/>
                    </a:lnTo>
                    <a:lnTo>
                      <a:pt x="1025" y="610"/>
                    </a:lnTo>
                    <a:lnTo>
                      <a:pt x="1027" y="619"/>
                    </a:lnTo>
                    <a:lnTo>
                      <a:pt x="1031" y="627"/>
                    </a:lnTo>
                    <a:lnTo>
                      <a:pt x="1036" y="634"/>
                    </a:lnTo>
                    <a:lnTo>
                      <a:pt x="1042" y="641"/>
                    </a:lnTo>
                    <a:lnTo>
                      <a:pt x="1053" y="655"/>
                    </a:lnTo>
                    <a:lnTo>
                      <a:pt x="1064" y="671"/>
                    </a:lnTo>
                    <a:lnTo>
                      <a:pt x="1066" y="675"/>
                    </a:lnTo>
                    <a:lnTo>
                      <a:pt x="1067" y="680"/>
                    </a:lnTo>
                    <a:lnTo>
                      <a:pt x="1069" y="686"/>
                    </a:lnTo>
                    <a:lnTo>
                      <a:pt x="1069" y="693"/>
                    </a:lnTo>
                    <a:lnTo>
                      <a:pt x="1069" y="706"/>
                    </a:lnTo>
                    <a:lnTo>
                      <a:pt x="1066" y="721"/>
                    </a:lnTo>
                    <a:lnTo>
                      <a:pt x="1062" y="735"/>
                    </a:lnTo>
                    <a:lnTo>
                      <a:pt x="1057" y="748"/>
                    </a:lnTo>
                    <a:lnTo>
                      <a:pt x="1052" y="760"/>
                    </a:lnTo>
                    <a:lnTo>
                      <a:pt x="1044" y="769"/>
                    </a:lnTo>
                    <a:lnTo>
                      <a:pt x="1022" y="790"/>
                    </a:lnTo>
                    <a:lnTo>
                      <a:pt x="1000" y="809"/>
                    </a:lnTo>
                    <a:lnTo>
                      <a:pt x="990" y="820"/>
                    </a:lnTo>
                    <a:lnTo>
                      <a:pt x="981" y="831"/>
                    </a:lnTo>
                    <a:lnTo>
                      <a:pt x="973" y="844"/>
                    </a:lnTo>
                    <a:lnTo>
                      <a:pt x="966" y="859"/>
                    </a:lnTo>
                    <a:lnTo>
                      <a:pt x="963" y="893"/>
                    </a:lnTo>
                    <a:lnTo>
                      <a:pt x="963" y="893"/>
                    </a:lnTo>
                    <a:lnTo>
                      <a:pt x="942" y="895"/>
                    </a:lnTo>
                    <a:lnTo>
                      <a:pt x="921" y="899"/>
                    </a:lnTo>
                    <a:lnTo>
                      <a:pt x="902" y="904"/>
                    </a:lnTo>
                    <a:lnTo>
                      <a:pt x="882" y="910"/>
                    </a:lnTo>
                    <a:lnTo>
                      <a:pt x="863" y="917"/>
                    </a:lnTo>
                    <a:lnTo>
                      <a:pt x="843" y="923"/>
                    </a:lnTo>
                    <a:lnTo>
                      <a:pt x="824" y="928"/>
                    </a:lnTo>
                    <a:lnTo>
                      <a:pt x="803" y="932"/>
                    </a:lnTo>
                    <a:lnTo>
                      <a:pt x="793" y="932"/>
                    </a:lnTo>
                    <a:lnTo>
                      <a:pt x="782" y="932"/>
                    </a:lnTo>
                    <a:lnTo>
                      <a:pt x="773" y="930"/>
                    </a:lnTo>
                    <a:lnTo>
                      <a:pt x="766" y="927"/>
                    </a:lnTo>
                    <a:lnTo>
                      <a:pt x="758" y="923"/>
                    </a:lnTo>
                    <a:lnTo>
                      <a:pt x="750" y="919"/>
                    </a:lnTo>
                    <a:lnTo>
                      <a:pt x="742" y="914"/>
                    </a:lnTo>
                    <a:lnTo>
                      <a:pt x="735" y="909"/>
                    </a:lnTo>
                    <a:lnTo>
                      <a:pt x="722" y="896"/>
                    </a:lnTo>
                    <a:lnTo>
                      <a:pt x="707" y="884"/>
                    </a:lnTo>
                    <a:lnTo>
                      <a:pt x="692" y="873"/>
                    </a:lnTo>
                    <a:lnTo>
                      <a:pt x="675" y="864"/>
                    </a:lnTo>
                    <a:lnTo>
                      <a:pt x="663" y="856"/>
                    </a:lnTo>
                    <a:lnTo>
                      <a:pt x="654" y="849"/>
                    </a:lnTo>
                    <a:lnTo>
                      <a:pt x="646" y="842"/>
                    </a:lnTo>
                    <a:lnTo>
                      <a:pt x="641" y="834"/>
                    </a:lnTo>
                    <a:lnTo>
                      <a:pt x="631" y="817"/>
                    </a:lnTo>
                    <a:lnTo>
                      <a:pt x="617" y="796"/>
                    </a:lnTo>
                    <a:lnTo>
                      <a:pt x="597" y="776"/>
                    </a:lnTo>
                    <a:lnTo>
                      <a:pt x="571" y="751"/>
                    </a:lnTo>
                    <a:lnTo>
                      <a:pt x="558" y="741"/>
                    </a:lnTo>
                    <a:lnTo>
                      <a:pt x="544" y="732"/>
                    </a:lnTo>
                    <a:lnTo>
                      <a:pt x="538" y="728"/>
                    </a:lnTo>
                    <a:lnTo>
                      <a:pt x="531" y="725"/>
                    </a:lnTo>
                    <a:lnTo>
                      <a:pt x="525" y="722"/>
                    </a:lnTo>
                    <a:lnTo>
                      <a:pt x="519" y="721"/>
                    </a:lnTo>
                    <a:lnTo>
                      <a:pt x="508" y="721"/>
                    </a:lnTo>
                    <a:lnTo>
                      <a:pt x="497" y="721"/>
                    </a:lnTo>
                    <a:lnTo>
                      <a:pt x="486" y="722"/>
                    </a:lnTo>
                    <a:lnTo>
                      <a:pt x="475" y="725"/>
                    </a:lnTo>
                    <a:lnTo>
                      <a:pt x="453" y="733"/>
                    </a:lnTo>
                    <a:lnTo>
                      <a:pt x="430" y="742"/>
                    </a:lnTo>
                    <a:lnTo>
                      <a:pt x="408" y="751"/>
                    </a:lnTo>
                    <a:lnTo>
                      <a:pt x="385" y="761"/>
                    </a:lnTo>
                    <a:lnTo>
                      <a:pt x="363" y="770"/>
                    </a:lnTo>
                    <a:lnTo>
                      <a:pt x="341" y="776"/>
                    </a:lnTo>
                    <a:lnTo>
                      <a:pt x="263" y="789"/>
                    </a:lnTo>
                    <a:lnTo>
                      <a:pt x="263" y="789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67" name="Freeform 62"/>
              <p:cNvSpPr>
                <a:spLocks/>
              </p:cNvSpPr>
              <p:nvPr/>
            </p:nvSpPr>
            <p:spPr bwMode="auto">
              <a:xfrm>
                <a:off x="8630504" y="2357358"/>
                <a:ext cx="841621" cy="469639"/>
              </a:xfrm>
              <a:custGeom>
                <a:avLst/>
                <a:gdLst/>
                <a:ahLst/>
                <a:cxnLst>
                  <a:cxn ang="0">
                    <a:pos x="24" y="872"/>
                  </a:cxn>
                  <a:cxn ang="0">
                    <a:pos x="0" y="736"/>
                  </a:cxn>
                  <a:cxn ang="0">
                    <a:pos x="16" y="656"/>
                  </a:cxn>
                  <a:cxn ang="0">
                    <a:pos x="65" y="565"/>
                  </a:cxn>
                  <a:cxn ang="0">
                    <a:pos x="93" y="443"/>
                  </a:cxn>
                  <a:cxn ang="0">
                    <a:pos x="113" y="359"/>
                  </a:cxn>
                  <a:cxn ang="0">
                    <a:pos x="183" y="248"/>
                  </a:cxn>
                  <a:cxn ang="0">
                    <a:pos x="226" y="207"/>
                  </a:cxn>
                  <a:cxn ang="0">
                    <a:pos x="336" y="176"/>
                  </a:cxn>
                  <a:cxn ang="0">
                    <a:pos x="410" y="157"/>
                  </a:cxn>
                  <a:cxn ang="0">
                    <a:pos x="419" y="179"/>
                  </a:cxn>
                  <a:cxn ang="0">
                    <a:pos x="423" y="226"/>
                  </a:cxn>
                  <a:cxn ang="0">
                    <a:pos x="467" y="275"/>
                  </a:cxn>
                  <a:cxn ang="0">
                    <a:pos x="649" y="481"/>
                  </a:cxn>
                  <a:cxn ang="0">
                    <a:pos x="704" y="503"/>
                  </a:cxn>
                  <a:cxn ang="0">
                    <a:pos x="779" y="479"/>
                  </a:cxn>
                  <a:cxn ang="0">
                    <a:pos x="837" y="419"/>
                  </a:cxn>
                  <a:cxn ang="0">
                    <a:pos x="851" y="354"/>
                  </a:cxn>
                  <a:cxn ang="0">
                    <a:pos x="840" y="200"/>
                  </a:cxn>
                  <a:cxn ang="0">
                    <a:pos x="841" y="68"/>
                  </a:cxn>
                  <a:cxn ang="0">
                    <a:pos x="1008" y="21"/>
                  </a:cxn>
                  <a:cxn ang="0">
                    <a:pos x="1086" y="0"/>
                  </a:cxn>
                  <a:cxn ang="0">
                    <a:pos x="1122" y="11"/>
                  </a:cxn>
                  <a:cxn ang="0">
                    <a:pos x="1209" y="96"/>
                  </a:cxn>
                  <a:cxn ang="0">
                    <a:pos x="1253" y="143"/>
                  </a:cxn>
                  <a:cxn ang="0">
                    <a:pos x="1320" y="193"/>
                  </a:cxn>
                  <a:cxn ang="0">
                    <a:pos x="1360" y="211"/>
                  </a:cxn>
                  <a:cxn ang="0">
                    <a:pos x="1441" y="196"/>
                  </a:cxn>
                  <a:cxn ang="0">
                    <a:pos x="1541" y="172"/>
                  </a:cxn>
                  <a:cxn ang="0">
                    <a:pos x="1607" y="210"/>
                  </a:cxn>
                  <a:cxn ang="0">
                    <a:pos x="1669" y="267"/>
                  </a:cxn>
                  <a:cxn ang="0">
                    <a:pos x="1680" y="360"/>
                  </a:cxn>
                  <a:cxn ang="0">
                    <a:pos x="1691" y="422"/>
                  </a:cxn>
                  <a:cxn ang="0">
                    <a:pos x="1734" y="491"/>
                  </a:cxn>
                  <a:cxn ang="0">
                    <a:pos x="1809" y="575"/>
                  </a:cxn>
                  <a:cxn ang="0">
                    <a:pos x="1840" y="632"/>
                  </a:cxn>
                  <a:cxn ang="0">
                    <a:pos x="1851" y="815"/>
                  </a:cxn>
                  <a:cxn ang="0">
                    <a:pos x="1761" y="924"/>
                  </a:cxn>
                  <a:cxn ang="0">
                    <a:pos x="1759" y="970"/>
                  </a:cxn>
                  <a:cxn ang="0">
                    <a:pos x="1736" y="996"/>
                  </a:cxn>
                  <a:cxn ang="0">
                    <a:pos x="1653" y="992"/>
                  </a:cxn>
                  <a:cxn ang="0">
                    <a:pos x="1572" y="989"/>
                  </a:cxn>
                  <a:cxn ang="0">
                    <a:pos x="1544" y="1012"/>
                  </a:cxn>
                  <a:cxn ang="0">
                    <a:pos x="1515" y="1040"/>
                  </a:cxn>
                  <a:cxn ang="0">
                    <a:pos x="1395" y="1021"/>
                  </a:cxn>
                  <a:cxn ang="0">
                    <a:pos x="1278" y="926"/>
                  </a:cxn>
                  <a:cxn ang="0">
                    <a:pos x="1219" y="878"/>
                  </a:cxn>
                  <a:cxn ang="0">
                    <a:pos x="1103" y="844"/>
                  </a:cxn>
                  <a:cxn ang="0">
                    <a:pos x="1025" y="785"/>
                  </a:cxn>
                  <a:cxn ang="0">
                    <a:pos x="949" y="784"/>
                  </a:cxn>
                  <a:cxn ang="0">
                    <a:pos x="868" y="807"/>
                  </a:cxn>
                  <a:cxn ang="0">
                    <a:pos x="801" y="796"/>
                  </a:cxn>
                  <a:cxn ang="0">
                    <a:pos x="770" y="812"/>
                  </a:cxn>
                  <a:cxn ang="0">
                    <a:pos x="702" y="812"/>
                  </a:cxn>
                  <a:cxn ang="0">
                    <a:pos x="546" y="815"/>
                  </a:cxn>
                  <a:cxn ang="0">
                    <a:pos x="324" y="809"/>
                  </a:cxn>
                  <a:cxn ang="0">
                    <a:pos x="231" y="823"/>
                  </a:cxn>
                  <a:cxn ang="0">
                    <a:pos x="183" y="859"/>
                  </a:cxn>
                </a:cxnLst>
                <a:rect l="0" t="0" r="r" b="b"/>
                <a:pathLst>
                  <a:path w="1851" h="1040">
                    <a:moveTo>
                      <a:pt x="25" y="950"/>
                    </a:moveTo>
                    <a:lnTo>
                      <a:pt x="22" y="930"/>
                    </a:lnTo>
                    <a:lnTo>
                      <a:pt x="21" y="912"/>
                    </a:lnTo>
                    <a:lnTo>
                      <a:pt x="21" y="893"/>
                    </a:lnTo>
                    <a:lnTo>
                      <a:pt x="24" y="872"/>
                    </a:lnTo>
                    <a:lnTo>
                      <a:pt x="13" y="827"/>
                    </a:lnTo>
                    <a:lnTo>
                      <a:pt x="5" y="788"/>
                    </a:lnTo>
                    <a:lnTo>
                      <a:pt x="3" y="770"/>
                    </a:lnTo>
                    <a:lnTo>
                      <a:pt x="2" y="753"/>
                    </a:lnTo>
                    <a:lnTo>
                      <a:pt x="0" y="736"/>
                    </a:lnTo>
                    <a:lnTo>
                      <a:pt x="2" y="720"/>
                    </a:lnTo>
                    <a:lnTo>
                      <a:pt x="3" y="704"/>
                    </a:lnTo>
                    <a:lnTo>
                      <a:pt x="5" y="688"/>
                    </a:lnTo>
                    <a:lnTo>
                      <a:pt x="11" y="673"/>
                    </a:lnTo>
                    <a:lnTo>
                      <a:pt x="16" y="656"/>
                    </a:lnTo>
                    <a:lnTo>
                      <a:pt x="24" y="639"/>
                    </a:lnTo>
                    <a:lnTo>
                      <a:pt x="31" y="621"/>
                    </a:lnTo>
                    <a:lnTo>
                      <a:pt x="43" y="601"/>
                    </a:lnTo>
                    <a:lnTo>
                      <a:pt x="55" y="582"/>
                    </a:lnTo>
                    <a:lnTo>
                      <a:pt x="65" y="565"/>
                    </a:lnTo>
                    <a:lnTo>
                      <a:pt x="73" y="548"/>
                    </a:lnTo>
                    <a:lnTo>
                      <a:pt x="78" y="530"/>
                    </a:lnTo>
                    <a:lnTo>
                      <a:pt x="83" y="513"/>
                    </a:lnTo>
                    <a:lnTo>
                      <a:pt x="90" y="478"/>
                    </a:lnTo>
                    <a:lnTo>
                      <a:pt x="93" y="443"/>
                    </a:lnTo>
                    <a:lnTo>
                      <a:pt x="96" y="425"/>
                    </a:lnTo>
                    <a:lnTo>
                      <a:pt x="99" y="408"/>
                    </a:lnTo>
                    <a:lnTo>
                      <a:pt x="103" y="391"/>
                    </a:lnTo>
                    <a:lnTo>
                      <a:pt x="106" y="376"/>
                    </a:lnTo>
                    <a:lnTo>
                      <a:pt x="113" y="359"/>
                    </a:lnTo>
                    <a:lnTo>
                      <a:pt x="119" y="343"/>
                    </a:lnTo>
                    <a:lnTo>
                      <a:pt x="128" y="328"/>
                    </a:lnTo>
                    <a:lnTo>
                      <a:pt x="140" y="314"/>
                    </a:lnTo>
                    <a:lnTo>
                      <a:pt x="162" y="283"/>
                    </a:lnTo>
                    <a:lnTo>
                      <a:pt x="183" y="248"/>
                    </a:lnTo>
                    <a:lnTo>
                      <a:pt x="195" y="232"/>
                    </a:lnTo>
                    <a:lnTo>
                      <a:pt x="206" y="219"/>
                    </a:lnTo>
                    <a:lnTo>
                      <a:pt x="213" y="214"/>
                    </a:lnTo>
                    <a:lnTo>
                      <a:pt x="219" y="210"/>
                    </a:lnTo>
                    <a:lnTo>
                      <a:pt x="226" y="207"/>
                    </a:lnTo>
                    <a:lnTo>
                      <a:pt x="233" y="206"/>
                    </a:lnTo>
                    <a:lnTo>
                      <a:pt x="252" y="204"/>
                    </a:lnTo>
                    <a:lnTo>
                      <a:pt x="277" y="196"/>
                    </a:lnTo>
                    <a:lnTo>
                      <a:pt x="306" y="187"/>
                    </a:lnTo>
                    <a:lnTo>
                      <a:pt x="336" y="176"/>
                    </a:lnTo>
                    <a:lnTo>
                      <a:pt x="364" y="166"/>
                    </a:lnTo>
                    <a:lnTo>
                      <a:pt x="389" y="160"/>
                    </a:lnTo>
                    <a:lnTo>
                      <a:pt x="399" y="157"/>
                    </a:lnTo>
                    <a:lnTo>
                      <a:pt x="407" y="157"/>
                    </a:lnTo>
                    <a:lnTo>
                      <a:pt x="410" y="157"/>
                    </a:lnTo>
                    <a:lnTo>
                      <a:pt x="412" y="158"/>
                    </a:lnTo>
                    <a:lnTo>
                      <a:pt x="413" y="158"/>
                    </a:lnTo>
                    <a:lnTo>
                      <a:pt x="415" y="161"/>
                    </a:lnTo>
                    <a:lnTo>
                      <a:pt x="417" y="170"/>
                    </a:lnTo>
                    <a:lnTo>
                      <a:pt x="419" y="179"/>
                    </a:lnTo>
                    <a:lnTo>
                      <a:pt x="419" y="188"/>
                    </a:lnTo>
                    <a:lnTo>
                      <a:pt x="419" y="198"/>
                    </a:lnTo>
                    <a:lnTo>
                      <a:pt x="419" y="207"/>
                    </a:lnTo>
                    <a:lnTo>
                      <a:pt x="420" y="217"/>
                    </a:lnTo>
                    <a:lnTo>
                      <a:pt x="423" y="226"/>
                    </a:lnTo>
                    <a:lnTo>
                      <a:pt x="426" y="235"/>
                    </a:lnTo>
                    <a:lnTo>
                      <a:pt x="434" y="245"/>
                    </a:lnTo>
                    <a:lnTo>
                      <a:pt x="445" y="255"/>
                    </a:lnTo>
                    <a:lnTo>
                      <a:pt x="455" y="266"/>
                    </a:lnTo>
                    <a:lnTo>
                      <a:pt x="467" y="275"/>
                    </a:lnTo>
                    <a:lnTo>
                      <a:pt x="490" y="296"/>
                    </a:lnTo>
                    <a:lnTo>
                      <a:pt x="509" y="316"/>
                    </a:lnTo>
                    <a:lnTo>
                      <a:pt x="614" y="448"/>
                    </a:lnTo>
                    <a:lnTo>
                      <a:pt x="630" y="463"/>
                    </a:lnTo>
                    <a:lnTo>
                      <a:pt x="649" y="481"/>
                    </a:lnTo>
                    <a:lnTo>
                      <a:pt x="660" y="489"/>
                    </a:lnTo>
                    <a:lnTo>
                      <a:pt x="670" y="496"/>
                    </a:lnTo>
                    <a:lnTo>
                      <a:pt x="680" y="502"/>
                    </a:lnTo>
                    <a:lnTo>
                      <a:pt x="688" y="503"/>
                    </a:lnTo>
                    <a:lnTo>
                      <a:pt x="704" y="503"/>
                    </a:lnTo>
                    <a:lnTo>
                      <a:pt x="719" y="502"/>
                    </a:lnTo>
                    <a:lnTo>
                      <a:pt x="735" y="499"/>
                    </a:lnTo>
                    <a:lnTo>
                      <a:pt x="749" y="495"/>
                    </a:lnTo>
                    <a:lnTo>
                      <a:pt x="765" y="487"/>
                    </a:lnTo>
                    <a:lnTo>
                      <a:pt x="779" y="479"/>
                    </a:lnTo>
                    <a:lnTo>
                      <a:pt x="793" y="469"/>
                    </a:lnTo>
                    <a:lnTo>
                      <a:pt x="806" y="457"/>
                    </a:lnTo>
                    <a:lnTo>
                      <a:pt x="818" y="446"/>
                    </a:lnTo>
                    <a:lnTo>
                      <a:pt x="828" y="432"/>
                    </a:lnTo>
                    <a:lnTo>
                      <a:pt x="837" y="419"/>
                    </a:lnTo>
                    <a:lnTo>
                      <a:pt x="845" y="403"/>
                    </a:lnTo>
                    <a:lnTo>
                      <a:pt x="849" y="391"/>
                    </a:lnTo>
                    <a:lnTo>
                      <a:pt x="851" y="378"/>
                    </a:lnTo>
                    <a:lnTo>
                      <a:pt x="851" y="365"/>
                    </a:lnTo>
                    <a:lnTo>
                      <a:pt x="851" y="354"/>
                    </a:lnTo>
                    <a:lnTo>
                      <a:pt x="850" y="328"/>
                    </a:lnTo>
                    <a:lnTo>
                      <a:pt x="847" y="302"/>
                    </a:lnTo>
                    <a:lnTo>
                      <a:pt x="846" y="267"/>
                    </a:lnTo>
                    <a:lnTo>
                      <a:pt x="844" y="233"/>
                    </a:lnTo>
                    <a:lnTo>
                      <a:pt x="840" y="200"/>
                    </a:lnTo>
                    <a:lnTo>
                      <a:pt x="836" y="165"/>
                    </a:lnTo>
                    <a:lnTo>
                      <a:pt x="836" y="140"/>
                    </a:lnTo>
                    <a:lnTo>
                      <a:pt x="836" y="115"/>
                    </a:lnTo>
                    <a:lnTo>
                      <a:pt x="838" y="91"/>
                    </a:lnTo>
                    <a:lnTo>
                      <a:pt x="841" y="68"/>
                    </a:lnTo>
                    <a:lnTo>
                      <a:pt x="919" y="55"/>
                    </a:lnTo>
                    <a:lnTo>
                      <a:pt x="941" y="49"/>
                    </a:lnTo>
                    <a:lnTo>
                      <a:pt x="963" y="40"/>
                    </a:lnTo>
                    <a:lnTo>
                      <a:pt x="986" y="30"/>
                    </a:lnTo>
                    <a:lnTo>
                      <a:pt x="1008" y="21"/>
                    </a:lnTo>
                    <a:lnTo>
                      <a:pt x="1031" y="12"/>
                    </a:lnTo>
                    <a:lnTo>
                      <a:pt x="1053" y="4"/>
                    </a:lnTo>
                    <a:lnTo>
                      <a:pt x="1064" y="1"/>
                    </a:lnTo>
                    <a:lnTo>
                      <a:pt x="1075" y="0"/>
                    </a:lnTo>
                    <a:lnTo>
                      <a:pt x="1086" y="0"/>
                    </a:lnTo>
                    <a:lnTo>
                      <a:pt x="1097" y="0"/>
                    </a:lnTo>
                    <a:lnTo>
                      <a:pt x="1103" y="1"/>
                    </a:lnTo>
                    <a:lnTo>
                      <a:pt x="1109" y="4"/>
                    </a:lnTo>
                    <a:lnTo>
                      <a:pt x="1116" y="7"/>
                    </a:lnTo>
                    <a:lnTo>
                      <a:pt x="1122" y="11"/>
                    </a:lnTo>
                    <a:lnTo>
                      <a:pt x="1136" y="20"/>
                    </a:lnTo>
                    <a:lnTo>
                      <a:pt x="1149" y="30"/>
                    </a:lnTo>
                    <a:lnTo>
                      <a:pt x="1175" y="55"/>
                    </a:lnTo>
                    <a:lnTo>
                      <a:pt x="1195" y="75"/>
                    </a:lnTo>
                    <a:lnTo>
                      <a:pt x="1209" y="96"/>
                    </a:lnTo>
                    <a:lnTo>
                      <a:pt x="1219" y="113"/>
                    </a:lnTo>
                    <a:lnTo>
                      <a:pt x="1224" y="121"/>
                    </a:lnTo>
                    <a:lnTo>
                      <a:pt x="1232" y="128"/>
                    </a:lnTo>
                    <a:lnTo>
                      <a:pt x="1241" y="135"/>
                    </a:lnTo>
                    <a:lnTo>
                      <a:pt x="1253" y="143"/>
                    </a:lnTo>
                    <a:lnTo>
                      <a:pt x="1270" y="152"/>
                    </a:lnTo>
                    <a:lnTo>
                      <a:pt x="1285" y="163"/>
                    </a:lnTo>
                    <a:lnTo>
                      <a:pt x="1300" y="175"/>
                    </a:lnTo>
                    <a:lnTo>
                      <a:pt x="1313" y="188"/>
                    </a:lnTo>
                    <a:lnTo>
                      <a:pt x="1320" y="193"/>
                    </a:lnTo>
                    <a:lnTo>
                      <a:pt x="1328" y="198"/>
                    </a:lnTo>
                    <a:lnTo>
                      <a:pt x="1336" y="202"/>
                    </a:lnTo>
                    <a:lnTo>
                      <a:pt x="1344" y="206"/>
                    </a:lnTo>
                    <a:lnTo>
                      <a:pt x="1351" y="209"/>
                    </a:lnTo>
                    <a:lnTo>
                      <a:pt x="1360" y="211"/>
                    </a:lnTo>
                    <a:lnTo>
                      <a:pt x="1371" y="211"/>
                    </a:lnTo>
                    <a:lnTo>
                      <a:pt x="1381" y="211"/>
                    </a:lnTo>
                    <a:lnTo>
                      <a:pt x="1402" y="207"/>
                    </a:lnTo>
                    <a:lnTo>
                      <a:pt x="1421" y="202"/>
                    </a:lnTo>
                    <a:lnTo>
                      <a:pt x="1441" y="196"/>
                    </a:lnTo>
                    <a:lnTo>
                      <a:pt x="1460" y="189"/>
                    </a:lnTo>
                    <a:lnTo>
                      <a:pt x="1480" y="183"/>
                    </a:lnTo>
                    <a:lnTo>
                      <a:pt x="1499" y="178"/>
                    </a:lnTo>
                    <a:lnTo>
                      <a:pt x="1520" y="174"/>
                    </a:lnTo>
                    <a:lnTo>
                      <a:pt x="1541" y="172"/>
                    </a:lnTo>
                    <a:lnTo>
                      <a:pt x="1546" y="179"/>
                    </a:lnTo>
                    <a:lnTo>
                      <a:pt x="1559" y="183"/>
                    </a:lnTo>
                    <a:lnTo>
                      <a:pt x="1574" y="189"/>
                    </a:lnTo>
                    <a:lnTo>
                      <a:pt x="1590" y="200"/>
                    </a:lnTo>
                    <a:lnTo>
                      <a:pt x="1607" y="210"/>
                    </a:lnTo>
                    <a:lnTo>
                      <a:pt x="1623" y="223"/>
                    </a:lnTo>
                    <a:lnTo>
                      <a:pt x="1638" y="235"/>
                    </a:lnTo>
                    <a:lnTo>
                      <a:pt x="1651" y="245"/>
                    </a:lnTo>
                    <a:lnTo>
                      <a:pt x="1660" y="255"/>
                    </a:lnTo>
                    <a:lnTo>
                      <a:pt x="1669" y="267"/>
                    </a:lnTo>
                    <a:lnTo>
                      <a:pt x="1675" y="279"/>
                    </a:lnTo>
                    <a:lnTo>
                      <a:pt x="1679" y="292"/>
                    </a:lnTo>
                    <a:lnTo>
                      <a:pt x="1680" y="305"/>
                    </a:lnTo>
                    <a:lnTo>
                      <a:pt x="1682" y="332"/>
                    </a:lnTo>
                    <a:lnTo>
                      <a:pt x="1680" y="360"/>
                    </a:lnTo>
                    <a:lnTo>
                      <a:pt x="1680" y="373"/>
                    </a:lnTo>
                    <a:lnTo>
                      <a:pt x="1682" y="386"/>
                    </a:lnTo>
                    <a:lnTo>
                      <a:pt x="1684" y="399"/>
                    </a:lnTo>
                    <a:lnTo>
                      <a:pt x="1688" y="411"/>
                    </a:lnTo>
                    <a:lnTo>
                      <a:pt x="1691" y="422"/>
                    </a:lnTo>
                    <a:lnTo>
                      <a:pt x="1696" y="433"/>
                    </a:lnTo>
                    <a:lnTo>
                      <a:pt x="1701" y="443"/>
                    </a:lnTo>
                    <a:lnTo>
                      <a:pt x="1706" y="454"/>
                    </a:lnTo>
                    <a:lnTo>
                      <a:pt x="1719" y="473"/>
                    </a:lnTo>
                    <a:lnTo>
                      <a:pt x="1734" y="491"/>
                    </a:lnTo>
                    <a:lnTo>
                      <a:pt x="1748" y="508"/>
                    </a:lnTo>
                    <a:lnTo>
                      <a:pt x="1765" y="525"/>
                    </a:lnTo>
                    <a:lnTo>
                      <a:pt x="1780" y="542"/>
                    </a:lnTo>
                    <a:lnTo>
                      <a:pt x="1794" y="559"/>
                    </a:lnTo>
                    <a:lnTo>
                      <a:pt x="1809" y="575"/>
                    </a:lnTo>
                    <a:lnTo>
                      <a:pt x="1822" y="592"/>
                    </a:lnTo>
                    <a:lnTo>
                      <a:pt x="1827" y="603"/>
                    </a:lnTo>
                    <a:lnTo>
                      <a:pt x="1832" y="612"/>
                    </a:lnTo>
                    <a:lnTo>
                      <a:pt x="1837" y="622"/>
                    </a:lnTo>
                    <a:lnTo>
                      <a:pt x="1840" y="632"/>
                    </a:lnTo>
                    <a:lnTo>
                      <a:pt x="1844" y="643"/>
                    </a:lnTo>
                    <a:lnTo>
                      <a:pt x="1846" y="653"/>
                    </a:lnTo>
                    <a:lnTo>
                      <a:pt x="1848" y="665"/>
                    </a:lnTo>
                    <a:lnTo>
                      <a:pt x="1848" y="678"/>
                    </a:lnTo>
                    <a:lnTo>
                      <a:pt x="1851" y="815"/>
                    </a:lnTo>
                    <a:lnTo>
                      <a:pt x="1772" y="897"/>
                    </a:lnTo>
                    <a:lnTo>
                      <a:pt x="1767" y="903"/>
                    </a:lnTo>
                    <a:lnTo>
                      <a:pt x="1763" y="910"/>
                    </a:lnTo>
                    <a:lnTo>
                      <a:pt x="1762" y="916"/>
                    </a:lnTo>
                    <a:lnTo>
                      <a:pt x="1761" y="924"/>
                    </a:lnTo>
                    <a:lnTo>
                      <a:pt x="1759" y="938"/>
                    </a:lnTo>
                    <a:lnTo>
                      <a:pt x="1761" y="951"/>
                    </a:lnTo>
                    <a:lnTo>
                      <a:pt x="1761" y="959"/>
                    </a:lnTo>
                    <a:lnTo>
                      <a:pt x="1759" y="965"/>
                    </a:lnTo>
                    <a:lnTo>
                      <a:pt x="1759" y="970"/>
                    </a:lnTo>
                    <a:lnTo>
                      <a:pt x="1757" y="977"/>
                    </a:lnTo>
                    <a:lnTo>
                      <a:pt x="1754" y="982"/>
                    </a:lnTo>
                    <a:lnTo>
                      <a:pt x="1750" y="987"/>
                    </a:lnTo>
                    <a:lnTo>
                      <a:pt x="1744" y="992"/>
                    </a:lnTo>
                    <a:lnTo>
                      <a:pt x="1736" y="996"/>
                    </a:lnTo>
                    <a:lnTo>
                      <a:pt x="1723" y="1000"/>
                    </a:lnTo>
                    <a:lnTo>
                      <a:pt x="1710" y="1002"/>
                    </a:lnTo>
                    <a:lnTo>
                      <a:pt x="1696" y="1000"/>
                    </a:lnTo>
                    <a:lnTo>
                      <a:pt x="1682" y="999"/>
                    </a:lnTo>
                    <a:lnTo>
                      <a:pt x="1653" y="992"/>
                    </a:lnTo>
                    <a:lnTo>
                      <a:pt x="1625" y="986"/>
                    </a:lnTo>
                    <a:lnTo>
                      <a:pt x="1611" y="983"/>
                    </a:lnTo>
                    <a:lnTo>
                      <a:pt x="1596" y="983"/>
                    </a:lnTo>
                    <a:lnTo>
                      <a:pt x="1583" y="985"/>
                    </a:lnTo>
                    <a:lnTo>
                      <a:pt x="1572" y="989"/>
                    </a:lnTo>
                    <a:lnTo>
                      <a:pt x="1565" y="991"/>
                    </a:lnTo>
                    <a:lnTo>
                      <a:pt x="1560" y="995"/>
                    </a:lnTo>
                    <a:lnTo>
                      <a:pt x="1555" y="1000"/>
                    </a:lnTo>
                    <a:lnTo>
                      <a:pt x="1550" y="1005"/>
                    </a:lnTo>
                    <a:lnTo>
                      <a:pt x="1544" y="1012"/>
                    </a:lnTo>
                    <a:lnTo>
                      <a:pt x="1541" y="1020"/>
                    </a:lnTo>
                    <a:lnTo>
                      <a:pt x="1537" y="1027"/>
                    </a:lnTo>
                    <a:lnTo>
                      <a:pt x="1533" y="1038"/>
                    </a:lnTo>
                    <a:lnTo>
                      <a:pt x="1524" y="1039"/>
                    </a:lnTo>
                    <a:lnTo>
                      <a:pt x="1515" y="1040"/>
                    </a:lnTo>
                    <a:lnTo>
                      <a:pt x="1504" y="1040"/>
                    </a:lnTo>
                    <a:lnTo>
                      <a:pt x="1494" y="1040"/>
                    </a:lnTo>
                    <a:lnTo>
                      <a:pt x="1472" y="1039"/>
                    </a:lnTo>
                    <a:lnTo>
                      <a:pt x="1452" y="1040"/>
                    </a:lnTo>
                    <a:lnTo>
                      <a:pt x="1395" y="1021"/>
                    </a:lnTo>
                    <a:lnTo>
                      <a:pt x="1359" y="995"/>
                    </a:lnTo>
                    <a:lnTo>
                      <a:pt x="1326" y="969"/>
                    </a:lnTo>
                    <a:lnTo>
                      <a:pt x="1309" y="956"/>
                    </a:lnTo>
                    <a:lnTo>
                      <a:pt x="1293" y="942"/>
                    </a:lnTo>
                    <a:lnTo>
                      <a:pt x="1278" y="926"/>
                    </a:lnTo>
                    <a:lnTo>
                      <a:pt x="1262" y="908"/>
                    </a:lnTo>
                    <a:lnTo>
                      <a:pt x="1253" y="899"/>
                    </a:lnTo>
                    <a:lnTo>
                      <a:pt x="1243" y="891"/>
                    </a:lnTo>
                    <a:lnTo>
                      <a:pt x="1231" y="884"/>
                    </a:lnTo>
                    <a:lnTo>
                      <a:pt x="1219" y="878"/>
                    </a:lnTo>
                    <a:lnTo>
                      <a:pt x="1195" y="869"/>
                    </a:lnTo>
                    <a:lnTo>
                      <a:pt x="1167" y="862"/>
                    </a:lnTo>
                    <a:lnTo>
                      <a:pt x="1142" y="855"/>
                    </a:lnTo>
                    <a:lnTo>
                      <a:pt x="1114" y="847"/>
                    </a:lnTo>
                    <a:lnTo>
                      <a:pt x="1103" y="844"/>
                    </a:lnTo>
                    <a:lnTo>
                      <a:pt x="1091" y="837"/>
                    </a:lnTo>
                    <a:lnTo>
                      <a:pt x="1079" y="831"/>
                    </a:lnTo>
                    <a:lnTo>
                      <a:pt x="1069" y="823"/>
                    </a:lnTo>
                    <a:lnTo>
                      <a:pt x="1043" y="799"/>
                    </a:lnTo>
                    <a:lnTo>
                      <a:pt x="1025" y="785"/>
                    </a:lnTo>
                    <a:lnTo>
                      <a:pt x="1016" y="780"/>
                    </a:lnTo>
                    <a:lnTo>
                      <a:pt x="1004" y="776"/>
                    </a:lnTo>
                    <a:lnTo>
                      <a:pt x="990" y="774"/>
                    </a:lnTo>
                    <a:lnTo>
                      <a:pt x="971" y="772"/>
                    </a:lnTo>
                    <a:lnTo>
                      <a:pt x="949" y="784"/>
                    </a:lnTo>
                    <a:lnTo>
                      <a:pt x="921" y="794"/>
                    </a:lnTo>
                    <a:lnTo>
                      <a:pt x="907" y="799"/>
                    </a:lnTo>
                    <a:lnTo>
                      <a:pt x="894" y="803"/>
                    </a:lnTo>
                    <a:lnTo>
                      <a:pt x="881" y="806"/>
                    </a:lnTo>
                    <a:lnTo>
                      <a:pt x="868" y="807"/>
                    </a:lnTo>
                    <a:lnTo>
                      <a:pt x="847" y="803"/>
                    </a:lnTo>
                    <a:lnTo>
                      <a:pt x="827" y="797"/>
                    </a:lnTo>
                    <a:lnTo>
                      <a:pt x="816" y="796"/>
                    </a:lnTo>
                    <a:lnTo>
                      <a:pt x="806" y="796"/>
                    </a:lnTo>
                    <a:lnTo>
                      <a:pt x="801" y="796"/>
                    </a:lnTo>
                    <a:lnTo>
                      <a:pt x="796" y="798"/>
                    </a:lnTo>
                    <a:lnTo>
                      <a:pt x="790" y="801"/>
                    </a:lnTo>
                    <a:lnTo>
                      <a:pt x="785" y="803"/>
                    </a:lnTo>
                    <a:lnTo>
                      <a:pt x="778" y="810"/>
                    </a:lnTo>
                    <a:lnTo>
                      <a:pt x="770" y="812"/>
                    </a:lnTo>
                    <a:lnTo>
                      <a:pt x="762" y="814"/>
                    </a:lnTo>
                    <a:lnTo>
                      <a:pt x="755" y="815"/>
                    </a:lnTo>
                    <a:lnTo>
                      <a:pt x="741" y="812"/>
                    </a:lnTo>
                    <a:lnTo>
                      <a:pt x="723" y="811"/>
                    </a:lnTo>
                    <a:lnTo>
                      <a:pt x="702" y="812"/>
                    </a:lnTo>
                    <a:lnTo>
                      <a:pt x="683" y="815"/>
                    </a:lnTo>
                    <a:lnTo>
                      <a:pt x="664" y="818"/>
                    </a:lnTo>
                    <a:lnTo>
                      <a:pt x="643" y="819"/>
                    </a:lnTo>
                    <a:lnTo>
                      <a:pt x="595" y="818"/>
                    </a:lnTo>
                    <a:lnTo>
                      <a:pt x="546" y="815"/>
                    </a:lnTo>
                    <a:lnTo>
                      <a:pt x="496" y="812"/>
                    </a:lnTo>
                    <a:lnTo>
                      <a:pt x="447" y="809"/>
                    </a:lnTo>
                    <a:lnTo>
                      <a:pt x="398" y="807"/>
                    </a:lnTo>
                    <a:lnTo>
                      <a:pt x="349" y="807"/>
                    </a:lnTo>
                    <a:lnTo>
                      <a:pt x="324" y="809"/>
                    </a:lnTo>
                    <a:lnTo>
                      <a:pt x="299" y="810"/>
                    </a:lnTo>
                    <a:lnTo>
                      <a:pt x="276" y="812"/>
                    </a:lnTo>
                    <a:lnTo>
                      <a:pt x="252" y="816"/>
                    </a:lnTo>
                    <a:lnTo>
                      <a:pt x="241" y="819"/>
                    </a:lnTo>
                    <a:lnTo>
                      <a:pt x="231" y="823"/>
                    </a:lnTo>
                    <a:lnTo>
                      <a:pt x="220" y="828"/>
                    </a:lnTo>
                    <a:lnTo>
                      <a:pt x="211" y="834"/>
                    </a:lnTo>
                    <a:lnTo>
                      <a:pt x="201" y="842"/>
                    </a:lnTo>
                    <a:lnTo>
                      <a:pt x="192" y="850"/>
                    </a:lnTo>
                    <a:lnTo>
                      <a:pt x="183" y="859"/>
                    </a:lnTo>
                    <a:lnTo>
                      <a:pt x="174" y="869"/>
                    </a:lnTo>
                    <a:lnTo>
                      <a:pt x="140" y="910"/>
                    </a:lnTo>
                    <a:lnTo>
                      <a:pt x="110" y="947"/>
                    </a:lnTo>
                    <a:lnTo>
                      <a:pt x="25" y="950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68" name="Freeform 63"/>
              <p:cNvSpPr>
                <a:spLocks/>
              </p:cNvSpPr>
              <p:nvPr/>
            </p:nvSpPr>
            <p:spPr bwMode="auto">
              <a:xfrm>
                <a:off x="8630504" y="2357358"/>
                <a:ext cx="841621" cy="469639"/>
              </a:xfrm>
              <a:custGeom>
                <a:avLst/>
                <a:gdLst/>
                <a:ahLst/>
                <a:cxnLst>
                  <a:cxn ang="0">
                    <a:pos x="24" y="872"/>
                  </a:cxn>
                  <a:cxn ang="0">
                    <a:pos x="0" y="736"/>
                  </a:cxn>
                  <a:cxn ang="0">
                    <a:pos x="16" y="656"/>
                  </a:cxn>
                  <a:cxn ang="0">
                    <a:pos x="65" y="565"/>
                  </a:cxn>
                  <a:cxn ang="0">
                    <a:pos x="93" y="443"/>
                  </a:cxn>
                  <a:cxn ang="0">
                    <a:pos x="113" y="359"/>
                  </a:cxn>
                  <a:cxn ang="0">
                    <a:pos x="183" y="248"/>
                  </a:cxn>
                  <a:cxn ang="0">
                    <a:pos x="226" y="207"/>
                  </a:cxn>
                  <a:cxn ang="0">
                    <a:pos x="336" y="176"/>
                  </a:cxn>
                  <a:cxn ang="0">
                    <a:pos x="410" y="157"/>
                  </a:cxn>
                  <a:cxn ang="0">
                    <a:pos x="419" y="179"/>
                  </a:cxn>
                  <a:cxn ang="0">
                    <a:pos x="423" y="226"/>
                  </a:cxn>
                  <a:cxn ang="0">
                    <a:pos x="467" y="275"/>
                  </a:cxn>
                  <a:cxn ang="0">
                    <a:pos x="649" y="481"/>
                  </a:cxn>
                  <a:cxn ang="0">
                    <a:pos x="704" y="503"/>
                  </a:cxn>
                  <a:cxn ang="0">
                    <a:pos x="779" y="479"/>
                  </a:cxn>
                  <a:cxn ang="0">
                    <a:pos x="837" y="419"/>
                  </a:cxn>
                  <a:cxn ang="0">
                    <a:pos x="851" y="354"/>
                  </a:cxn>
                  <a:cxn ang="0">
                    <a:pos x="840" y="200"/>
                  </a:cxn>
                  <a:cxn ang="0">
                    <a:pos x="841" y="68"/>
                  </a:cxn>
                  <a:cxn ang="0">
                    <a:pos x="986" y="30"/>
                  </a:cxn>
                  <a:cxn ang="0">
                    <a:pos x="1075" y="0"/>
                  </a:cxn>
                  <a:cxn ang="0">
                    <a:pos x="1116" y="7"/>
                  </a:cxn>
                  <a:cxn ang="0">
                    <a:pos x="1195" y="75"/>
                  </a:cxn>
                  <a:cxn ang="0">
                    <a:pos x="1241" y="135"/>
                  </a:cxn>
                  <a:cxn ang="0">
                    <a:pos x="1313" y="188"/>
                  </a:cxn>
                  <a:cxn ang="0">
                    <a:pos x="1351" y="209"/>
                  </a:cxn>
                  <a:cxn ang="0">
                    <a:pos x="1421" y="202"/>
                  </a:cxn>
                  <a:cxn ang="0">
                    <a:pos x="1520" y="174"/>
                  </a:cxn>
                  <a:cxn ang="0">
                    <a:pos x="1574" y="189"/>
                  </a:cxn>
                  <a:cxn ang="0">
                    <a:pos x="1651" y="245"/>
                  </a:cxn>
                  <a:cxn ang="0">
                    <a:pos x="1680" y="305"/>
                  </a:cxn>
                  <a:cxn ang="0">
                    <a:pos x="1684" y="399"/>
                  </a:cxn>
                  <a:cxn ang="0">
                    <a:pos x="1706" y="454"/>
                  </a:cxn>
                  <a:cxn ang="0">
                    <a:pos x="1780" y="542"/>
                  </a:cxn>
                  <a:cxn ang="0">
                    <a:pos x="1832" y="612"/>
                  </a:cxn>
                  <a:cxn ang="0">
                    <a:pos x="1848" y="665"/>
                  </a:cxn>
                  <a:cxn ang="0">
                    <a:pos x="1767" y="903"/>
                  </a:cxn>
                  <a:cxn ang="0">
                    <a:pos x="1761" y="951"/>
                  </a:cxn>
                  <a:cxn ang="0">
                    <a:pos x="1754" y="982"/>
                  </a:cxn>
                  <a:cxn ang="0">
                    <a:pos x="1710" y="1002"/>
                  </a:cxn>
                  <a:cxn ang="0">
                    <a:pos x="1611" y="983"/>
                  </a:cxn>
                  <a:cxn ang="0">
                    <a:pos x="1560" y="995"/>
                  </a:cxn>
                  <a:cxn ang="0">
                    <a:pos x="1537" y="1027"/>
                  </a:cxn>
                  <a:cxn ang="0">
                    <a:pos x="1494" y="1040"/>
                  </a:cxn>
                  <a:cxn ang="0">
                    <a:pos x="1359" y="995"/>
                  </a:cxn>
                  <a:cxn ang="0">
                    <a:pos x="1262" y="908"/>
                  </a:cxn>
                  <a:cxn ang="0">
                    <a:pos x="1195" y="869"/>
                  </a:cxn>
                  <a:cxn ang="0">
                    <a:pos x="1091" y="837"/>
                  </a:cxn>
                  <a:cxn ang="0">
                    <a:pos x="1016" y="780"/>
                  </a:cxn>
                  <a:cxn ang="0">
                    <a:pos x="921" y="794"/>
                  </a:cxn>
                  <a:cxn ang="0">
                    <a:pos x="847" y="803"/>
                  </a:cxn>
                  <a:cxn ang="0">
                    <a:pos x="796" y="798"/>
                  </a:cxn>
                  <a:cxn ang="0">
                    <a:pos x="762" y="814"/>
                  </a:cxn>
                  <a:cxn ang="0">
                    <a:pos x="683" y="815"/>
                  </a:cxn>
                  <a:cxn ang="0">
                    <a:pos x="496" y="812"/>
                  </a:cxn>
                  <a:cxn ang="0">
                    <a:pos x="299" y="810"/>
                  </a:cxn>
                  <a:cxn ang="0">
                    <a:pos x="220" y="828"/>
                  </a:cxn>
                  <a:cxn ang="0">
                    <a:pos x="174" y="869"/>
                  </a:cxn>
                </a:cxnLst>
                <a:rect l="0" t="0" r="r" b="b"/>
                <a:pathLst>
                  <a:path w="1851" h="1040">
                    <a:moveTo>
                      <a:pt x="25" y="950"/>
                    </a:moveTo>
                    <a:lnTo>
                      <a:pt x="22" y="930"/>
                    </a:lnTo>
                    <a:lnTo>
                      <a:pt x="21" y="912"/>
                    </a:lnTo>
                    <a:lnTo>
                      <a:pt x="21" y="893"/>
                    </a:lnTo>
                    <a:lnTo>
                      <a:pt x="24" y="872"/>
                    </a:lnTo>
                    <a:lnTo>
                      <a:pt x="13" y="827"/>
                    </a:lnTo>
                    <a:lnTo>
                      <a:pt x="5" y="788"/>
                    </a:lnTo>
                    <a:lnTo>
                      <a:pt x="3" y="770"/>
                    </a:lnTo>
                    <a:lnTo>
                      <a:pt x="2" y="753"/>
                    </a:lnTo>
                    <a:lnTo>
                      <a:pt x="0" y="736"/>
                    </a:lnTo>
                    <a:lnTo>
                      <a:pt x="2" y="720"/>
                    </a:lnTo>
                    <a:lnTo>
                      <a:pt x="3" y="704"/>
                    </a:lnTo>
                    <a:lnTo>
                      <a:pt x="5" y="688"/>
                    </a:lnTo>
                    <a:lnTo>
                      <a:pt x="11" y="673"/>
                    </a:lnTo>
                    <a:lnTo>
                      <a:pt x="16" y="656"/>
                    </a:lnTo>
                    <a:lnTo>
                      <a:pt x="24" y="639"/>
                    </a:lnTo>
                    <a:lnTo>
                      <a:pt x="31" y="621"/>
                    </a:lnTo>
                    <a:lnTo>
                      <a:pt x="43" y="601"/>
                    </a:lnTo>
                    <a:lnTo>
                      <a:pt x="55" y="582"/>
                    </a:lnTo>
                    <a:lnTo>
                      <a:pt x="65" y="565"/>
                    </a:lnTo>
                    <a:lnTo>
                      <a:pt x="73" y="548"/>
                    </a:lnTo>
                    <a:lnTo>
                      <a:pt x="78" y="530"/>
                    </a:lnTo>
                    <a:lnTo>
                      <a:pt x="83" y="513"/>
                    </a:lnTo>
                    <a:lnTo>
                      <a:pt x="90" y="478"/>
                    </a:lnTo>
                    <a:lnTo>
                      <a:pt x="93" y="443"/>
                    </a:lnTo>
                    <a:lnTo>
                      <a:pt x="96" y="425"/>
                    </a:lnTo>
                    <a:lnTo>
                      <a:pt x="99" y="408"/>
                    </a:lnTo>
                    <a:lnTo>
                      <a:pt x="103" y="391"/>
                    </a:lnTo>
                    <a:lnTo>
                      <a:pt x="106" y="376"/>
                    </a:lnTo>
                    <a:lnTo>
                      <a:pt x="113" y="359"/>
                    </a:lnTo>
                    <a:lnTo>
                      <a:pt x="119" y="343"/>
                    </a:lnTo>
                    <a:lnTo>
                      <a:pt x="128" y="328"/>
                    </a:lnTo>
                    <a:lnTo>
                      <a:pt x="140" y="314"/>
                    </a:lnTo>
                    <a:lnTo>
                      <a:pt x="162" y="283"/>
                    </a:lnTo>
                    <a:lnTo>
                      <a:pt x="183" y="248"/>
                    </a:lnTo>
                    <a:lnTo>
                      <a:pt x="195" y="232"/>
                    </a:lnTo>
                    <a:lnTo>
                      <a:pt x="206" y="219"/>
                    </a:lnTo>
                    <a:lnTo>
                      <a:pt x="213" y="214"/>
                    </a:lnTo>
                    <a:lnTo>
                      <a:pt x="219" y="210"/>
                    </a:lnTo>
                    <a:lnTo>
                      <a:pt x="226" y="207"/>
                    </a:lnTo>
                    <a:lnTo>
                      <a:pt x="233" y="206"/>
                    </a:lnTo>
                    <a:lnTo>
                      <a:pt x="252" y="204"/>
                    </a:lnTo>
                    <a:lnTo>
                      <a:pt x="277" y="196"/>
                    </a:lnTo>
                    <a:lnTo>
                      <a:pt x="306" y="187"/>
                    </a:lnTo>
                    <a:lnTo>
                      <a:pt x="336" y="176"/>
                    </a:lnTo>
                    <a:lnTo>
                      <a:pt x="364" y="166"/>
                    </a:lnTo>
                    <a:lnTo>
                      <a:pt x="389" y="160"/>
                    </a:lnTo>
                    <a:lnTo>
                      <a:pt x="399" y="157"/>
                    </a:lnTo>
                    <a:lnTo>
                      <a:pt x="407" y="157"/>
                    </a:lnTo>
                    <a:lnTo>
                      <a:pt x="410" y="157"/>
                    </a:lnTo>
                    <a:lnTo>
                      <a:pt x="412" y="158"/>
                    </a:lnTo>
                    <a:lnTo>
                      <a:pt x="413" y="158"/>
                    </a:lnTo>
                    <a:lnTo>
                      <a:pt x="415" y="161"/>
                    </a:lnTo>
                    <a:lnTo>
                      <a:pt x="417" y="170"/>
                    </a:lnTo>
                    <a:lnTo>
                      <a:pt x="419" y="179"/>
                    </a:lnTo>
                    <a:lnTo>
                      <a:pt x="419" y="188"/>
                    </a:lnTo>
                    <a:lnTo>
                      <a:pt x="419" y="198"/>
                    </a:lnTo>
                    <a:lnTo>
                      <a:pt x="419" y="207"/>
                    </a:lnTo>
                    <a:lnTo>
                      <a:pt x="420" y="217"/>
                    </a:lnTo>
                    <a:lnTo>
                      <a:pt x="423" y="226"/>
                    </a:lnTo>
                    <a:lnTo>
                      <a:pt x="426" y="235"/>
                    </a:lnTo>
                    <a:lnTo>
                      <a:pt x="434" y="245"/>
                    </a:lnTo>
                    <a:lnTo>
                      <a:pt x="445" y="255"/>
                    </a:lnTo>
                    <a:lnTo>
                      <a:pt x="455" y="266"/>
                    </a:lnTo>
                    <a:lnTo>
                      <a:pt x="467" y="275"/>
                    </a:lnTo>
                    <a:lnTo>
                      <a:pt x="490" y="296"/>
                    </a:lnTo>
                    <a:lnTo>
                      <a:pt x="509" y="316"/>
                    </a:lnTo>
                    <a:lnTo>
                      <a:pt x="614" y="448"/>
                    </a:lnTo>
                    <a:lnTo>
                      <a:pt x="630" y="463"/>
                    </a:lnTo>
                    <a:lnTo>
                      <a:pt x="649" y="481"/>
                    </a:lnTo>
                    <a:lnTo>
                      <a:pt x="660" y="489"/>
                    </a:lnTo>
                    <a:lnTo>
                      <a:pt x="670" y="496"/>
                    </a:lnTo>
                    <a:lnTo>
                      <a:pt x="680" y="502"/>
                    </a:lnTo>
                    <a:lnTo>
                      <a:pt x="688" y="503"/>
                    </a:lnTo>
                    <a:lnTo>
                      <a:pt x="704" y="503"/>
                    </a:lnTo>
                    <a:lnTo>
                      <a:pt x="719" y="502"/>
                    </a:lnTo>
                    <a:lnTo>
                      <a:pt x="735" y="499"/>
                    </a:lnTo>
                    <a:lnTo>
                      <a:pt x="749" y="495"/>
                    </a:lnTo>
                    <a:lnTo>
                      <a:pt x="765" y="487"/>
                    </a:lnTo>
                    <a:lnTo>
                      <a:pt x="779" y="479"/>
                    </a:lnTo>
                    <a:lnTo>
                      <a:pt x="793" y="469"/>
                    </a:lnTo>
                    <a:lnTo>
                      <a:pt x="806" y="457"/>
                    </a:lnTo>
                    <a:lnTo>
                      <a:pt x="818" y="446"/>
                    </a:lnTo>
                    <a:lnTo>
                      <a:pt x="828" y="432"/>
                    </a:lnTo>
                    <a:lnTo>
                      <a:pt x="837" y="419"/>
                    </a:lnTo>
                    <a:lnTo>
                      <a:pt x="845" y="403"/>
                    </a:lnTo>
                    <a:lnTo>
                      <a:pt x="849" y="391"/>
                    </a:lnTo>
                    <a:lnTo>
                      <a:pt x="851" y="378"/>
                    </a:lnTo>
                    <a:lnTo>
                      <a:pt x="851" y="365"/>
                    </a:lnTo>
                    <a:lnTo>
                      <a:pt x="851" y="354"/>
                    </a:lnTo>
                    <a:lnTo>
                      <a:pt x="850" y="328"/>
                    </a:lnTo>
                    <a:lnTo>
                      <a:pt x="847" y="302"/>
                    </a:lnTo>
                    <a:lnTo>
                      <a:pt x="846" y="267"/>
                    </a:lnTo>
                    <a:lnTo>
                      <a:pt x="844" y="233"/>
                    </a:lnTo>
                    <a:lnTo>
                      <a:pt x="840" y="200"/>
                    </a:lnTo>
                    <a:lnTo>
                      <a:pt x="836" y="165"/>
                    </a:lnTo>
                    <a:lnTo>
                      <a:pt x="836" y="140"/>
                    </a:lnTo>
                    <a:lnTo>
                      <a:pt x="836" y="115"/>
                    </a:lnTo>
                    <a:lnTo>
                      <a:pt x="838" y="91"/>
                    </a:lnTo>
                    <a:lnTo>
                      <a:pt x="841" y="68"/>
                    </a:lnTo>
                    <a:lnTo>
                      <a:pt x="841" y="68"/>
                    </a:lnTo>
                    <a:lnTo>
                      <a:pt x="919" y="55"/>
                    </a:lnTo>
                    <a:lnTo>
                      <a:pt x="941" y="49"/>
                    </a:lnTo>
                    <a:lnTo>
                      <a:pt x="963" y="40"/>
                    </a:lnTo>
                    <a:lnTo>
                      <a:pt x="986" y="30"/>
                    </a:lnTo>
                    <a:lnTo>
                      <a:pt x="1008" y="21"/>
                    </a:lnTo>
                    <a:lnTo>
                      <a:pt x="1031" y="12"/>
                    </a:lnTo>
                    <a:lnTo>
                      <a:pt x="1053" y="4"/>
                    </a:lnTo>
                    <a:lnTo>
                      <a:pt x="1064" y="1"/>
                    </a:lnTo>
                    <a:lnTo>
                      <a:pt x="1075" y="0"/>
                    </a:lnTo>
                    <a:lnTo>
                      <a:pt x="1086" y="0"/>
                    </a:lnTo>
                    <a:lnTo>
                      <a:pt x="1097" y="0"/>
                    </a:lnTo>
                    <a:lnTo>
                      <a:pt x="1103" y="1"/>
                    </a:lnTo>
                    <a:lnTo>
                      <a:pt x="1109" y="4"/>
                    </a:lnTo>
                    <a:lnTo>
                      <a:pt x="1116" y="7"/>
                    </a:lnTo>
                    <a:lnTo>
                      <a:pt x="1122" y="11"/>
                    </a:lnTo>
                    <a:lnTo>
                      <a:pt x="1136" y="20"/>
                    </a:lnTo>
                    <a:lnTo>
                      <a:pt x="1149" y="30"/>
                    </a:lnTo>
                    <a:lnTo>
                      <a:pt x="1175" y="55"/>
                    </a:lnTo>
                    <a:lnTo>
                      <a:pt x="1195" y="75"/>
                    </a:lnTo>
                    <a:lnTo>
                      <a:pt x="1209" y="96"/>
                    </a:lnTo>
                    <a:lnTo>
                      <a:pt x="1219" y="113"/>
                    </a:lnTo>
                    <a:lnTo>
                      <a:pt x="1224" y="121"/>
                    </a:lnTo>
                    <a:lnTo>
                      <a:pt x="1232" y="128"/>
                    </a:lnTo>
                    <a:lnTo>
                      <a:pt x="1241" y="135"/>
                    </a:lnTo>
                    <a:lnTo>
                      <a:pt x="1253" y="143"/>
                    </a:lnTo>
                    <a:lnTo>
                      <a:pt x="1270" y="152"/>
                    </a:lnTo>
                    <a:lnTo>
                      <a:pt x="1285" y="163"/>
                    </a:lnTo>
                    <a:lnTo>
                      <a:pt x="1300" y="175"/>
                    </a:lnTo>
                    <a:lnTo>
                      <a:pt x="1313" y="188"/>
                    </a:lnTo>
                    <a:lnTo>
                      <a:pt x="1320" y="193"/>
                    </a:lnTo>
                    <a:lnTo>
                      <a:pt x="1328" y="198"/>
                    </a:lnTo>
                    <a:lnTo>
                      <a:pt x="1336" y="202"/>
                    </a:lnTo>
                    <a:lnTo>
                      <a:pt x="1344" y="206"/>
                    </a:lnTo>
                    <a:lnTo>
                      <a:pt x="1351" y="209"/>
                    </a:lnTo>
                    <a:lnTo>
                      <a:pt x="1360" y="211"/>
                    </a:lnTo>
                    <a:lnTo>
                      <a:pt x="1371" y="211"/>
                    </a:lnTo>
                    <a:lnTo>
                      <a:pt x="1381" y="211"/>
                    </a:lnTo>
                    <a:lnTo>
                      <a:pt x="1402" y="207"/>
                    </a:lnTo>
                    <a:lnTo>
                      <a:pt x="1421" y="202"/>
                    </a:lnTo>
                    <a:lnTo>
                      <a:pt x="1441" y="196"/>
                    </a:lnTo>
                    <a:lnTo>
                      <a:pt x="1460" y="189"/>
                    </a:lnTo>
                    <a:lnTo>
                      <a:pt x="1480" y="183"/>
                    </a:lnTo>
                    <a:lnTo>
                      <a:pt x="1499" y="178"/>
                    </a:lnTo>
                    <a:lnTo>
                      <a:pt x="1520" y="174"/>
                    </a:lnTo>
                    <a:lnTo>
                      <a:pt x="1541" y="172"/>
                    </a:lnTo>
                    <a:lnTo>
                      <a:pt x="1541" y="172"/>
                    </a:lnTo>
                    <a:lnTo>
                      <a:pt x="1546" y="179"/>
                    </a:lnTo>
                    <a:lnTo>
                      <a:pt x="1559" y="183"/>
                    </a:lnTo>
                    <a:lnTo>
                      <a:pt x="1574" y="189"/>
                    </a:lnTo>
                    <a:lnTo>
                      <a:pt x="1590" y="200"/>
                    </a:lnTo>
                    <a:lnTo>
                      <a:pt x="1607" y="210"/>
                    </a:lnTo>
                    <a:lnTo>
                      <a:pt x="1623" y="223"/>
                    </a:lnTo>
                    <a:lnTo>
                      <a:pt x="1638" y="235"/>
                    </a:lnTo>
                    <a:lnTo>
                      <a:pt x="1651" y="245"/>
                    </a:lnTo>
                    <a:lnTo>
                      <a:pt x="1660" y="255"/>
                    </a:lnTo>
                    <a:lnTo>
                      <a:pt x="1669" y="267"/>
                    </a:lnTo>
                    <a:lnTo>
                      <a:pt x="1675" y="279"/>
                    </a:lnTo>
                    <a:lnTo>
                      <a:pt x="1679" y="292"/>
                    </a:lnTo>
                    <a:lnTo>
                      <a:pt x="1680" y="305"/>
                    </a:lnTo>
                    <a:lnTo>
                      <a:pt x="1682" y="332"/>
                    </a:lnTo>
                    <a:lnTo>
                      <a:pt x="1680" y="360"/>
                    </a:lnTo>
                    <a:lnTo>
                      <a:pt x="1680" y="373"/>
                    </a:lnTo>
                    <a:lnTo>
                      <a:pt x="1682" y="386"/>
                    </a:lnTo>
                    <a:lnTo>
                      <a:pt x="1684" y="399"/>
                    </a:lnTo>
                    <a:lnTo>
                      <a:pt x="1688" y="411"/>
                    </a:lnTo>
                    <a:lnTo>
                      <a:pt x="1691" y="422"/>
                    </a:lnTo>
                    <a:lnTo>
                      <a:pt x="1696" y="433"/>
                    </a:lnTo>
                    <a:lnTo>
                      <a:pt x="1701" y="443"/>
                    </a:lnTo>
                    <a:lnTo>
                      <a:pt x="1706" y="454"/>
                    </a:lnTo>
                    <a:lnTo>
                      <a:pt x="1719" y="473"/>
                    </a:lnTo>
                    <a:lnTo>
                      <a:pt x="1734" y="491"/>
                    </a:lnTo>
                    <a:lnTo>
                      <a:pt x="1748" y="508"/>
                    </a:lnTo>
                    <a:lnTo>
                      <a:pt x="1765" y="525"/>
                    </a:lnTo>
                    <a:lnTo>
                      <a:pt x="1780" y="542"/>
                    </a:lnTo>
                    <a:lnTo>
                      <a:pt x="1794" y="559"/>
                    </a:lnTo>
                    <a:lnTo>
                      <a:pt x="1809" y="575"/>
                    </a:lnTo>
                    <a:lnTo>
                      <a:pt x="1822" y="592"/>
                    </a:lnTo>
                    <a:lnTo>
                      <a:pt x="1827" y="603"/>
                    </a:lnTo>
                    <a:lnTo>
                      <a:pt x="1832" y="612"/>
                    </a:lnTo>
                    <a:lnTo>
                      <a:pt x="1837" y="622"/>
                    </a:lnTo>
                    <a:lnTo>
                      <a:pt x="1840" y="632"/>
                    </a:lnTo>
                    <a:lnTo>
                      <a:pt x="1844" y="643"/>
                    </a:lnTo>
                    <a:lnTo>
                      <a:pt x="1846" y="653"/>
                    </a:lnTo>
                    <a:lnTo>
                      <a:pt x="1848" y="665"/>
                    </a:lnTo>
                    <a:lnTo>
                      <a:pt x="1848" y="678"/>
                    </a:lnTo>
                    <a:lnTo>
                      <a:pt x="1851" y="815"/>
                    </a:lnTo>
                    <a:lnTo>
                      <a:pt x="1851" y="815"/>
                    </a:lnTo>
                    <a:lnTo>
                      <a:pt x="1772" y="897"/>
                    </a:lnTo>
                    <a:lnTo>
                      <a:pt x="1767" y="903"/>
                    </a:lnTo>
                    <a:lnTo>
                      <a:pt x="1763" y="910"/>
                    </a:lnTo>
                    <a:lnTo>
                      <a:pt x="1762" y="916"/>
                    </a:lnTo>
                    <a:lnTo>
                      <a:pt x="1761" y="924"/>
                    </a:lnTo>
                    <a:lnTo>
                      <a:pt x="1759" y="938"/>
                    </a:lnTo>
                    <a:lnTo>
                      <a:pt x="1761" y="951"/>
                    </a:lnTo>
                    <a:lnTo>
                      <a:pt x="1761" y="959"/>
                    </a:lnTo>
                    <a:lnTo>
                      <a:pt x="1759" y="965"/>
                    </a:lnTo>
                    <a:lnTo>
                      <a:pt x="1759" y="970"/>
                    </a:lnTo>
                    <a:lnTo>
                      <a:pt x="1757" y="977"/>
                    </a:lnTo>
                    <a:lnTo>
                      <a:pt x="1754" y="982"/>
                    </a:lnTo>
                    <a:lnTo>
                      <a:pt x="1750" y="987"/>
                    </a:lnTo>
                    <a:lnTo>
                      <a:pt x="1744" y="992"/>
                    </a:lnTo>
                    <a:lnTo>
                      <a:pt x="1736" y="996"/>
                    </a:lnTo>
                    <a:lnTo>
                      <a:pt x="1723" y="1000"/>
                    </a:lnTo>
                    <a:lnTo>
                      <a:pt x="1710" y="1002"/>
                    </a:lnTo>
                    <a:lnTo>
                      <a:pt x="1696" y="1000"/>
                    </a:lnTo>
                    <a:lnTo>
                      <a:pt x="1682" y="999"/>
                    </a:lnTo>
                    <a:lnTo>
                      <a:pt x="1653" y="992"/>
                    </a:lnTo>
                    <a:lnTo>
                      <a:pt x="1625" y="986"/>
                    </a:lnTo>
                    <a:lnTo>
                      <a:pt x="1611" y="983"/>
                    </a:lnTo>
                    <a:lnTo>
                      <a:pt x="1596" y="983"/>
                    </a:lnTo>
                    <a:lnTo>
                      <a:pt x="1583" y="985"/>
                    </a:lnTo>
                    <a:lnTo>
                      <a:pt x="1572" y="989"/>
                    </a:lnTo>
                    <a:lnTo>
                      <a:pt x="1565" y="991"/>
                    </a:lnTo>
                    <a:lnTo>
                      <a:pt x="1560" y="995"/>
                    </a:lnTo>
                    <a:lnTo>
                      <a:pt x="1555" y="1000"/>
                    </a:lnTo>
                    <a:lnTo>
                      <a:pt x="1550" y="1005"/>
                    </a:lnTo>
                    <a:lnTo>
                      <a:pt x="1544" y="1012"/>
                    </a:lnTo>
                    <a:lnTo>
                      <a:pt x="1541" y="1020"/>
                    </a:lnTo>
                    <a:lnTo>
                      <a:pt x="1537" y="1027"/>
                    </a:lnTo>
                    <a:lnTo>
                      <a:pt x="1533" y="1038"/>
                    </a:lnTo>
                    <a:lnTo>
                      <a:pt x="1524" y="1039"/>
                    </a:lnTo>
                    <a:lnTo>
                      <a:pt x="1515" y="1040"/>
                    </a:lnTo>
                    <a:lnTo>
                      <a:pt x="1504" y="1040"/>
                    </a:lnTo>
                    <a:lnTo>
                      <a:pt x="1494" y="1040"/>
                    </a:lnTo>
                    <a:lnTo>
                      <a:pt x="1472" y="1039"/>
                    </a:lnTo>
                    <a:lnTo>
                      <a:pt x="1452" y="1040"/>
                    </a:lnTo>
                    <a:lnTo>
                      <a:pt x="1452" y="1040"/>
                    </a:lnTo>
                    <a:lnTo>
                      <a:pt x="1395" y="1021"/>
                    </a:lnTo>
                    <a:lnTo>
                      <a:pt x="1359" y="995"/>
                    </a:lnTo>
                    <a:lnTo>
                      <a:pt x="1326" y="969"/>
                    </a:lnTo>
                    <a:lnTo>
                      <a:pt x="1309" y="956"/>
                    </a:lnTo>
                    <a:lnTo>
                      <a:pt x="1293" y="942"/>
                    </a:lnTo>
                    <a:lnTo>
                      <a:pt x="1278" y="926"/>
                    </a:lnTo>
                    <a:lnTo>
                      <a:pt x="1262" y="908"/>
                    </a:lnTo>
                    <a:lnTo>
                      <a:pt x="1253" y="899"/>
                    </a:lnTo>
                    <a:lnTo>
                      <a:pt x="1243" y="891"/>
                    </a:lnTo>
                    <a:lnTo>
                      <a:pt x="1231" y="884"/>
                    </a:lnTo>
                    <a:lnTo>
                      <a:pt x="1219" y="878"/>
                    </a:lnTo>
                    <a:lnTo>
                      <a:pt x="1195" y="869"/>
                    </a:lnTo>
                    <a:lnTo>
                      <a:pt x="1167" y="862"/>
                    </a:lnTo>
                    <a:lnTo>
                      <a:pt x="1142" y="855"/>
                    </a:lnTo>
                    <a:lnTo>
                      <a:pt x="1114" y="847"/>
                    </a:lnTo>
                    <a:lnTo>
                      <a:pt x="1103" y="844"/>
                    </a:lnTo>
                    <a:lnTo>
                      <a:pt x="1091" y="837"/>
                    </a:lnTo>
                    <a:lnTo>
                      <a:pt x="1079" y="831"/>
                    </a:lnTo>
                    <a:lnTo>
                      <a:pt x="1069" y="823"/>
                    </a:lnTo>
                    <a:lnTo>
                      <a:pt x="1043" y="799"/>
                    </a:lnTo>
                    <a:lnTo>
                      <a:pt x="1025" y="785"/>
                    </a:lnTo>
                    <a:lnTo>
                      <a:pt x="1016" y="780"/>
                    </a:lnTo>
                    <a:lnTo>
                      <a:pt x="1004" y="776"/>
                    </a:lnTo>
                    <a:lnTo>
                      <a:pt x="990" y="774"/>
                    </a:lnTo>
                    <a:lnTo>
                      <a:pt x="971" y="772"/>
                    </a:lnTo>
                    <a:lnTo>
                      <a:pt x="949" y="784"/>
                    </a:lnTo>
                    <a:lnTo>
                      <a:pt x="921" y="794"/>
                    </a:lnTo>
                    <a:lnTo>
                      <a:pt x="907" y="799"/>
                    </a:lnTo>
                    <a:lnTo>
                      <a:pt x="894" y="803"/>
                    </a:lnTo>
                    <a:lnTo>
                      <a:pt x="881" y="806"/>
                    </a:lnTo>
                    <a:lnTo>
                      <a:pt x="868" y="807"/>
                    </a:lnTo>
                    <a:lnTo>
                      <a:pt x="847" y="803"/>
                    </a:lnTo>
                    <a:lnTo>
                      <a:pt x="827" y="797"/>
                    </a:lnTo>
                    <a:lnTo>
                      <a:pt x="816" y="796"/>
                    </a:lnTo>
                    <a:lnTo>
                      <a:pt x="806" y="796"/>
                    </a:lnTo>
                    <a:lnTo>
                      <a:pt x="801" y="796"/>
                    </a:lnTo>
                    <a:lnTo>
                      <a:pt x="796" y="798"/>
                    </a:lnTo>
                    <a:lnTo>
                      <a:pt x="790" y="801"/>
                    </a:lnTo>
                    <a:lnTo>
                      <a:pt x="785" y="803"/>
                    </a:lnTo>
                    <a:lnTo>
                      <a:pt x="778" y="810"/>
                    </a:lnTo>
                    <a:lnTo>
                      <a:pt x="770" y="812"/>
                    </a:lnTo>
                    <a:lnTo>
                      <a:pt x="762" y="814"/>
                    </a:lnTo>
                    <a:lnTo>
                      <a:pt x="755" y="815"/>
                    </a:lnTo>
                    <a:lnTo>
                      <a:pt x="741" y="812"/>
                    </a:lnTo>
                    <a:lnTo>
                      <a:pt x="723" y="811"/>
                    </a:lnTo>
                    <a:lnTo>
                      <a:pt x="702" y="812"/>
                    </a:lnTo>
                    <a:lnTo>
                      <a:pt x="683" y="815"/>
                    </a:lnTo>
                    <a:lnTo>
                      <a:pt x="664" y="818"/>
                    </a:lnTo>
                    <a:lnTo>
                      <a:pt x="643" y="819"/>
                    </a:lnTo>
                    <a:lnTo>
                      <a:pt x="595" y="818"/>
                    </a:lnTo>
                    <a:lnTo>
                      <a:pt x="546" y="815"/>
                    </a:lnTo>
                    <a:lnTo>
                      <a:pt x="496" y="812"/>
                    </a:lnTo>
                    <a:lnTo>
                      <a:pt x="447" y="809"/>
                    </a:lnTo>
                    <a:lnTo>
                      <a:pt x="398" y="807"/>
                    </a:lnTo>
                    <a:lnTo>
                      <a:pt x="349" y="807"/>
                    </a:lnTo>
                    <a:lnTo>
                      <a:pt x="324" y="809"/>
                    </a:lnTo>
                    <a:lnTo>
                      <a:pt x="299" y="810"/>
                    </a:lnTo>
                    <a:lnTo>
                      <a:pt x="276" y="812"/>
                    </a:lnTo>
                    <a:lnTo>
                      <a:pt x="252" y="816"/>
                    </a:lnTo>
                    <a:lnTo>
                      <a:pt x="241" y="819"/>
                    </a:lnTo>
                    <a:lnTo>
                      <a:pt x="231" y="823"/>
                    </a:lnTo>
                    <a:lnTo>
                      <a:pt x="220" y="828"/>
                    </a:lnTo>
                    <a:lnTo>
                      <a:pt x="211" y="834"/>
                    </a:lnTo>
                    <a:lnTo>
                      <a:pt x="201" y="842"/>
                    </a:lnTo>
                    <a:lnTo>
                      <a:pt x="192" y="850"/>
                    </a:lnTo>
                    <a:lnTo>
                      <a:pt x="183" y="859"/>
                    </a:lnTo>
                    <a:lnTo>
                      <a:pt x="174" y="869"/>
                    </a:lnTo>
                    <a:lnTo>
                      <a:pt x="140" y="910"/>
                    </a:lnTo>
                    <a:lnTo>
                      <a:pt x="110" y="947"/>
                    </a:lnTo>
                    <a:lnTo>
                      <a:pt x="25" y="950"/>
                    </a:lnTo>
                    <a:lnTo>
                      <a:pt x="25" y="950"/>
                    </a:lnTo>
                    <a:close/>
                  </a:path>
                </a:pathLst>
              </a:custGeom>
              <a:solidFill>
                <a:schemeClr val="bg1">
                  <a:lumMod val="65000"/>
                </a:schemeClr>
              </a:solidFill>
              <a:ln w="3175">
                <a:noFill/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69" name="Freeform 64"/>
              <p:cNvSpPr>
                <a:spLocks/>
              </p:cNvSpPr>
              <p:nvPr/>
            </p:nvSpPr>
            <p:spPr bwMode="auto">
              <a:xfrm>
                <a:off x="8641435" y="2705975"/>
                <a:ext cx="670382" cy="520216"/>
              </a:xfrm>
              <a:custGeom>
                <a:avLst/>
                <a:gdLst/>
                <a:ahLst/>
                <a:cxnLst>
                  <a:cxn ang="0">
                    <a:pos x="149" y="630"/>
                  </a:cxn>
                  <a:cxn ang="0">
                    <a:pos x="201" y="649"/>
                  </a:cxn>
                  <a:cxn ang="0">
                    <a:pos x="277" y="676"/>
                  </a:cxn>
                  <a:cxn ang="0">
                    <a:pos x="355" y="678"/>
                  </a:cxn>
                  <a:cxn ang="0">
                    <a:pos x="431" y="678"/>
                  </a:cxn>
                  <a:cxn ang="0">
                    <a:pos x="471" y="702"/>
                  </a:cxn>
                  <a:cxn ang="0">
                    <a:pos x="490" y="759"/>
                  </a:cxn>
                  <a:cxn ang="0">
                    <a:pos x="479" y="838"/>
                  </a:cxn>
                  <a:cxn ang="0">
                    <a:pos x="554" y="1000"/>
                  </a:cxn>
                  <a:cxn ang="0">
                    <a:pos x="637" y="1021"/>
                  </a:cxn>
                  <a:cxn ang="0">
                    <a:pos x="681" y="1051"/>
                  </a:cxn>
                  <a:cxn ang="0">
                    <a:pos x="719" y="1138"/>
                  </a:cxn>
                  <a:cxn ang="0">
                    <a:pos x="772" y="1136"/>
                  </a:cxn>
                  <a:cxn ang="0">
                    <a:pos x="852" y="1139"/>
                  </a:cxn>
                  <a:cxn ang="0">
                    <a:pos x="903" y="1135"/>
                  </a:cxn>
                  <a:cxn ang="0">
                    <a:pos x="966" y="1095"/>
                  </a:cxn>
                  <a:cxn ang="0">
                    <a:pos x="1013" y="1092"/>
                  </a:cxn>
                  <a:cxn ang="0">
                    <a:pos x="1049" y="1087"/>
                  </a:cxn>
                  <a:cxn ang="0">
                    <a:pos x="1045" y="1070"/>
                  </a:cxn>
                  <a:cxn ang="0">
                    <a:pos x="1025" y="1046"/>
                  </a:cxn>
                  <a:cxn ang="0">
                    <a:pos x="1036" y="1025"/>
                  </a:cxn>
                  <a:cxn ang="0">
                    <a:pos x="1135" y="991"/>
                  </a:cxn>
                  <a:cxn ang="0">
                    <a:pos x="1176" y="990"/>
                  </a:cxn>
                  <a:cxn ang="0">
                    <a:pos x="1256" y="1021"/>
                  </a:cxn>
                  <a:cxn ang="0">
                    <a:pos x="1285" y="1012"/>
                  </a:cxn>
                  <a:cxn ang="0">
                    <a:pos x="1289" y="989"/>
                  </a:cxn>
                  <a:cxn ang="0">
                    <a:pos x="1263" y="964"/>
                  </a:cxn>
                  <a:cxn ang="0">
                    <a:pos x="1256" y="933"/>
                  </a:cxn>
                  <a:cxn ang="0">
                    <a:pos x="1277" y="838"/>
                  </a:cxn>
                  <a:cxn ang="0">
                    <a:pos x="1268" y="750"/>
                  </a:cxn>
                  <a:cxn ang="0">
                    <a:pos x="1268" y="698"/>
                  </a:cxn>
                  <a:cxn ang="0">
                    <a:pos x="1306" y="670"/>
                  </a:cxn>
                  <a:cxn ang="0">
                    <a:pos x="1355" y="674"/>
                  </a:cxn>
                  <a:cxn ang="0">
                    <a:pos x="1390" y="654"/>
                  </a:cxn>
                  <a:cxn ang="0">
                    <a:pos x="1411" y="600"/>
                  </a:cxn>
                  <a:cxn ang="0">
                    <a:pos x="1411" y="560"/>
                  </a:cxn>
                  <a:cxn ang="0">
                    <a:pos x="1461" y="508"/>
                  </a:cxn>
                  <a:cxn ang="0">
                    <a:pos x="1468" y="474"/>
                  </a:cxn>
                  <a:cxn ang="0">
                    <a:pos x="1426" y="438"/>
                  </a:cxn>
                  <a:cxn ang="0">
                    <a:pos x="1416" y="399"/>
                  </a:cxn>
                  <a:cxn ang="0">
                    <a:pos x="1431" y="363"/>
                  </a:cxn>
                  <a:cxn ang="0">
                    <a:pos x="1429" y="288"/>
                  </a:cxn>
                  <a:cxn ang="0">
                    <a:pos x="1284" y="184"/>
                  </a:cxn>
                  <a:cxn ang="0">
                    <a:pos x="1218" y="119"/>
                  </a:cxn>
                  <a:cxn ang="0">
                    <a:pos x="1117" y="83"/>
                  </a:cxn>
                  <a:cxn ang="0">
                    <a:pos x="1044" y="51"/>
                  </a:cxn>
                  <a:cxn ang="0">
                    <a:pos x="965" y="2"/>
                  </a:cxn>
                  <a:cxn ang="0">
                    <a:pos x="869" y="31"/>
                  </a:cxn>
                  <a:cxn ang="0">
                    <a:pos x="791" y="24"/>
                  </a:cxn>
                  <a:cxn ang="0">
                    <a:pos x="760" y="31"/>
                  </a:cxn>
                  <a:cxn ang="0">
                    <a:pos x="716" y="40"/>
                  </a:cxn>
                  <a:cxn ang="0">
                    <a:pos x="618" y="47"/>
                  </a:cxn>
                  <a:cxn ang="0">
                    <a:pos x="373" y="35"/>
                  </a:cxn>
                  <a:cxn ang="0">
                    <a:pos x="227" y="44"/>
                  </a:cxn>
                  <a:cxn ang="0">
                    <a:pos x="176" y="70"/>
                  </a:cxn>
                  <a:cxn ang="0">
                    <a:pos x="85" y="175"/>
                  </a:cxn>
                  <a:cxn ang="0">
                    <a:pos x="28" y="276"/>
                  </a:cxn>
                  <a:cxn ang="0">
                    <a:pos x="56" y="399"/>
                  </a:cxn>
                  <a:cxn ang="0">
                    <a:pos x="62" y="495"/>
                  </a:cxn>
                  <a:cxn ang="0">
                    <a:pos x="81" y="557"/>
                  </a:cxn>
                </a:cxnLst>
                <a:rect l="0" t="0" r="r" b="b"/>
                <a:pathLst>
                  <a:path w="1472" h="1153">
                    <a:moveTo>
                      <a:pt x="81" y="560"/>
                    </a:moveTo>
                    <a:lnTo>
                      <a:pt x="120" y="600"/>
                    </a:lnTo>
                    <a:lnTo>
                      <a:pt x="132" y="612"/>
                    </a:lnTo>
                    <a:lnTo>
                      <a:pt x="144" y="623"/>
                    </a:lnTo>
                    <a:lnTo>
                      <a:pt x="149" y="630"/>
                    </a:lnTo>
                    <a:lnTo>
                      <a:pt x="155" y="635"/>
                    </a:lnTo>
                    <a:lnTo>
                      <a:pt x="163" y="639"/>
                    </a:lnTo>
                    <a:lnTo>
                      <a:pt x="171" y="643"/>
                    </a:lnTo>
                    <a:lnTo>
                      <a:pt x="185" y="648"/>
                    </a:lnTo>
                    <a:lnTo>
                      <a:pt x="201" y="649"/>
                    </a:lnTo>
                    <a:lnTo>
                      <a:pt x="216" y="652"/>
                    </a:lnTo>
                    <a:lnTo>
                      <a:pt x="232" y="657"/>
                    </a:lnTo>
                    <a:lnTo>
                      <a:pt x="249" y="666"/>
                    </a:lnTo>
                    <a:lnTo>
                      <a:pt x="263" y="673"/>
                    </a:lnTo>
                    <a:lnTo>
                      <a:pt x="277" y="676"/>
                    </a:lnTo>
                    <a:lnTo>
                      <a:pt x="290" y="680"/>
                    </a:lnTo>
                    <a:lnTo>
                      <a:pt x="304" y="682"/>
                    </a:lnTo>
                    <a:lnTo>
                      <a:pt x="319" y="682"/>
                    </a:lnTo>
                    <a:lnTo>
                      <a:pt x="335" y="680"/>
                    </a:lnTo>
                    <a:lnTo>
                      <a:pt x="355" y="678"/>
                    </a:lnTo>
                    <a:lnTo>
                      <a:pt x="378" y="675"/>
                    </a:lnTo>
                    <a:lnTo>
                      <a:pt x="400" y="674"/>
                    </a:lnTo>
                    <a:lnTo>
                      <a:pt x="412" y="675"/>
                    </a:lnTo>
                    <a:lnTo>
                      <a:pt x="422" y="675"/>
                    </a:lnTo>
                    <a:lnTo>
                      <a:pt x="431" y="678"/>
                    </a:lnTo>
                    <a:lnTo>
                      <a:pt x="440" y="680"/>
                    </a:lnTo>
                    <a:lnTo>
                      <a:pt x="449" y="684"/>
                    </a:lnTo>
                    <a:lnTo>
                      <a:pt x="457" y="689"/>
                    </a:lnTo>
                    <a:lnTo>
                      <a:pt x="465" y="696"/>
                    </a:lnTo>
                    <a:lnTo>
                      <a:pt x="471" y="702"/>
                    </a:lnTo>
                    <a:lnTo>
                      <a:pt x="477" y="711"/>
                    </a:lnTo>
                    <a:lnTo>
                      <a:pt x="482" y="722"/>
                    </a:lnTo>
                    <a:lnTo>
                      <a:pt x="486" y="733"/>
                    </a:lnTo>
                    <a:lnTo>
                      <a:pt x="488" y="748"/>
                    </a:lnTo>
                    <a:lnTo>
                      <a:pt x="490" y="759"/>
                    </a:lnTo>
                    <a:lnTo>
                      <a:pt x="491" y="771"/>
                    </a:lnTo>
                    <a:lnTo>
                      <a:pt x="491" y="781"/>
                    </a:lnTo>
                    <a:lnTo>
                      <a:pt x="490" y="793"/>
                    </a:lnTo>
                    <a:lnTo>
                      <a:pt x="486" y="816"/>
                    </a:lnTo>
                    <a:lnTo>
                      <a:pt x="479" y="838"/>
                    </a:lnTo>
                    <a:lnTo>
                      <a:pt x="465" y="884"/>
                    </a:lnTo>
                    <a:lnTo>
                      <a:pt x="451" y="928"/>
                    </a:lnTo>
                    <a:lnTo>
                      <a:pt x="456" y="1000"/>
                    </a:lnTo>
                    <a:lnTo>
                      <a:pt x="508" y="999"/>
                    </a:lnTo>
                    <a:lnTo>
                      <a:pt x="554" y="1000"/>
                    </a:lnTo>
                    <a:lnTo>
                      <a:pt x="578" y="1003"/>
                    </a:lnTo>
                    <a:lnTo>
                      <a:pt x="601" y="1008"/>
                    </a:lnTo>
                    <a:lnTo>
                      <a:pt x="613" y="1012"/>
                    </a:lnTo>
                    <a:lnTo>
                      <a:pt x="624" y="1016"/>
                    </a:lnTo>
                    <a:lnTo>
                      <a:pt x="637" y="1021"/>
                    </a:lnTo>
                    <a:lnTo>
                      <a:pt x="650" y="1028"/>
                    </a:lnTo>
                    <a:lnTo>
                      <a:pt x="661" y="1034"/>
                    </a:lnTo>
                    <a:lnTo>
                      <a:pt x="668" y="1039"/>
                    </a:lnTo>
                    <a:lnTo>
                      <a:pt x="676" y="1044"/>
                    </a:lnTo>
                    <a:lnTo>
                      <a:pt x="681" y="1051"/>
                    </a:lnTo>
                    <a:lnTo>
                      <a:pt x="692" y="1065"/>
                    </a:lnTo>
                    <a:lnTo>
                      <a:pt x="702" y="1083"/>
                    </a:lnTo>
                    <a:lnTo>
                      <a:pt x="708" y="1099"/>
                    </a:lnTo>
                    <a:lnTo>
                      <a:pt x="715" y="1117"/>
                    </a:lnTo>
                    <a:lnTo>
                      <a:pt x="719" y="1138"/>
                    </a:lnTo>
                    <a:lnTo>
                      <a:pt x="720" y="1153"/>
                    </a:lnTo>
                    <a:lnTo>
                      <a:pt x="737" y="1149"/>
                    </a:lnTo>
                    <a:lnTo>
                      <a:pt x="750" y="1145"/>
                    </a:lnTo>
                    <a:lnTo>
                      <a:pt x="762" y="1142"/>
                    </a:lnTo>
                    <a:lnTo>
                      <a:pt x="772" y="1136"/>
                    </a:lnTo>
                    <a:lnTo>
                      <a:pt x="782" y="1134"/>
                    </a:lnTo>
                    <a:lnTo>
                      <a:pt x="795" y="1132"/>
                    </a:lnTo>
                    <a:lnTo>
                      <a:pt x="811" y="1132"/>
                    </a:lnTo>
                    <a:lnTo>
                      <a:pt x="830" y="1135"/>
                    </a:lnTo>
                    <a:lnTo>
                      <a:pt x="852" y="1139"/>
                    </a:lnTo>
                    <a:lnTo>
                      <a:pt x="872" y="1140"/>
                    </a:lnTo>
                    <a:lnTo>
                      <a:pt x="881" y="1140"/>
                    </a:lnTo>
                    <a:lnTo>
                      <a:pt x="889" y="1139"/>
                    </a:lnTo>
                    <a:lnTo>
                      <a:pt x="895" y="1138"/>
                    </a:lnTo>
                    <a:lnTo>
                      <a:pt x="903" y="1135"/>
                    </a:lnTo>
                    <a:lnTo>
                      <a:pt x="916" y="1130"/>
                    </a:lnTo>
                    <a:lnTo>
                      <a:pt x="930" y="1121"/>
                    </a:lnTo>
                    <a:lnTo>
                      <a:pt x="946" y="1110"/>
                    </a:lnTo>
                    <a:lnTo>
                      <a:pt x="962" y="1099"/>
                    </a:lnTo>
                    <a:lnTo>
                      <a:pt x="966" y="1095"/>
                    </a:lnTo>
                    <a:lnTo>
                      <a:pt x="973" y="1094"/>
                    </a:lnTo>
                    <a:lnTo>
                      <a:pt x="978" y="1092"/>
                    </a:lnTo>
                    <a:lnTo>
                      <a:pt x="984" y="1091"/>
                    </a:lnTo>
                    <a:lnTo>
                      <a:pt x="999" y="1092"/>
                    </a:lnTo>
                    <a:lnTo>
                      <a:pt x="1013" y="1092"/>
                    </a:lnTo>
                    <a:lnTo>
                      <a:pt x="1026" y="1094"/>
                    </a:lnTo>
                    <a:lnTo>
                      <a:pt x="1038" y="1092"/>
                    </a:lnTo>
                    <a:lnTo>
                      <a:pt x="1043" y="1092"/>
                    </a:lnTo>
                    <a:lnTo>
                      <a:pt x="1047" y="1090"/>
                    </a:lnTo>
                    <a:lnTo>
                      <a:pt x="1049" y="1087"/>
                    </a:lnTo>
                    <a:lnTo>
                      <a:pt x="1052" y="1085"/>
                    </a:lnTo>
                    <a:lnTo>
                      <a:pt x="1052" y="1081"/>
                    </a:lnTo>
                    <a:lnTo>
                      <a:pt x="1050" y="1078"/>
                    </a:lnTo>
                    <a:lnTo>
                      <a:pt x="1049" y="1074"/>
                    </a:lnTo>
                    <a:lnTo>
                      <a:pt x="1045" y="1070"/>
                    </a:lnTo>
                    <a:lnTo>
                      <a:pt x="1039" y="1064"/>
                    </a:lnTo>
                    <a:lnTo>
                      <a:pt x="1031" y="1056"/>
                    </a:lnTo>
                    <a:lnTo>
                      <a:pt x="1028" y="1052"/>
                    </a:lnTo>
                    <a:lnTo>
                      <a:pt x="1026" y="1048"/>
                    </a:lnTo>
                    <a:lnTo>
                      <a:pt x="1025" y="1046"/>
                    </a:lnTo>
                    <a:lnTo>
                      <a:pt x="1023" y="1042"/>
                    </a:lnTo>
                    <a:lnTo>
                      <a:pt x="1025" y="1038"/>
                    </a:lnTo>
                    <a:lnTo>
                      <a:pt x="1026" y="1034"/>
                    </a:lnTo>
                    <a:lnTo>
                      <a:pt x="1030" y="1029"/>
                    </a:lnTo>
                    <a:lnTo>
                      <a:pt x="1036" y="1025"/>
                    </a:lnTo>
                    <a:lnTo>
                      <a:pt x="1052" y="1025"/>
                    </a:lnTo>
                    <a:lnTo>
                      <a:pt x="1065" y="1026"/>
                    </a:lnTo>
                    <a:lnTo>
                      <a:pt x="1100" y="1009"/>
                    </a:lnTo>
                    <a:lnTo>
                      <a:pt x="1127" y="995"/>
                    </a:lnTo>
                    <a:lnTo>
                      <a:pt x="1135" y="991"/>
                    </a:lnTo>
                    <a:lnTo>
                      <a:pt x="1141" y="990"/>
                    </a:lnTo>
                    <a:lnTo>
                      <a:pt x="1149" y="989"/>
                    </a:lnTo>
                    <a:lnTo>
                      <a:pt x="1158" y="987"/>
                    </a:lnTo>
                    <a:lnTo>
                      <a:pt x="1167" y="989"/>
                    </a:lnTo>
                    <a:lnTo>
                      <a:pt x="1176" y="990"/>
                    </a:lnTo>
                    <a:lnTo>
                      <a:pt x="1188" y="993"/>
                    </a:lnTo>
                    <a:lnTo>
                      <a:pt x="1199" y="996"/>
                    </a:lnTo>
                    <a:lnTo>
                      <a:pt x="1221" y="1007"/>
                    </a:lnTo>
                    <a:lnTo>
                      <a:pt x="1249" y="1018"/>
                    </a:lnTo>
                    <a:lnTo>
                      <a:pt x="1256" y="1021"/>
                    </a:lnTo>
                    <a:lnTo>
                      <a:pt x="1263" y="1021"/>
                    </a:lnTo>
                    <a:lnTo>
                      <a:pt x="1269" y="1021"/>
                    </a:lnTo>
                    <a:lnTo>
                      <a:pt x="1275" y="1020"/>
                    </a:lnTo>
                    <a:lnTo>
                      <a:pt x="1280" y="1017"/>
                    </a:lnTo>
                    <a:lnTo>
                      <a:pt x="1285" y="1012"/>
                    </a:lnTo>
                    <a:lnTo>
                      <a:pt x="1288" y="1006"/>
                    </a:lnTo>
                    <a:lnTo>
                      <a:pt x="1290" y="998"/>
                    </a:lnTo>
                    <a:lnTo>
                      <a:pt x="1290" y="994"/>
                    </a:lnTo>
                    <a:lnTo>
                      <a:pt x="1290" y="991"/>
                    </a:lnTo>
                    <a:lnTo>
                      <a:pt x="1289" y="989"/>
                    </a:lnTo>
                    <a:lnTo>
                      <a:pt x="1286" y="986"/>
                    </a:lnTo>
                    <a:lnTo>
                      <a:pt x="1281" y="981"/>
                    </a:lnTo>
                    <a:lnTo>
                      <a:pt x="1275" y="976"/>
                    </a:lnTo>
                    <a:lnTo>
                      <a:pt x="1268" y="969"/>
                    </a:lnTo>
                    <a:lnTo>
                      <a:pt x="1263" y="964"/>
                    </a:lnTo>
                    <a:lnTo>
                      <a:pt x="1260" y="960"/>
                    </a:lnTo>
                    <a:lnTo>
                      <a:pt x="1259" y="956"/>
                    </a:lnTo>
                    <a:lnTo>
                      <a:pt x="1258" y="952"/>
                    </a:lnTo>
                    <a:lnTo>
                      <a:pt x="1256" y="949"/>
                    </a:lnTo>
                    <a:lnTo>
                      <a:pt x="1256" y="933"/>
                    </a:lnTo>
                    <a:lnTo>
                      <a:pt x="1258" y="919"/>
                    </a:lnTo>
                    <a:lnTo>
                      <a:pt x="1260" y="904"/>
                    </a:lnTo>
                    <a:lnTo>
                      <a:pt x="1264" y="892"/>
                    </a:lnTo>
                    <a:lnTo>
                      <a:pt x="1272" y="866"/>
                    </a:lnTo>
                    <a:lnTo>
                      <a:pt x="1277" y="838"/>
                    </a:lnTo>
                    <a:lnTo>
                      <a:pt x="1278" y="820"/>
                    </a:lnTo>
                    <a:lnTo>
                      <a:pt x="1277" y="803"/>
                    </a:lnTo>
                    <a:lnTo>
                      <a:pt x="1275" y="785"/>
                    </a:lnTo>
                    <a:lnTo>
                      <a:pt x="1271" y="767"/>
                    </a:lnTo>
                    <a:lnTo>
                      <a:pt x="1268" y="750"/>
                    </a:lnTo>
                    <a:lnTo>
                      <a:pt x="1266" y="733"/>
                    </a:lnTo>
                    <a:lnTo>
                      <a:pt x="1266" y="724"/>
                    </a:lnTo>
                    <a:lnTo>
                      <a:pt x="1266" y="715"/>
                    </a:lnTo>
                    <a:lnTo>
                      <a:pt x="1267" y="708"/>
                    </a:lnTo>
                    <a:lnTo>
                      <a:pt x="1268" y="698"/>
                    </a:lnTo>
                    <a:lnTo>
                      <a:pt x="1276" y="688"/>
                    </a:lnTo>
                    <a:lnTo>
                      <a:pt x="1284" y="680"/>
                    </a:lnTo>
                    <a:lnTo>
                      <a:pt x="1291" y="675"/>
                    </a:lnTo>
                    <a:lnTo>
                      <a:pt x="1298" y="671"/>
                    </a:lnTo>
                    <a:lnTo>
                      <a:pt x="1306" y="670"/>
                    </a:lnTo>
                    <a:lnTo>
                      <a:pt x="1313" y="669"/>
                    </a:lnTo>
                    <a:lnTo>
                      <a:pt x="1320" y="670"/>
                    </a:lnTo>
                    <a:lnTo>
                      <a:pt x="1328" y="670"/>
                    </a:lnTo>
                    <a:lnTo>
                      <a:pt x="1341" y="673"/>
                    </a:lnTo>
                    <a:lnTo>
                      <a:pt x="1355" y="674"/>
                    </a:lnTo>
                    <a:lnTo>
                      <a:pt x="1361" y="674"/>
                    </a:lnTo>
                    <a:lnTo>
                      <a:pt x="1369" y="671"/>
                    </a:lnTo>
                    <a:lnTo>
                      <a:pt x="1376" y="667"/>
                    </a:lnTo>
                    <a:lnTo>
                      <a:pt x="1382" y="662"/>
                    </a:lnTo>
                    <a:lnTo>
                      <a:pt x="1390" y="654"/>
                    </a:lnTo>
                    <a:lnTo>
                      <a:pt x="1396" y="644"/>
                    </a:lnTo>
                    <a:lnTo>
                      <a:pt x="1402" y="634"/>
                    </a:lnTo>
                    <a:lnTo>
                      <a:pt x="1405" y="623"/>
                    </a:lnTo>
                    <a:lnTo>
                      <a:pt x="1409" y="612"/>
                    </a:lnTo>
                    <a:lnTo>
                      <a:pt x="1411" y="600"/>
                    </a:lnTo>
                    <a:lnTo>
                      <a:pt x="1412" y="588"/>
                    </a:lnTo>
                    <a:lnTo>
                      <a:pt x="1411" y="578"/>
                    </a:lnTo>
                    <a:lnTo>
                      <a:pt x="1409" y="572"/>
                    </a:lnTo>
                    <a:lnTo>
                      <a:pt x="1409" y="565"/>
                    </a:lnTo>
                    <a:lnTo>
                      <a:pt x="1411" y="560"/>
                    </a:lnTo>
                    <a:lnTo>
                      <a:pt x="1413" y="555"/>
                    </a:lnTo>
                    <a:lnTo>
                      <a:pt x="1418" y="547"/>
                    </a:lnTo>
                    <a:lnTo>
                      <a:pt x="1425" y="539"/>
                    </a:lnTo>
                    <a:lnTo>
                      <a:pt x="1443" y="525"/>
                    </a:lnTo>
                    <a:lnTo>
                      <a:pt x="1461" y="508"/>
                    </a:lnTo>
                    <a:lnTo>
                      <a:pt x="1468" y="499"/>
                    </a:lnTo>
                    <a:lnTo>
                      <a:pt x="1472" y="493"/>
                    </a:lnTo>
                    <a:lnTo>
                      <a:pt x="1472" y="485"/>
                    </a:lnTo>
                    <a:lnTo>
                      <a:pt x="1472" y="480"/>
                    </a:lnTo>
                    <a:lnTo>
                      <a:pt x="1468" y="474"/>
                    </a:lnTo>
                    <a:lnTo>
                      <a:pt x="1464" y="469"/>
                    </a:lnTo>
                    <a:lnTo>
                      <a:pt x="1459" y="464"/>
                    </a:lnTo>
                    <a:lnTo>
                      <a:pt x="1452" y="459"/>
                    </a:lnTo>
                    <a:lnTo>
                      <a:pt x="1439" y="450"/>
                    </a:lnTo>
                    <a:lnTo>
                      <a:pt x="1426" y="438"/>
                    </a:lnTo>
                    <a:lnTo>
                      <a:pt x="1422" y="432"/>
                    </a:lnTo>
                    <a:lnTo>
                      <a:pt x="1418" y="425"/>
                    </a:lnTo>
                    <a:lnTo>
                      <a:pt x="1416" y="416"/>
                    </a:lnTo>
                    <a:lnTo>
                      <a:pt x="1415" y="407"/>
                    </a:lnTo>
                    <a:lnTo>
                      <a:pt x="1416" y="399"/>
                    </a:lnTo>
                    <a:lnTo>
                      <a:pt x="1418" y="393"/>
                    </a:lnTo>
                    <a:lnTo>
                      <a:pt x="1421" y="385"/>
                    </a:lnTo>
                    <a:lnTo>
                      <a:pt x="1425" y="379"/>
                    </a:lnTo>
                    <a:lnTo>
                      <a:pt x="1427" y="371"/>
                    </a:lnTo>
                    <a:lnTo>
                      <a:pt x="1431" y="363"/>
                    </a:lnTo>
                    <a:lnTo>
                      <a:pt x="1434" y="355"/>
                    </a:lnTo>
                    <a:lnTo>
                      <a:pt x="1434" y="346"/>
                    </a:lnTo>
                    <a:lnTo>
                      <a:pt x="1434" y="328"/>
                    </a:lnTo>
                    <a:lnTo>
                      <a:pt x="1431" y="309"/>
                    </a:lnTo>
                    <a:lnTo>
                      <a:pt x="1429" y="288"/>
                    </a:lnTo>
                    <a:lnTo>
                      <a:pt x="1427" y="268"/>
                    </a:lnTo>
                    <a:lnTo>
                      <a:pt x="1370" y="249"/>
                    </a:lnTo>
                    <a:lnTo>
                      <a:pt x="1334" y="223"/>
                    </a:lnTo>
                    <a:lnTo>
                      <a:pt x="1301" y="197"/>
                    </a:lnTo>
                    <a:lnTo>
                      <a:pt x="1284" y="184"/>
                    </a:lnTo>
                    <a:lnTo>
                      <a:pt x="1268" y="170"/>
                    </a:lnTo>
                    <a:lnTo>
                      <a:pt x="1253" y="154"/>
                    </a:lnTo>
                    <a:lnTo>
                      <a:pt x="1237" y="136"/>
                    </a:lnTo>
                    <a:lnTo>
                      <a:pt x="1228" y="127"/>
                    </a:lnTo>
                    <a:lnTo>
                      <a:pt x="1218" y="119"/>
                    </a:lnTo>
                    <a:lnTo>
                      <a:pt x="1206" y="112"/>
                    </a:lnTo>
                    <a:lnTo>
                      <a:pt x="1194" y="106"/>
                    </a:lnTo>
                    <a:lnTo>
                      <a:pt x="1170" y="97"/>
                    </a:lnTo>
                    <a:lnTo>
                      <a:pt x="1142" y="90"/>
                    </a:lnTo>
                    <a:lnTo>
                      <a:pt x="1117" y="83"/>
                    </a:lnTo>
                    <a:lnTo>
                      <a:pt x="1089" y="75"/>
                    </a:lnTo>
                    <a:lnTo>
                      <a:pt x="1078" y="72"/>
                    </a:lnTo>
                    <a:lnTo>
                      <a:pt x="1066" y="65"/>
                    </a:lnTo>
                    <a:lnTo>
                      <a:pt x="1054" y="59"/>
                    </a:lnTo>
                    <a:lnTo>
                      <a:pt x="1044" y="51"/>
                    </a:lnTo>
                    <a:lnTo>
                      <a:pt x="1018" y="27"/>
                    </a:lnTo>
                    <a:lnTo>
                      <a:pt x="1000" y="13"/>
                    </a:lnTo>
                    <a:lnTo>
                      <a:pt x="991" y="8"/>
                    </a:lnTo>
                    <a:lnTo>
                      <a:pt x="979" y="4"/>
                    </a:lnTo>
                    <a:lnTo>
                      <a:pt x="965" y="2"/>
                    </a:lnTo>
                    <a:lnTo>
                      <a:pt x="946" y="0"/>
                    </a:lnTo>
                    <a:lnTo>
                      <a:pt x="924" y="12"/>
                    </a:lnTo>
                    <a:lnTo>
                      <a:pt x="896" y="22"/>
                    </a:lnTo>
                    <a:lnTo>
                      <a:pt x="882" y="27"/>
                    </a:lnTo>
                    <a:lnTo>
                      <a:pt x="869" y="31"/>
                    </a:lnTo>
                    <a:lnTo>
                      <a:pt x="856" y="34"/>
                    </a:lnTo>
                    <a:lnTo>
                      <a:pt x="843" y="35"/>
                    </a:lnTo>
                    <a:lnTo>
                      <a:pt x="822" y="31"/>
                    </a:lnTo>
                    <a:lnTo>
                      <a:pt x="802" y="25"/>
                    </a:lnTo>
                    <a:lnTo>
                      <a:pt x="791" y="24"/>
                    </a:lnTo>
                    <a:lnTo>
                      <a:pt x="781" y="24"/>
                    </a:lnTo>
                    <a:lnTo>
                      <a:pt x="776" y="24"/>
                    </a:lnTo>
                    <a:lnTo>
                      <a:pt x="771" y="26"/>
                    </a:lnTo>
                    <a:lnTo>
                      <a:pt x="765" y="29"/>
                    </a:lnTo>
                    <a:lnTo>
                      <a:pt x="760" y="31"/>
                    </a:lnTo>
                    <a:lnTo>
                      <a:pt x="753" y="38"/>
                    </a:lnTo>
                    <a:lnTo>
                      <a:pt x="745" y="40"/>
                    </a:lnTo>
                    <a:lnTo>
                      <a:pt x="737" y="42"/>
                    </a:lnTo>
                    <a:lnTo>
                      <a:pt x="730" y="43"/>
                    </a:lnTo>
                    <a:lnTo>
                      <a:pt x="716" y="40"/>
                    </a:lnTo>
                    <a:lnTo>
                      <a:pt x="698" y="39"/>
                    </a:lnTo>
                    <a:lnTo>
                      <a:pt x="677" y="40"/>
                    </a:lnTo>
                    <a:lnTo>
                      <a:pt x="658" y="43"/>
                    </a:lnTo>
                    <a:lnTo>
                      <a:pt x="639" y="46"/>
                    </a:lnTo>
                    <a:lnTo>
                      <a:pt x="618" y="47"/>
                    </a:lnTo>
                    <a:lnTo>
                      <a:pt x="570" y="46"/>
                    </a:lnTo>
                    <a:lnTo>
                      <a:pt x="521" y="43"/>
                    </a:lnTo>
                    <a:lnTo>
                      <a:pt x="471" y="40"/>
                    </a:lnTo>
                    <a:lnTo>
                      <a:pt x="422" y="37"/>
                    </a:lnTo>
                    <a:lnTo>
                      <a:pt x="373" y="35"/>
                    </a:lnTo>
                    <a:lnTo>
                      <a:pt x="324" y="35"/>
                    </a:lnTo>
                    <a:lnTo>
                      <a:pt x="299" y="37"/>
                    </a:lnTo>
                    <a:lnTo>
                      <a:pt x="274" y="38"/>
                    </a:lnTo>
                    <a:lnTo>
                      <a:pt x="251" y="40"/>
                    </a:lnTo>
                    <a:lnTo>
                      <a:pt x="227" y="44"/>
                    </a:lnTo>
                    <a:lnTo>
                      <a:pt x="216" y="47"/>
                    </a:lnTo>
                    <a:lnTo>
                      <a:pt x="206" y="51"/>
                    </a:lnTo>
                    <a:lnTo>
                      <a:pt x="195" y="56"/>
                    </a:lnTo>
                    <a:lnTo>
                      <a:pt x="186" y="62"/>
                    </a:lnTo>
                    <a:lnTo>
                      <a:pt x="176" y="70"/>
                    </a:lnTo>
                    <a:lnTo>
                      <a:pt x="167" y="78"/>
                    </a:lnTo>
                    <a:lnTo>
                      <a:pt x="158" y="87"/>
                    </a:lnTo>
                    <a:lnTo>
                      <a:pt x="149" y="97"/>
                    </a:lnTo>
                    <a:lnTo>
                      <a:pt x="115" y="138"/>
                    </a:lnTo>
                    <a:lnTo>
                      <a:pt x="85" y="175"/>
                    </a:lnTo>
                    <a:lnTo>
                      <a:pt x="0" y="178"/>
                    </a:lnTo>
                    <a:lnTo>
                      <a:pt x="5" y="202"/>
                    </a:lnTo>
                    <a:lnTo>
                      <a:pt x="13" y="227"/>
                    </a:lnTo>
                    <a:lnTo>
                      <a:pt x="21" y="252"/>
                    </a:lnTo>
                    <a:lnTo>
                      <a:pt x="28" y="276"/>
                    </a:lnTo>
                    <a:lnTo>
                      <a:pt x="36" y="301"/>
                    </a:lnTo>
                    <a:lnTo>
                      <a:pt x="44" y="324"/>
                    </a:lnTo>
                    <a:lnTo>
                      <a:pt x="49" y="349"/>
                    </a:lnTo>
                    <a:lnTo>
                      <a:pt x="53" y="373"/>
                    </a:lnTo>
                    <a:lnTo>
                      <a:pt x="56" y="399"/>
                    </a:lnTo>
                    <a:lnTo>
                      <a:pt x="56" y="424"/>
                    </a:lnTo>
                    <a:lnTo>
                      <a:pt x="56" y="450"/>
                    </a:lnTo>
                    <a:lnTo>
                      <a:pt x="57" y="474"/>
                    </a:lnTo>
                    <a:lnTo>
                      <a:pt x="59" y="485"/>
                    </a:lnTo>
                    <a:lnTo>
                      <a:pt x="62" y="495"/>
                    </a:lnTo>
                    <a:lnTo>
                      <a:pt x="65" y="505"/>
                    </a:lnTo>
                    <a:lnTo>
                      <a:pt x="68" y="516"/>
                    </a:lnTo>
                    <a:lnTo>
                      <a:pt x="76" y="534"/>
                    </a:lnTo>
                    <a:lnTo>
                      <a:pt x="80" y="553"/>
                    </a:lnTo>
                    <a:lnTo>
                      <a:pt x="81" y="557"/>
                    </a:lnTo>
                    <a:lnTo>
                      <a:pt x="81" y="560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solidFill>
                  <a:srgbClr val="FFFFFF"/>
                </a:solidFill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70" name="Freeform 68"/>
              <p:cNvSpPr>
                <a:spLocks noEditPoints="1"/>
              </p:cNvSpPr>
              <p:nvPr/>
            </p:nvSpPr>
            <p:spPr bwMode="auto">
              <a:xfrm>
                <a:off x="7785240" y="3063624"/>
                <a:ext cx="1297044" cy="1202999"/>
              </a:xfrm>
              <a:custGeom>
                <a:avLst/>
                <a:gdLst/>
                <a:ahLst/>
                <a:cxnLst>
                  <a:cxn ang="0">
                    <a:pos x="87" y="398"/>
                  </a:cxn>
                  <a:cxn ang="0">
                    <a:pos x="98" y="477"/>
                  </a:cxn>
                  <a:cxn ang="0">
                    <a:pos x="162" y="616"/>
                  </a:cxn>
                  <a:cxn ang="0">
                    <a:pos x="155" y="524"/>
                  </a:cxn>
                  <a:cxn ang="0">
                    <a:pos x="208" y="380"/>
                  </a:cxn>
                  <a:cxn ang="0">
                    <a:pos x="107" y="390"/>
                  </a:cxn>
                  <a:cxn ang="0">
                    <a:pos x="254" y="300"/>
                  </a:cxn>
                  <a:cxn ang="0">
                    <a:pos x="546" y="256"/>
                  </a:cxn>
                  <a:cxn ang="0">
                    <a:pos x="761" y="100"/>
                  </a:cxn>
                  <a:cxn ang="0">
                    <a:pos x="881" y="34"/>
                  </a:cxn>
                  <a:cxn ang="0">
                    <a:pos x="1155" y="0"/>
                  </a:cxn>
                  <a:cxn ang="0">
                    <a:pos x="1279" y="76"/>
                  </a:cxn>
                  <a:cxn ang="0">
                    <a:pos x="1178" y="16"/>
                  </a:cxn>
                  <a:cxn ang="0">
                    <a:pos x="1222" y="100"/>
                  </a:cxn>
                  <a:cxn ang="0">
                    <a:pos x="1377" y="230"/>
                  </a:cxn>
                  <a:cxn ang="0">
                    <a:pos x="1515" y="164"/>
                  </a:cxn>
                  <a:cxn ang="0">
                    <a:pos x="2047" y="214"/>
                  </a:cxn>
                  <a:cxn ang="0">
                    <a:pos x="2387" y="209"/>
                  </a:cxn>
                  <a:cxn ang="0">
                    <a:pos x="2571" y="275"/>
                  </a:cxn>
                  <a:cxn ang="0">
                    <a:pos x="2602" y="467"/>
                  </a:cxn>
                  <a:cxn ang="0">
                    <a:pos x="2718" y="713"/>
                  </a:cxn>
                  <a:cxn ang="0">
                    <a:pos x="2711" y="951"/>
                  </a:cxn>
                  <a:cxn ang="0">
                    <a:pos x="2568" y="1160"/>
                  </a:cxn>
                  <a:cxn ang="0">
                    <a:pos x="2655" y="1238"/>
                  </a:cxn>
                  <a:cxn ang="0">
                    <a:pos x="2687" y="1429"/>
                  </a:cxn>
                  <a:cxn ang="0">
                    <a:pos x="2730" y="1561"/>
                  </a:cxn>
                  <a:cxn ang="0">
                    <a:pos x="2742" y="1670"/>
                  </a:cxn>
                  <a:cxn ang="0">
                    <a:pos x="2814" y="1784"/>
                  </a:cxn>
                  <a:cxn ang="0">
                    <a:pos x="2808" y="1861"/>
                  </a:cxn>
                  <a:cxn ang="0">
                    <a:pos x="2837" y="1976"/>
                  </a:cxn>
                  <a:cxn ang="0">
                    <a:pos x="2559" y="2283"/>
                  </a:cxn>
                  <a:cxn ang="0">
                    <a:pos x="2479" y="2477"/>
                  </a:cxn>
                  <a:cxn ang="0">
                    <a:pos x="2305" y="2621"/>
                  </a:cxn>
                  <a:cxn ang="0">
                    <a:pos x="2153" y="2517"/>
                  </a:cxn>
                  <a:cxn ang="0">
                    <a:pos x="1920" y="2547"/>
                  </a:cxn>
                  <a:cxn ang="0">
                    <a:pos x="1804" y="2506"/>
                  </a:cxn>
                  <a:cxn ang="0">
                    <a:pos x="1631" y="2569"/>
                  </a:cxn>
                  <a:cxn ang="0">
                    <a:pos x="1538" y="2470"/>
                  </a:cxn>
                  <a:cxn ang="0">
                    <a:pos x="1410" y="2433"/>
                  </a:cxn>
                  <a:cxn ang="0">
                    <a:pos x="1318" y="2457"/>
                  </a:cxn>
                  <a:cxn ang="0">
                    <a:pos x="1216" y="2262"/>
                  </a:cxn>
                  <a:cxn ang="0">
                    <a:pos x="1103" y="2232"/>
                  </a:cxn>
                  <a:cxn ang="0">
                    <a:pos x="1025" y="2205"/>
                  </a:cxn>
                  <a:cxn ang="0">
                    <a:pos x="967" y="2113"/>
                  </a:cxn>
                  <a:cxn ang="0">
                    <a:pos x="896" y="2077"/>
                  </a:cxn>
                  <a:cxn ang="0">
                    <a:pos x="723" y="2039"/>
                  </a:cxn>
                  <a:cxn ang="0">
                    <a:pos x="696" y="2129"/>
                  </a:cxn>
                  <a:cxn ang="0">
                    <a:pos x="652" y="2168"/>
                  </a:cxn>
                  <a:cxn ang="0">
                    <a:pos x="548" y="2007"/>
                  </a:cxn>
                  <a:cxn ang="0">
                    <a:pos x="478" y="1907"/>
                  </a:cxn>
                  <a:cxn ang="0">
                    <a:pos x="283" y="1775"/>
                  </a:cxn>
                  <a:cxn ang="0">
                    <a:pos x="196" y="1766"/>
                  </a:cxn>
                  <a:cxn ang="0">
                    <a:pos x="98" y="1731"/>
                  </a:cxn>
                  <a:cxn ang="0">
                    <a:pos x="202" y="1561"/>
                  </a:cxn>
                  <a:cxn ang="0">
                    <a:pos x="139" y="1350"/>
                  </a:cxn>
                  <a:cxn ang="0">
                    <a:pos x="127" y="1156"/>
                  </a:cxn>
                  <a:cxn ang="0">
                    <a:pos x="114" y="1043"/>
                  </a:cxn>
                  <a:cxn ang="0">
                    <a:pos x="38" y="881"/>
                  </a:cxn>
                  <a:cxn ang="0">
                    <a:pos x="82" y="726"/>
                  </a:cxn>
                </a:cxnLst>
                <a:rect l="0" t="0" r="r" b="b"/>
                <a:pathLst>
                  <a:path w="2848" h="2668">
                    <a:moveTo>
                      <a:pt x="52" y="337"/>
                    </a:moveTo>
                    <a:lnTo>
                      <a:pt x="34" y="385"/>
                    </a:lnTo>
                    <a:lnTo>
                      <a:pt x="42" y="390"/>
                    </a:lnTo>
                    <a:lnTo>
                      <a:pt x="51" y="397"/>
                    </a:lnTo>
                    <a:lnTo>
                      <a:pt x="61" y="403"/>
                    </a:lnTo>
                    <a:lnTo>
                      <a:pt x="72" y="407"/>
                    </a:lnTo>
                    <a:lnTo>
                      <a:pt x="77" y="409"/>
                    </a:lnTo>
                    <a:lnTo>
                      <a:pt x="81" y="409"/>
                    </a:lnTo>
                    <a:lnTo>
                      <a:pt x="83" y="409"/>
                    </a:lnTo>
                    <a:lnTo>
                      <a:pt x="86" y="406"/>
                    </a:lnTo>
                    <a:lnTo>
                      <a:pt x="87" y="403"/>
                    </a:lnTo>
                    <a:lnTo>
                      <a:pt x="87" y="398"/>
                    </a:lnTo>
                    <a:lnTo>
                      <a:pt x="85" y="392"/>
                    </a:lnTo>
                    <a:lnTo>
                      <a:pt x="81" y="384"/>
                    </a:lnTo>
                    <a:lnTo>
                      <a:pt x="69" y="364"/>
                    </a:lnTo>
                    <a:lnTo>
                      <a:pt x="57" y="346"/>
                    </a:lnTo>
                    <a:lnTo>
                      <a:pt x="55" y="341"/>
                    </a:lnTo>
                    <a:lnTo>
                      <a:pt x="52" y="337"/>
                    </a:lnTo>
                    <a:close/>
                    <a:moveTo>
                      <a:pt x="47" y="462"/>
                    </a:moveTo>
                    <a:lnTo>
                      <a:pt x="57" y="466"/>
                    </a:lnTo>
                    <a:lnTo>
                      <a:pt x="66" y="468"/>
                    </a:lnTo>
                    <a:lnTo>
                      <a:pt x="77" y="472"/>
                    </a:lnTo>
                    <a:lnTo>
                      <a:pt x="87" y="475"/>
                    </a:lnTo>
                    <a:lnTo>
                      <a:pt x="98" y="477"/>
                    </a:lnTo>
                    <a:lnTo>
                      <a:pt x="107" y="482"/>
                    </a:lnTo>
                    <a:lnTo>
                      <a:pt x="114" y="489"/>
                    </a:lnTo>
                    <a:lnTo>
                      <a:pt x="122" y="497"/>
                    </a:lnTo>
                    <a:lnTo>
                      <a:pt x="127" y="506"/>
                    </a:lnTo>
                    <a:lnTo>
                      <a:pt x="132" y="516"/>
                    </a:lnTo>
                    <a:lnTo>
                      <a:pt x="136" y="526"/>
                    </a:lnTo>
                    <a:lnTo>
                      <a:pt x="140" y="537"/>
                    </a:lnTo>
                    <a:lnTo>
                      <a:pt x="147" y="560"/>
                    </a:lnTo>
                    <a:lnTo>
                      <a:pt x="152" y="582"/>
                    </a:lnTo>
                    <a:lnTo>
                      <a:pt x="156" y="594"/>
                    </a:lnTo>
                    <a:lnTo>
                      <a:pt x="158" y="605"/>
                    </a:lnTo>
                    <a:lnTo>
                      <a:pt x="162" y="616"/>
                    </a:lnTo>
                    <a:lnTo>
                      <a:pt x="167" y="625"/>
                    </a:lnTo>
                    <a:lnTo>
                      <a:pt x="170" y="625"/>
                    </a:lnTo>
                    <a:lnTo>
                      <a:pt x="173" y="621"/>
                    </a:lnTo>
                    <a:lnTo>
                      <a:pt x="174" y="616"/>
                    </a:lnTo>
                    <a:lnTo>
                      <a:pt x="175" y="609"/>
                    </a:lnTo>
                    <a:lnTo>
                      <a:pt x="175" y="603"/>
                    </a:lnTo>
                    <a:lnTo>
                      <a:pt x="174" y="589"/>
                    </a:lnTo>
                    <a:lnTo>
                      <a:pt x="173" y="578"/>
                    </a:lnTo>
                    <a:lnTo>
                      <a:pt x="167" y="570"/>
                    </a:lnTo>
                    <a:lnTo>
                      <a:pt x="164" y="557"/>
                    </a:lnTo>
                    <a:lnTo>
                      <a:pt x="158" y="542"/>
                    </a:lnTo>
                    <a:lnTo>
                      <a:pt x="155" y="524"/>
                    </a:lnTo>
                    <a:lnTo>
                      <a:pt x="149" y="489"/>
                    </a:lnTo>
                    <a:lnTo>
                      <a:pt x="147" y="466"/>
                    </a:lnTo>
                    <a:lnTo>
                      <a:pt x="148" y="460"/>
                    </a:lnTo>
                    <a:lnTo>
                      <a:pt x="151" y="455"/>
                    </a:lnTo>
                    <a:lnTo>
                      <a:pt x="155" y="449"/>
                    </a:lnTo>
                    <a:lnTo>
                      <a:pt x="158" y="443"/>
                    </a:lnTo>
                    <a:lnTo>
                      <a:pt x="170" y="431"/>
                    </a:lnTo>
                    <a:lnTo>
                      <a:pt x="183" y="418"/>
                    </a:lnTo>
                    <a:lnTo>
                      <a:pt x="195" y="405"/>
                    </a:lnTo>
                    <a:lnTo>
                      <a:pt x="204" y="392"/>
                    </a:lnTo>
                    <a:lnTo>
                      <a:pt x="206" y="385"/>
                    </a:lnTo>
                    <a:lnTo>
                      <a:pt x="208" y="380"/>
                    </a:lnTo>
                    <a:lnTo>
                      <a:pt x="206" y="375"/>
                    </a:lnTo>
                    <a:lnTo>
                      <a:pt x="204" y="370"/>
                    </a:lnTo>
                    <a:lnTo>
                      <a:pt x="178" y="381"/>
                    </a:lnTo>
                    <a:lnTo>
                      <a:pt x="140" y="402"/>
                    </a:lnTo>
                    <a:lnTo>
                      <a:pt x="131" y="405"/>
                    </a:lnTo>
                    <a:lnTo>
                      <a:pt x="123" y="407"/>
                    </a:lnTo>
                    <a:lnTo>
                      <a:pt x="117" y="407"/>
                    </a:lnTo>
                    <a:lnTo>
                      <a:pt x="112" y="405"/>
                    </a:lnTo>
                    <a:lnTo>
                      <a:pt x="109" y="402"/>
                    </a:lnTo>
                    <a:lnTo>
                      <a:pt x="108" y="399"/>
                    </a:lnTo>
                    <a:lnTo>
                      <a:pt x="107" y="396"/>
                    </a:lnTo>
                    <a:lnTo>
                      <a:pt x="107" y="390"/>
                    </a:lnTo>
                    <a:lnTo>
                      <a:pt x="107" y="379"/>
                    </a:lnTo>
                    <a:lnTo>
                      <a:pt x="109" y="363"/>
                    </a:lnTo>
                    <a:lnTo>
                      <a:pt x="112" y="358"/>
                    </a:lnTo>
                    <a:lnTo>
                      <a:pt x="116" y="353"/>
                    </a:lnTo>
                    <a:lnTo>
                      <a:pt x="121" y="348"/>
                    </a:lnTo>
                    <a:lnTo>
                      <a:pt x="126" y="344"/>
                    </a:lnTo>
                    <a:lnTo>
                      <a:pt x="140" y="336"/>
                    </a:lnTo>
                    <a:lnTo>
                      <a:pt x="157" y="328"/>
                    </a:lnTo>
                    <a:lnTo>
                      <a:pt x="189" y="318"/>
                    </a:lnTo>
                    <a:lnTo>
                      <a:pt x="215" y="307"/>
                    </a:lnTo>
                    <a:lnTo>
                      <a:pt x="235" y="304"/>
                    </a:lnTo>
                    <a:lnTo>
                      <a:pt x="254" y="300"/>
                    </a:lnTo>
                    <a:lnTo>
                      <a:pt x="274" y="297"/>
                    </a:lnTo>
                    <a:lnTo>
                      <a:pt x="293" y="295"/>
                    </a:lnTo>
                    <a:lnTo>
                      <a:pt x="332" y="292"/>
                    </a:lnTo>
                    <a:lnTo>
                      <a:pt x="371" y="289"/>
                    </a:lnTo>
                    <a:lnTo>
                      <a:pt x="410" y="287"/>
                    </a:lnTo>
                    <a:lnTo>
                      <a:pt x="447" y="283"/>
                    </a:lnTo>
                    <a:lnTo>
                      <a:pt x="467" y="280"/>
                    </a:lnTo>
                    <a:lnTo>
                      <a:pt x="486" y="276"/>
                    </a:lnTo>
                    <a:lnTo>
                      <a:pt x="504" y="271"/>
                    </a:lnTo>
                    <a:lnTo>
                      <a:pt x="522" y="266"/>
                    </a:lnTo>
                    <a:lnTo>
                      <a:pt x="534" y="261"/>
                    </a:lnTo>
                    <a:lnTo>
                      <a:pt x="546" y="256"/>
                    </a:lnTo>
                    <a:lnTo>
                      <a:pt x="556" y="249"/>
                    </a:lnTo>
                    <a:lnTo>
                      <a:pt x="566" y="241"/>
                    </a:lnTo>
                    <a:lnTo>
                      <a:pt x="586" y="225"/>
                    </a:lnTo>
                    <a:lnTo>
                      <a:pt x="604" y="205"/>
                    </a:lnTo>
                    <a:lnTo>
                      <a:pt x="638" y="165"/>
                    </a:lnTo>
                    <a:lnTo>
                      <a:pt x="671" y="126"/>
                    </a:lnTo>
                    <a:lnTo>
                      <a:pt x="682" y="116"/>
                    </a:lnTo>
                    <a:lnTo>
                      <a:pt x="692" y="108"/>
                    </a:lnTo>
                    <a:lnTo>
                      <a:pt x="701" y="104"/>
                    </a:lnTo>
                    <a:lnTo>
                      <a:pt x="710" y="102"/>
                    </a:lnTo>
                    <a:lnTo>
                      <a:pt x="732" y="100"/>
                    </a:lnTo>
                    <a:lnTo>
                      <a:pt x="761" y="100"/>
                    </a:lnTo>
                    <a:lnTo>
                      <a:pt x="772" y="100"/>
                    </a:lnTo>
                    <a:lnTo>
                      <a:pt x="782" y="98"/>
                    </a:lnTo>
                    <a:lnTo>
                      <a:pt x="791" y="95"/>
                    </a:lnTo>
                    <a:lnTo>
                      <a:pt x="798" y="91"/>
                    </a:lnTo>
                    <a:lnTo>
                      <a:pt x="813" y="82"/>
                    </a:lnTo>
                    <a:lnTo>
                      <a:pt x="826" y="70"/>
                    </a:lnTo>
                    <a:lnTo>
                      <a:pt x="837" y="59"/>
                    </a:lnTo>
                    <a:lnTo>
                      <a:pt x="850" y="48"/>
                    </a:lnTo>
                    <a:lnTo>
                      <a:pt x="857" y="45"/>
                    </a:lnTo>
                    <a:lnTo>
                      <a:pt x="864" y="39"/>
                    </a:lnTo>
                    <a:lnTo>
                      <a:pt x="872" y="37"/>
                    </a:lnTo>
                    <a:lnTo>
                      <a:pt x="881" y="34"/>
                    </a:lnTo>
                    <a:lnTo>
                      <a:pt x="898" y="34"/>
                    </a:lnTo>
                    <a:lnTo>
                      <a:pt x="916" y="35"/>
                    </a:lnTo>
                    <a:lnTo>
                      <a:pt x="924" y="35"/>
                    </a:lnTo>
                    <a:lnTo>
                      <a:pt x="933" y="35"/>
                    </a:lnTo>
                    <a:lnTo>
                      <a:pt x="941" y="33"/>
                    </a:lnTo>
                    <a:lnTo>
                      <a:pt x="949" y="29"/>
                    </a:lnTo>
                    <a:lnTo>
                      <a:pt x="980" y="25"/>
                    </a:lnTo>
                    <a:lnTo>
                      <a:pt x="1015" y="19"/>
                    </a:lnTo>
                    <a:lnTo>
                      <a:pt x="1050" y="12"/>
                    </a:lnTo>
                    <a:lnTo>
                      <a:pt x="1086" y="7"/>
                    </a:lnTo>
                    <a:lnTo>
                      <a:pt x="1121" y="2"/>
                    </a:lnTo>
                    <a:lnTo>
                      <a:pt x="1155" y="0"/>
                    </a:lnTo>
                    <a:lnTo>
                      <a:pt x="1171" y="0"/>
                    </a:lnTo>
                    <a:lnTo>
                      <a:pt x="1187" y="2"/>
                    </a:lnTo>
                    <a:lnTo>
                      <a:pt x="1201" y="4"/>
                    </a:lnTo>
                    <a:lnTo>
                      <a:pt x="1216" y="7"/>
                    </a:lnTo>
                    <a:lnTo>
                      <a:pt x="1222" y="10"/>
                    </a:lnTo>
                    <a:lnTo>
                      <a:pt x="1228" y="15"/>
                    </a:lnTo>
                    <a:lnTo>
                      <a:pt x="1236" y="21"/>
                    </a:lnTo>
                    <a:lnTo>
                      <a:pt x="1244" y="28"/>
                    </a:lnTo>
                    <a:lnTo>
                      <a:pt x="1258" y="45"/>
                    </a:lnTo>
                    <a:lnTo>
                      <a:pt x="1271" y="61"/>
                    </a:lnTo>
                    <a:lnTo>
                      <a:pt x="1276" y="69"/>
                    </a:lnTo>
                    <a:lnTo>
                      <a:pt x="1279" y="76"/>
                    </a:lnTo>
                    <a:lnTo>
                      <a:pt x="1282" y="81"/>
                    </a:lnTo>
                    <a:lnTo>
                      <a:pt x="1282" y="85"/>
                    </a:lnTo>
                    <a:lnTo>
                      <a:pt x="1280" y="86"/>
                    </a:lnTo>
                    <a:lnTo>
                      <a:pt x="1279" y="86"/>
                    </a:lnTo>
                    <a:lnTo>
                      <a:pt x="1276" y="86"/>
                    </a:lnTo>
                    <a:lnTo>
                      <a:pt x="1274" y="85"/>
                    </a:lnTo>
                    <a:lnTo>
                      <a:pt x="1266" y="81"/>
                    </a:lnTo>
                    <a:lnTo>
                      <a:pt x="1254" y="74"/>
                    </a:lnTo>
                    <a:lnTo>
                      <a:pt x="1238" y="63"/>
                    </a:lnTo>
                    <a:lnTo>
                      <a:pt x="1213" y="42"/>
                    </a:lnTo>
                    <a:lnTo>
                      <a:pt x="1191" y="24"/>
                    </a:lnTo>
                    <a:lnTo>
                      <a:pt x="1178" y="16"/>
                    </a:lnTo>
                    <a:lnTo>
                      <a:pt x="1175" y="17"/>
                    </a:lnTo>
                    <a:lnTo>
                      <a:pt x="1173" y="19"/>
                    </a:lnTo>
                    <a:lnTo>
                      <a:pt x="1171" y="21"/>
                    </a:lnTo>
                    <a:lnTo>
                      <a:pt x="1170" y="22"/>
                    </a:lnTo>
                    <a:lnTo>
                      <a:pt x="1169" y="28"/>
                    </a:lnTo>
                    <a:lnTo>
                      <a:pt x="1169" y="33"/>
                    </a:lnTo>
                    <a:lnTo>
                      <a:pt x="1174" y="46"/>
                    </a:lnTo>
                    <a:lnTo>
                      <a:pt x="1179" y="55"/>
                    </a:lnTo>
                    <a:lnTo>
                      <a:pt x="1190" y="67"/>
                    </a:lnTo>
                    <a:lnTo>
                      <a:pt x="1200" y="77"/>
                    </a:lnTo>
                    <a:lnTo>
                      <a:pt x="1212" y="87"/>
                    </a:lnTo>
                    <a:lnTo>
                      <a:pt x="1222" y="100"/>
                    </a:lnTo>
                    <a:lnTo>
                      <a:pt x="1240" y="130"/>
                    </a:lnTo>
                    <a:lnTo>
                      <a:pt x="1253" y="155"/>
                    </a:lnTo>
                    <a:lnTo>
                      <a:pt x="1263" y="175"/>
                    </a:lnTo>
                    <a:lnTo>
                      <a:pt x="1274" y="192"/>
                    </a:lnTo>
                    <a:lnTo>
                      <a:pt x="1280" y="200"/>
                    </a:lnTo>
                    <a:lnTo>
                      <a:pt x="1288" y="206"/>
                    </a:lnTo>
                    <a:lnTo>
                      <a:pt x="1297" y="212"/>
                    </a:lnTo>
                    <a:lnTo>
                      <a:pt x="1308" y="217"/>
                    </a:lnTo>
                    <a:lnTo>
                      <a:pt x="1320" y="221"/>
                    </a:lnTo>
                    <a:lnTo>
                      <a:pt x="1336" y="225"/>
                    </a:lnTo>
                    <a:lnTo>
                      <a:pt x="1355" y="227"/>
                    </a:lnTo>
                    <a:lnTo>
                      <a:pt x="1377" y="230"/>
                    </a:lnTo>
                    <a:lnTo>
                      <a:pt x="1393" y="231"/>
                    </a:lnTo>
                    <a:lnTo>
                      <a:pt x="1407" y="231"/>
                    </a:lnTo>
                    <a:lnTo>
                      <a:pt x="1420" y="228"/>
                    </a:lnTo>
                    <a:lnTo>
                      <a:pt x="1434" y="226"/>
                    </a:lnTo>
                    <a:lnTo>
                      <a:pt x="1446" y="221"/>
                    </a:lnTo>
                    <a:lnTo>
                      <a:pt x="1458" y="216"/>
                    </a:lnTo>
                    <a:lnTo>
                      <a:pt x="1468" y="209"/>
                    </a:lnTo>
                    <a:lnTo>
                      <a:pt x="1479" y="201"/>
                    </a:lnTo>
                    <a:lnTo>
                      <a:pt x="1489" y="193"/>
                    </a:lnTo>
                    <a:lnTo>
                      <a:pt x="1498" y="183"/>
                    </a:lnTo>
                    <a:lnTo>
                      <a:pt x="1506" y="174"/>
                    </a:lnTo>
                    <a:lnTo>
                      <a:pt x="1515" y="164"/>
                    </a:lnTo>
                    <a:lnTo>
                      <a:pt x="1530" y="142"/>
                    </a:lnTo>
                    <a:lnTo>
                      <a:pt x="1546" y="118"/>
                    </a:lnTo>
                    <a:lnTo>
                      <a:pt x="1694" y="166"/>
                    </a:lnTo>
                    <a:lnTo>
                      <a:pt x="1739" y="177"/>
                    </a:lnTo>
                    <a:lnTo>
                      <a:pt x="1784" y="187"/>
                    </a:lnTo>
                    <a:lnTo>
                      <a:pt x="1830" y="196"/>
                    </a:lnTo>
                    <a:lnTo>
                      <a:pt x="1875" y="203"/>
                    </a:lnTo>
                    <a:lnTo>
                      <a:pt x="1907" y="205"/>
                    </a:lnTo>
                    <a:lnTo>
                      <a:pt x="1940" y="206"/>
                    </a:lnTo>
                    <a:lnTo>
                      <a:pt x="1972" y="208"/>
                    </a:lnTo>
                    <a:lnTo>
                      <a:pt x="2004" y="209"/>
                    </a:lnTo>
                    <a:lnTo>
                      <a:pt x="2047" y="214"/>
                    </a:lnTo>
                    <a:lnTo>
                      <a:pt x="2089" y="219"/>
                    </a:lnTo>
                    <a:lnTo>
                      <a:pt x="2129" y="223"/>
                    </a:lnTo>
                    <a:lnTo>
                      <a:pt x="2169" y="226"/>
                    </a:lnTo>
                    <a:lnTo>
                      <a:pt x="2188" y="227"/>
                    </a:lnTo>
                    <a:lnTo>
                      <a:pt x="2209" y="227"/>
                    </a:lnTo>
                    <a:lnTo>
                      <a:pt x="2229" y="226"/>
                    </a:lnTo>
                    <a:lnTo>
                      <a:pt x="2249" y="225"/>
                    </a:lnTo>
                    <a:lnTo>
                      <a:pt x="2270" y="223"/>
                    </a:lnTo>
                    <a:lnTo>
                      <a:pt x="2291" y="219"/>
                    </a:lnTo>
                    <a:lnTo>
                      <a:pt x="2313" y="216"/>
                    </a:lnTo>
                    <a:lnTo>
                      <a:pt x="2335" y="210"/>
                    </a:lnTo>
                    <a:lnTo>
                      <a:pt x="2387" y="209"/>
                    </a:lnTo>
                    <a:lnTo>
                      <a:pt x="2433" y="210"/>
                    </a:lnTo>
                    <a:lnTo>
                      <a:pt x="2457" y="213"/>
                    </a:lnTo>
                    <a:lnTo>
                      <a:pt x="2480" y="218"/>
                    </a:lnTo>
                    <a:lnTo>
                      <a:pt x="2492" y="222"/>
                    </a:lnTo>
                    <a:lnTo>
                      <a:pt x="2503" y="226"/>
                    </a:lnTo>
                    <a:lnTo>
                      <a:pt x="2516" y="231"/>
                    </a:lnTo>
                    <a:lnTo>
                      <a:pt x="2529" y="238"/>
                    </a:lnTo>
                    <a:lnTo>
                      <a:pt x="2540" y="244"/>
                    </a:lnTo>
                    <a:lnTo>
                      <a:pt x="2547" y="249"/>
                    </a:lnTo>
                    <a:lnTo>
                      <a:pt x="2555" y="254"/>
                    </a:lnTo>
                    <a:lnTo>
                      <a:pt x="2560" y="261"/>
                    </a:lnTo>
                    <a:lnTo>
                      <a:pt x="2571" y="275"/>
                    </a:lnTo>
                    <a:lnTo>
                      <a:pt x="2581" y="293"/>
                    </a:lnTo>
                    <a:lnTo>
                      <a:pt x="2587" y="309"/>
                    </a:lnTo>
                    <a:lnTo>
                      <a:pt x="2594" y="327"/>
                    </a:lnTo>
                    <a:lnTo>
                      <a:pt x="2598" y="348"/>
                    </a:lnTo>
                    <a:lnTo>
                      <a:pt x="2599" y="363"/>
                    </a:lnTo>
                    <a:lnTo>
                      <a:pt x="2595" y="377"/>
                    </a:lnTo>
                    <a:lnTo>
                      <a:pt x="2593" y="392"/>
                    </a:lnTo>
                    <a:lnTo>
                      <a:pt x="2591" y="407"/>
                    </a:lnTo>
                    <a:lnTo>
                      <a:pt x="2591" y="421"/>
                    </a:lnTo>
                    <a:lnTo>
                      <a:pt x="2594" y="437"/>
                    </a:lnTo>
                    <a:lnTo>
                      <a:pt x="2598" y="451"/>
                    </a:lnTo>
                    <a:lnTo>
                      <a:pt x="2602" y="467"/>
                    </a:lnTo>
                    <a:lnTo>
                      <a:pt x="2607" y="481"/>
                    </a:lnTo>
                    <a:lnTo>
                      <a:pt x="2621" y="510"/>
                    </a:lnTo>
                    <a:lnTo>
                      <a:pt x="2635" y="538"/>
                    </a:lnTo>
                    <a:lnTo>
                      <a:pt x="2651" y="565"/>
                    </a:lnTo>
                    <a:lnTo>
                      <a:pt x="2666" y="590"/>
                    </a:lnTo>
                    <a:lnTo>
                      <a:pt x="2677" y="608"/>
                    </a:lnTo>
                    <a:lnTo>
                      <a:pt x="2687" y="627"/>
                    </a:lnTo>
                    <a:lnTo>
                      <a:pt x="2695" y="644"/>
                    </a:lnTo>
                    <a:lnTo>
                      <a:pt x="2703" y="662"/>
                    </a:lnTo>
                    <a:lnTo>
                      <a:pt x="2709" y="679"/>
                    </a:lnTo>
                    <a:lnTo>
                      <a:pt x="2714" y="696"/>
                    </a:lnTo>
                    <a:lnTo>
                      <a:pt x="2718" y="713"/>
                    </a:lnTo>
                    <a:lnTo>
                      <a:pt x="2722" y="730"/>
                    </a:lnTo>
                    <a:lnTo>
                      <a:pt x="2726" y="765"/>
                    </a:lnTo>
                    <a:lnTo>
                      <a:pt x="2729" y="801"/>
                    </a:lnTo>
                    <a:lnTo>
                      <a:pt x="2730" y="840"/>
                    </a:lnTo>
                    <a:lnTo>
                      <a:pt x="2730" y="883"/>
                    </a:lnTo>
                    <a:lnTo>
                      <a:pt x="2730" y="896"/>
                    </a:lnTo>
                    <a:lnTo>
                      <a:pt x="2729" y="907"/>
                    </a:lnTo>
                    <a:lnTo>
                      <a:pt x="2726" y="919"/>
                    </a:lnTo>
                    <a:lnTo>
                      <a:pt x="2723" y="928"/>
                    </a:lnTo>
                    <a:lnTo>
                      <a:pt x="2720" y="937"/>
                    </a:lnTo>
                    <a:lnTo>
                      <a:pt x="2716" y="945"/>
                    </a:lnTo>
                    <a:lnTo>
                      <a:pt x="2711" y="951"/>
                    </a:lnTo>
                    <a:lnTo>
                      <a:pt x="2705" y="958"/>
                    </a:lnTo>
                    <a:lnTo>
                      <a:pt x="2679" y="984"/>
                    </a:lnTo>
                    <a:lnTo>
                      <a:pt x="2651" y="1015"/>
                    </a:lnTo>
                    <a:lnTo>
                      <a:pt x="2633" y="1039"/>
                    </a:lnTo>
                    <a:lnTo>
                      <a:pt x="2617" y="1064"/>
                    </a:lnTo>
                    <a:lnTo>
                      <a:pt x="2602" y="1089"/>
                    </a:lnTo>
                    <a:lnTo>
                      <a:pt x="2587" y="1113"/>
                    </a:lnTo>
                    <a:lnTo>
                      <a:pt x="2577" y="1127"/>
                    </a:lnTo>
                    <a:lnTo>
                      <a:pt x="2569" y="1142"/>
                    </a:lnTo>
                    <a:lnTo>
                      <a:pt x="2567" y="1149"/>
                    </a:lnTo>
                    <a:lnTo>
                      <a:pt x="2567" y="1156"/>
                    </a:lnTo>
                    <a:lnTo>
                      <a:pt x="2568" y="1160"/>
                    </a:lnTo>
                    <a:lnTo>
                      <a:pt x="2571" y="1162"/>
                    </a:lnTo>
                    <a:lnTo>
                      <a:pt x="2573" y="1166"/>
                    </a:lnTo>
                    <a:lnTo>
                      <a:pt x="2577" y="1169"/>
                    </a:lnTo>
                    <a:lnTo>
                      <a:pt x="2593" y="1178"/>
                    </a:lnTo>
                    <a:lnTo>
                      <a:pt x="2607" y="1187"/>
                    </a:lnTo>
                    <a:lnTo>
                      <a:pt x="2621" y="1196"/>
                    </a:lnTo>
                    <a:lnTo>
                      <a:pt x="2633" y="1205"/>
                    </a:lnTo>
                    <a:lnTo>
                      <a:pt x="2638" y="1210"/>
                    </a:lnTo>
                    <a:lnTo>
                      <a:pt x="2643" y="1217"/>
                    </a:lnTo>
                    <a:lnTo>
                      <a:pt x="2647" y="1223"/>
                    </a:lnTo>
                    <a:lnTo>
                      <a:pt x="2651" y="1230"/>
                    </a:lnTo>
                    <a:lnTo>
                      <a:pt x="2655" y="1238"/>
                    </a:lnTo>
                    <a:lnTo>
                      <a:pt x="2657" y="1245"/>
                    </a:lnTo>
                    <a:lnTo>
                      <a:pt x="2660" y="1253"/>
                    </a:lnTo>
                    <a:lnTo>
                      <a:pt x="2661" y="1263"/>
                    </a:lnTo>
                    <a:lnTo>
                      <a:pt x="2663" y="1276"/>
                    </a:lnTo>
                    <a:lnTo>
                      <a:pt x="2663" y="1292"/>
                    </a:lnTo>
                    <a:lnTo>
                      <a:pt x="2663" y="1306"/>
                    </a:lnTo>
                    <a:lnTo>
                      <a:pt x="2664" y="1319"/>
                    </a:lnTo>
                    <a:lnTo>
                      <a:pt x="2666" y="1332"/>
                    </a:lnTo>
                    <a:lnTo>
                      <a:pt x="2670" y="1344"/>
                    </a:lnTo>
                    <a:lnTo>
                      <a:pt x="2673" y="1355"/>
                    </a:lnTo>
                    <a:lnTo>
                      <a:pt x="2674" y="1368"/>
                    </a:lnTo>
                    <a:lnTo>
                      <a:pt x="2687" y="1429"/>
                    </a:lnTo>
                    <a:lnTo>
                      <a:pt x="2685" y="1455"/>
                    </a:lnTo>
                    <a:lnTo>
                      <a:pt x="2682" y="1464"/>
                    </a:lnTo>
                    <a:lnTo>
                      <a:pt x="2682" y="1472"/>
                    </a:lnTo>
                    <a:lnTo>
                      <a:pt x="2681" y="1480"/>
                    </a:lnTo>
                    <a:lnTo>
                      <a:pt x="2682" y="1486"/>
                    </a:lnTo>
                    <a:lnTo>
                      <a:pt x="2683" y="1493"/>
                    </a:lnTo>
                    <a:lnTo>
                      <a:pt x="2685" y="1499"/>
                    </a:lnTo>
                    <a:lnTo>
                      <a:pt x="2687" y="1506"/>
                    </a:lnTo>
                    <a:lnTo>
                      <a:pt x="2690" y="1511"/>
                    </a:lnTo>
                    <a:lnTo>
                      <a:pt x="2705" y="1532"/>
                    </a:lnTo>
                    <a:lnTo>
                      <a:pt x="2726" y="1556"/>
                    </a:lnTo>
                    <a:lnTo>
                      <a:pt x="2730" y="1561"/>
                    </a:lnTo>
                    <a:lnTo>
                      <a:pt x="2733" y="1567"/>
                    </a:lnTo>
                    <a:lnTo>
                      <a:pt x="2734" y="1573"/>
                    </a:lnTo>
                    <a:lnTo>
                      <a:pt x="2735" y="1580"/>
                    </a:lnTo>
                    <a:lnTo>
                      <a:pt x="2735" y="1594"/>
                    </a:lnTo>
                    <a:lnTo>
                      <a:pt x="2734" y="1608"/>
                    </a:lnTo>
                    <a:lnTo>
                      <a:pt x="2731" y="1622"/>
                    </a:lnTo>
                    <a:lnTo>
                      <a:pt x="2731" y="1637"/>
                    </a:lnTo>
                    <a:lnTo>
                      <a:pt x="2731" y="1643"/>
                    </a:lnTo>
                    <a:lnTo>
                      <a:pt x="2733" y="1650"/>
                    </a:lnTo>
                    <a:lnTo>
                      <a:pt x="2734" y="1656"/>
                    </a:lnTo>
                    <a:lnTo>
                      <a:pt x="2736" y="1662"/>
                    </a:lnTo>
                    <a:lnTo>
                      <a:pt x="2742" y="1670"/>
                    </a:lnTo>
                    <a:lnTo>
                      <a:pt x="2747" y="1675"/>
                    </a:lnTo>
                    <a:lnTo>
                      <a:pt x="2752" y="1679"/>
                    </a:lnTo>
                    <a:lnTo>
                      <a:pt x="2756" y="1683"/>
                    </a:lnTo>
                    <a:lnTo>
                      <a:pt x="2761" y="1687"/>
                    </a:lnTo>
                    <a:lnTo>
                      <a:pt x="2765" y="1692"/>
                    </a:lnTo>
                    <a:lnTo>
                      <a:pt x="2769" y="1699"/>
                    </a:lnTo>
                    <a:lnTo>
                      <a:pt x="2773" y="1708"/>
                    </a:lnTo>
                    <a:lnTo>
                      <a:pt x="2780" y="1735"/>
                    </a:lnTo>
                    <a:lnTo>
                      <a:pt x="2790" y="1757"/>
                    </a:lnTo>
                    <a:lnTo>
                      <a:pt x="2796" y="1767"/>
                    </a:lnTo>
                    <a:lnTo>
                      <a:pt x="2804" y="1776"/>
                    </a:lnTo>
                    <a:lnTo>
                      <a:pt x="2814" y="1784"/>
                    </a:lnTo>
                    <a:lnTo>
                      <a:pt x="2827" y="1792"/>
                    </a:lnTo>
                    <a:lnTo>
                      <a:pt x="2837" y="1797"/>
                    </a:lnTo>
                    <a:lnTo>
                      <a:pt x="2843" y="1802"/>
                    </a:lnTo>
                    <a:lnTo>
                      <a:pt x="2847" y="1808"/>
                    </a:lnTo>
                    <a:lnTo>
                      <a:pt x="2847" y="1814"/>
                    </a:lnTo>
                    <a:lnTo>
                      <a:pt x="2845" y="1819"/>
                    </a:lnTo>
                    <a:lnTo>
                      <a:pt x="2843" y="1824"/>
                    </a:lnTo>
                    <a:lnTo>
                      <a:pt x="2839" y="1830"/>
                    </a:lnTo>
                    <a:lnTo>
                      <a:pt x="2834" y="1836"/>
                    </a:lnTo>
                    <a:lnTo>
                      <a:pt x="2822" y="1846"/>
                    </a:lnTo>
                    <a:lnTo>
                      <a:pt x="2812" y="1857"/>
                    </a:lnTo>
                    <a:lnTo>
                      <a:pt x="2808" y="1861"/>
                    </a:lnTo>
                    <a:lnTo>
                      <a:pt x="2805" y="1866"/>
                    </a:lnTo>
                    <a:lnTo>
                      <a:pt x="2805" y="1871"/>
                    </a:lnTo>
                    <a:lnTo>
                      <a:pt x="2806" y="1875"/>
                    </a:lnTo>
                    <a:lnTo>
                      <a:pt x="2818" y="1889"/>
                    </a:lnTo>
                    <a:lnTo>
                      <a:pt x="2831" y="1902"/>
                    </a:lnTo>
                    <a:lnTo>
                      <a:pt x="2837" y="1909"/>
                    </a:lnTo>
                    <a:lnTo>
                      <a:pt x="2843" y="1915"/>
                    </a:lnTo>
                    <a:lnTo>
                      <a:pt x="2847" y="1924"/>
                    </a:lnTo>
                    <a:lnTo>
                      <a:pt x="2848" y="1933"/>
                    </a:lnTo>
                    <a:lnTo>
                      <a:pt x="2845" y="1950"/>
                    </a:lnTo>
                    <a:lnTo>
                      <a:pt x="2843" y="1964"/>
                    </a:lnTo>
                    <a:lnTo>
                      <a:pt x="2837" y="1976"/>
                    </a:lnTo>
                    <a:lnTo>
                      <a:pt x="2831" y="1986"/>
                    </a:lnTo>
                    <a:lnTo>
                      <a:pt x="2825" y="1995"/>
                    </a:lnTo>
                    <a:lnTo>
                      <a:pt x="2817" y="2003"/>
                    </a:lnTo>
                    <a:lnTo>
                      <a:pt x="2808" y="2010"/>
                    </a:lnTo>
                    <a:lnTo>
                      <a:pt x="2799" y="2016"/>
                    </a:lnTo>
                    <a:lnTo>
                      <a:pt x="2778" y="2028"/>
                    </a:lnTo>
                    <a:lnTo>
                      <a:pt x="2757" y="2039"/>
                    </a:lnTo>
                    <a:lnTo>
                      <a:pt x="2747" y="2047"/>
                    </a:lnTo>
                    <a:lnTo>
                      <a:pt x="2736" y="2055"/>
                    </a:lnTo>
                    <a:lnTo>
                      <a:pt x="2727" y="2064"/>
                    </a:lnTo>
                    <a:lnTo>
                      <a:pt x="2717" y="2076"/>
                    </a:lnTo>
                    <a:lnTo>
                      <a:pt x="2559" y="2283"/>
                    </a:lnTo>
                    <a:lnTo>
                      <a:pt x="2537" y="2309"/>
                    </a:lnTo>
                    <a:lnTo>
                      <a:pt x="2507" y="2339"/>
                    </a:lnTo>
                    <a:lnTo>
                      <a:pt x="2493" y="2354"/>
                    </a:lnTo>
                    <a:lnTo>
                      <a:pt x="2481" y="2370"/>
                    </a:lnTo>
                    <a:lnTo>
                      <a:pt x="2477" y="2378"/>
                    </a:lnTo>
                    <a:lnTo>
                      <a:pt x="2473" y="2385"/>
                    </a:lnTo>
                    <a:lnTo>
                      <a:pt x="2472" y="2393"/>
                    </a:lnTo>
                    <a:lnTo>
                      <a:pt x="2471" y="2401"/>
                    </a:lnTo>
                    <a:lnTo>
                      <a:pt x="2471" y="2418"/>
                    </a:lnTo>
                    <a:lnTo>
                      <a:pt x="2473" y="2437"/>
                    </a:lnTo>
                    <a:lnTo>
                      <a:pt x="2475" y="2457"/>
                    </a:lnTo>
                    <a:lnTo>
                      <a:pt x="2479" y="2477"/>
                    </a:lnTo>
                    <a:lnTo>
                      <a:pt x="2485" y="2519"/>
                    </a:lnTo>
                    <a:lnTo>
                      <a:pt x="2494" y="2554"/>
                    </a:lnTo>
                    <a:lnTo>
                      <a:pt x="2503" y="2576"/>
                    </a:lnTo>
                    <a:lnTo>
                      <a:pt x="2514" y="2598"/>
                    </a:lnTo>
                    <a:lnTo>
                      <a:pt x="2519" y="2609"/>
                    </a:lnTo>
                    <a:lnTo>
                      <a:pt x="2523" y="2620"/>
                    </a:lnTo>
                    <a:lnTo>
                      <a:pt x="2524" y="2633"/>
                    </a:lnTo>
                    <a:lnTo>
                      <a:pt x="2523" y="2644"/>
                    </a:lnTo>
                    <a:lnTo>
                      <a:pt x="2415" y="2668"/>
                    </a:lnTo>
                    <a:lnTo>
                      <a:pt x="2370" y="2648"/>
                    </a:lnTo>
                    <a:lnTo>
                      <a:pt x="2326" y="2631"/>
                    </a:lnTo>
                    <a:lnTo>
                      <a:pt x="2305" y="2621"/>
                    </a:lnTo>
                    <a:lnTo>
                      <a:pt x="2284" y="2609"/>
                    </a:lnTo>
                    <a:lnTo>
                      <a:pt x="2275" y="2603"/>
                    </a:lnTo>
                    <a:lnTo>
                      <a:pt x="2265" y="2595"/>
                    </a:lnTo>
                    <a:lnTo>
                      <a:pt x="2256" y="2587"/>
                    </a:lnTo>
                    <a:lnTo>
                      <a:pt x="2247" y="2578"/>
                    </a:lnTo>
                    <a:lnTo>
                      <a:pt x="2235" y="2567"/>
                    </a:lnTo>
                    <a:lnTo>
                      <a:pt x="2223" y="2556"/>
                    </a:lnTo>
                    <a:lnTo>
                      <a:pt x="2210" y="2547"/>
                    </a:lnTo>
                    <a:lnTo>
                      <a:pt x="2196" y="2538"/>
                    </a:lnTo>
                    <a:lnTo>
                      <a:pt x="2183" y="2530"/>
                    </a:lnTo>
                    <a:lnTo>
                      <a:pt x="2169" y="2524"/>
                    </a:lnTo>
                    <a:lnTo>
                      <a:pt x="2153" y="2517"/>
                    </a:lnTo>
                    <a:lnTo>
                      <a:pt x="2139" y="2512"/>
                    </a:lnTo>
                    <a:lnTo>
                      <a:pt x="2124" y="2508"/>
                    </a:lnTo>
                    <a:lnTo>
                      <a:pt x="2108" y="2506"/>
                    </a:lnTo>
                    <a:lnTo>
                      <a:pt x="2093" y="2503"/>
                    </a:lnTo>
                    <a:lnTo>
                      <a:pt x="2077" y="2502"/>
                    </a:lnTo>
                    <a:lnTo>
                      <a:pt x="2060" y="2503"/>
                    </a:lnTo>
                    <a:lnTo>
                      <a:pt x="2045" y="2503"/>
                    </a:lnTo>
                    <a:lnTo>
                      <a:pt x="2029" y="2506"/>
                    </a:lnTo>
                    <a:lnTo>
                      <a:pt x="2012" y="2510"/>
                    </a:lnTo>
                    <a:lnTo>
                      <a:pt x="1976" y="2524"/>
                    </a:lnTo>
                    <a:lnTo>
                      <a:pt x="1931" y="2543"/>
                    </a:lnTo>
                    <a:lnTo>
                      <a:pt x="1920" y="2547"/>
                    </a:lnTo>
                    <a:lnTo>
                      <a:pt x="1909" y="2551"/>
                    </a:lnTo>
                    <a:lnTo>
                      <a:pt x="1898" y="2552"/>
                    </a:lnTo>
                    <a:lnTo>
                      <a:pt x="1888" y="2554"/>
                    </a:lnTo>
                    <a:lnTo>
                      <a:pt x="1878" y="2552"/>
                    </a:lnTo>
                    <a:lnTo>
                      <a:pt x="1868" y="2550"/>
                    </a:lnTo>
                    <a:lnTo>
                      <a:pt x="1861" y="2545"/>
                    </a:lnTo>
                    <a:lnTo>
                      <a:pt x="1854" y="2538"/>
                    </a:lnTo>
                    <a:lnTo>
                      <a:pt x="1841" y="2525"/>
                    </a:lnTo>
                    <a:lnTo>
                      <a:pt x="1831" y="2516"/>
                    </a:lnTo>
                    <a:lnTo>
                      <a:pt x="1822" y="2511"/>
                    </a:lnTo>
                    <a:lnTo>
                      <a:pt x="1811" y="2507"/>
                    </a:lnTo>
                    <a:lnTo>
                      <a:pt x="1804" y="2506"/>
                    </a:lnTo>
                    <a:lnTo>
                      <a:pt x="1795" y="2506"/>
                    </a:lnTo>
                    <a:lnTo>
                      <a:pt x="1787" y="2508"/>
                    </a:lnTo>
                    <a:lnTo>
                      <a:pt x="1779" y="2512"/>
                    </a:lnTo>
                    <a:lnTo>
                      <a:pt x="1748" y="2538"/>
                    </a:lnTo>
                    <a:lnTo>
                      <a:pt x="1709" y="2567"/>
                    </a:lnTo>
                    <a:lnTo>
                      <a:pt x="1700" y="2571"/>
                    </a:lnTo>
                    <a:lnTo>
                      <a:pt x="1691" y="2573"/>
                    </a:lnTo>
                    <a:lnTo>
                      <a:pt x="1679" y="2574"/>
                    </a:lnTo>
                    <a:lnTo>
                      <a:pt x="1668" y="2576"/>
                    </a:lnTo>
                    <a:lnTo>
                      <a:pt x="1656" y="2574"/>
                    </a:lnTo>
                    <a:lnTo>
                      <a:pt x="1644" y="2573"/>
                    </a:lnTo>
                    <a:lnTo>
                      <a:pt x="1631" y="2569"/>
                    </a:lnTo>
                    <a:lnTo>
                      <a:pt x="1620" y="2567"/>
                    </a:lnTo>
                    <a:lnTo>
                      <a:pt x="1608" y="2561"/>
                    </a:lnTo>
                    <a:lnTo>
                      <a:pt x="1596" y="2556"/>
                    </a:lnTo>
                    <a:lnTo>
                      <a:pt x="1586" y="2550"/>
                    </a:lnTo>
                    <a:lnTo>
                      <a:pt x="1577" y="2542"/>
                    </a:lnTo>
                    <a:lnTo>
                      <a:pt x="1569" y="2534"/>
                    </a:lnTo>
                    <a:lnTo>
                      <a:pt x="1563" y="2527"/>
                    </a:lnTo>
                    <a:lnTo>
                      <a:pt x="1558" y="2517"/>
                    </a:lnTo>
                    <a:lnTo>
                      <a:pt x="1555" y="2508"/>
                    </a:lnTo>
                    <a:lnTo>
                      <a:pt x="1551" y="2494"/>
                    </a:lnTo>
                    <a:lnTo>
                      <a:pt x="1546" y="2481"/>
                    </a:lnTo>
                    <a:lnTo>
                      <a:pt x="1538" y="2470"/>
                    </a:lnTo>
                    <a:lnTo>
                      <a:pt x="1530" y="2459"/>
                    </a:lnTo>
                    <a:lnTo>
                      <a:pt x="1510" y="2438"/>
                    </a:lnTo>
                    <a:lnTo>
                      <a:pt x="1489" y="2419"/>
                    </a:lnTo>
                    <a:lnTo>
                      <a:pt x="1479" y="2410"/>
                    </a:lnTo>
                    <a:lnTo>
                      <a:pt x="1468" y="2403"/>
                    </a:lnTo>
                    <a:lnTo>
                      <a:pt x="1458" y="2400"/>
                    </a:lnTo>
                    <a:lnTo>
                      <a:pt x="1450" y="2400"/>
                    </a:lnTo>
                    <a:lnTo>
                      <a:pt x="1441" y="2401"/>
                    </a:lnTo>
                    <a:lnTo>
                      <a:pt x="1434" y="2405"/>
                    </a:lnTo>
                    <a:lnTo>
                      <a:pt x="1428" y="2410"/>
                    </a:lnTo>
                    <a:lnTo>
                      <a:pt x="1422" y="2418"/>
                    </a:lnTo>
                    <a:lnTo>
                      <a:pt x="1410" y="2433"/>
                    </a:lnTo>
                    <a:lnTo>
                      <a:pt x="1398" y="2451"/>
                    </a:lnTo>
                    <a:lnTo>
                      <a:pt x="1392" y="2460"/>
                    </a:lnTo>
                    <a:lnTo>
                      <a:pt x="1387" y="2468"/>
                    </a:lnTo>
                    <a:lnTo>
                      <a:pt x="1380" y="2476"/>
                    </a:lnTo>
                    <a:lnTo>
                      <a:pt x="1374" y="2481"/>
                    </a:lnTo>
                    <a:lnTo>
                      <a:pt x="1370" y="2484"/>
                    </a:lnTo>
                    <a:lnTo>
                      <a:pt x="1365" y="2485"/>
                    </a:lnTo>
                    <a:lnTo>
                      <a:pt x="1361" y="2485"/>
                    </a:lnTo>
                    <a:lnTo>
                      <a:pt x="1355" y="2484"/>
                    </a:lnTo>
                    <a:lnTo>
                      <a:pt x="1346" y="2480"/>
                    </a:lnTo>
                    <a:lnTo>
                      <a:pt x="1336" y="2472"/>
                    </a:lnTo>
                    <a:lnTo>
                      <a:pt x="1318" y="2457"/>
                    </a:lnTo>
                    <a:lnTo>
                      <a:pt x="1304" y="2444"/>
                    </a:lnTo>
                    <a:lnTo>
                      <a:pt x="1285" y="2396"/>
                    </a:lnTo>
                    <a:lnTo>
                      <a:pt x="1275" y="2387"/>
                    </a:lnTo>
                    <a:lnTo>
                      <a:pt x="1265" y="2374"/>
                    </a:lnTo>
                    <a:lnTo>
                      <a:pt x="1256" y="2358"/>
                    </a:lnTo>
                    <a:lnTo>
                      <a:pt x="1247" y="2343"/>
                    </a:lnTo>
                    <a:lnTo>
                      <a:pt x="1239" y="2324"/>
                    </a:lnTo>
                    <a:lnTo>
                      <a:pt x="1232" y="2308"/>
                    </a:lnTo>
                    <a:lnTo>
                      <a:pt x="1227" y="2292"/>
                    </a:lnTo>
                    <a:lnTo>
                      <a:pt x="1223" y="2279"/>
                    </a:lnTo>
                    <a:lnTo>
                      <a:pt x="1221" y="2270"/>
                    </a:lnTo>
                    <a:lnTo>
                      <a:pt x="1216" y="2262"/>
                    </a:lnTo>
                    <a:lnTo>
                      <a:pt x="1210" y="2257"/>
                    </a:lnTo>
                    <a:lnTo>
                      <a:pt x="1204" y="2252"/>
                    </a:lnTo>
                    <a:lnTo>
                      <a:pt x="1197" y="2249"/>
                    </a:lnTo>
                    <a:lnTo>
                      <a:pt x="1190" y="2247"/>
                    </a:lnTo>
                    <a:lnTo>
                      <a:pt x="1181" y="2245"/>
                    </a:lnTo>
                    <a:lnTo>
                      <a:pt x="1171" y="2245"/>
                    </a:lnTo>
                    <a:lnTo>
                      <a:pt x="1153" y="2245"/>
                    </a:lnTo>
                    <a:lnTo>
                      <a:pt x="1135" y="2244"/>
                    </a:lnTo>
                    <a:lnTo>
                      <a:pt x="1126" y="2243"/>
                    </a:lnTo>
                    <a:lnTo>
                      <a:pt x="1118" y="2240"/>
                    </a:lnTo>
                    <a:lnTo>
                      <a:pt x="1111" y="2236"/>
                    </a:lnTo>
                    <a:lnTo>
                      <a:pt x="1103" y="2232"/>
                    </a:lnTo>
                    <a:lnTo>
                      <a:pt x="1087" y="2214"/>
                    </a:lnTo>
                    <a:lnTo>
                      <a:pt x="1076" y="2199"/>
                    </a:lnTo>
                    <a:lnTo>
                      <a:pt x="1072" y="2195"/>
                    </a:lnTo>
                    <a:lnTo>
                      <a:pt x="1069" y="2192"/>
                    </a:lnTo>
                    <a:lnTo>
                      <a:pt x="1064" y="2191"/>
                    </a:lnTo>
                    <a:lnTo>
                      <a:pt x="1060" y="2191"/>
                    </a:lnTo>
                    <a:lnTo>
                      <a:pt x="1055" y="2192"/>
                    </a:lnTo>
                    <a:lnTo>
                      <a:pt x="1050" y="2194"/>
                    </a:lnTo>
                    <a:lnTo>
                      <a:pt x="1043" y="2197"/>
                    </a:lnTo>
                    <a:lnTo>
                      <a:pt x="1035" y="2203"/>
                    </a:lnTo>
                    <a:lnTo>
                      <a:pt x="1030" y="2205"/>
                    </a:lnTo>
                    <a:lnTo>
                      <a:pt x="1025" y="2205"/>
                    </a:lnTo>
                    <a:lnTo>
                      <a:pt x="1020" y="2203"/>
                    </a:lnTo>
                    <a:lnTo>
                      <a:pt x="1013" y="2200"/>
                    </a:lnTo>
                    <a:lnTo>
                      <a:pt x="1007" y="2195"/>
                    </a:lnTo>
                    <a:lnTo>
                      <a:pt x="1002" y="2188"/>
                    </a:lnTo>
                    <a:lnTo>
                      <a:pt x="995" y="2182"/>
                    </a:lnTo>
                    <a:lnTo>
                      <a:pt x="990" y="2174"/>
                    </a:lnTo>
                    <a:lnTo>
                      <a:pt x="980" y="2156"/>
                    </a:lnTo>
                    <a:lnTo>
                      <a:pt x="972" y="2139"/>
                    </a:lnTo>
                    <a:lnTo>
                      <a:pt x="969" y="2131"/>
                    </a:lnTo>
                    <a:lnTo>
                      <a:pt x="967" y="2124"/>
                    </a:lnTo>
                    <a:lnTo>
                      <a:pt x="967" y="2117"/>
                    </a:lnTo>
                    <a:lnTo>
                      <a:pt x="967" y="2113"/>
                    </a:lnTo>
                    <a:lnTo>
                      <a:pt x="971" y="2096"/>
                    </a:lnTo>
                    <a:lnTo>
                      <a:pt x="976" y="2082"/>
                    </a:lnTo>
                    <a:lnTo>
                      <a:pt x="976" y="2080"/>
                    </a:lnTo>
                    <a:lnTo>
                      <a:pt x="976" y="2077"/>
                    </a:lnTo>
                    <a:lnTo>
                      <a:pt x="975" y="2074"/>
                    </a:lnTo>
                    <a:lnTo>
                      <a:pt x="972" y="2072"/>
                    </a:lnTo>
                    <a:lnTo>
                      <a:pt x="969" y="2071"/>
                    </a:lnTo>
                    <a:lnTo>
                      <a:pt x="965" y="2069"/>
                    </a:lnTo>
                    <a:lnTo>
                      <a:pt x="960" y="2069"/>
                    </a:lnTo>
                    <a:lnTo>
                      <a:pt x="954" y="2069"/>
                    </a:lnTo>
                    <a:lnTo>
                      <a:pt x="925" y="2072"/>
                    </a:lnTo>
                    <a:lnTo>
                      <a:pt x="896" y="2077"/>
                    </a:lnTo>
                    <a:lnTo>
                      <a:pt x="866" y="2081"/>
                    </a:lnTo>
                    <a:lnTo>
                      <a:pt x="836" y="2085"/>
                    </a:lnTo>
                    <a:lnTo>
                      <a:pt x="823" y="2081"/>
                    </a:lnTo>
                    <a:lnTo>
                      <a:pt x="809" y="2074"/>
                    </a:lnTo>
                    <a:lnTo>
                      <a:pt x="794" y="2067"/>
                    </a:lnTo>
                    <a:lnTo>
                      <a:pt x="780" y="2058"/>
                    </a:lnTo>
                    <a:lnTo>
                      <a:pt x="766" y="2050"/>
                    </a:lnTo>
                    <a:lnTo>
                      <a:pt x="752" y="2043"/>
                    </a:lnTo>
                    <a:lnTo>
                      <a:pt x="745" y="2041"/>
                    </a:lnTo>
                    <a:lnTo>
                      <a:pt x="737" y="2039"/>
                    </a:lnTo>
                    <a:lnTo>
                      <a:pt x="731" y="2039"/>
                    </a:lnTo>
                    <a:lnTo>
                      <a:pt x="723" y="2039"/>
                    </a:lnTo>
                    <a:lnTo>
                      <a:pt x="718" y="2042"/>
                    </a:lnTo>
                    <a:lnTo>
                      <a:pt x="713" y="2046"/>
                    </a:lnTo>
                    <a:lnTo>
                      <a:pt x="709" y="2050"/>
                    </a:lnTo>
                    <a:lnTo>
                      <a:pt x="708" y="2056"/>
                    </a:lnTo>
                    <a:lnTo>
                      <a:pt x="706" y="2069"/>
                    </a:lnTo>
                    <a:lnTo>
                      <a:pt x="706" y="2085"/>
                    </a:lnTo>
                    <a:lnTo>
                      <a:pt x="708" y="2099"/>
                    </a:lnTo>
                    <a:lnTo>
                      <a:pt x="706" y="2113"/>
                    </a:lnTo>
                    <a:lnTo>
                      <a:pt x="706" y="2118"/>
                    </a:lnTo>
                    <a:lnTo>
                      <a:pt x="704" y="2124"/>
                    </a:lnTo>
                    <a:lnTo>
                      <a:pt x="701" y="2126"/>
                    </a:lnTo>
                    <a:lnTo>
                      <a:pt x="696" y="2129"/>
                    </a:lnTo>
                    <a:lnTo>
                      <a:pt x="687" y="2131"/>
                    </a:lnTo>
                    <a:lnTo>
                      <a:pt x="682" y="2135"/>
                    </a:lnTo>
                    <a:lnTo>
                      <a:pt x="679" y="2140"/>
                    </a:lnTo>
                    <a:lnTo>
                      <a:pt x="677" y="2146"/>
                    </a:lnTo>
                    <a:lnTo>
                      <a:pt x="675" y="2151"/>
                    </a:lnTo>
                    <a:lnTo>
                      <a:pt x="674" y="2157"/>
                    </a:lnTo>
                    <a:lnTo>
                      <a:pt x="671" y="2163"/>
                    </a:lnTo>
                    <a:lnTo>
                      <a:pt x="666" y="2168"/>
                    </a:lnTo>
                    <a:lnTo>
                      <a:pt x="664" y="2170"/>
                    </a:lnTo>
                    <a:lnTo>
                      <a:pt x="660" y="2170"/>
                    </a:lnTo>
                    <a:lnTo>
                      <a:pt x="656" y="2169"/>
                    </a:lnTo>
                    <a:lnTo>
                      <a:pt x="652" y="2168"/>
                    </a:lnTo>
                    <a:lnTo>
                      <a:pt x="642" y="2160"/>
                    </a:lnTo>
                    <a:lnTo>
                      <a:pt x="633" y="2151"/>
                    </a:lnTo>
                    <a:lnTo>
                      <a:pt x="616" y="2130"/>
                    </a:lnTo>
                    <a:lnTo>
                      <a:pt x="607" y="2116"/>
                    </a:lnTo>
                    <a:lnTo>
                      <a:pt x="591" y="2095"/>
                    </a:lnTo>
                    <a:lnTo>
                      <a:pt x="569" y="2069"/>
                    </a:lnTo>
                    <a:lnTo>
                      <a:pt x="547" y="2045"/>
                    </a:lnTo>
                    <a:lnTo>
                      <a:pt x="538" y="2030"/>
                    </a:lnTo>
                    <a:lnTo>
                      <a:pt x="539" y="2025"/>
                    </a:lnTo>
                    <a:lnTo>
                      <a:pt x="542" y="2020"/>
                    </a:lnTo>
                    <a:lnTo>
                      <a:pt x="544" y="2014"/>
                    </a:lnTo>
                    <a:lnTo>
                      <a:pt x="548" y="2007"/>
                    </a:lnTo>
                    <a:lnTo>
                      <a:pt x="557" y="1992"/>
                    </a:lnTo>
                    <a:lnTo>
                      <a:pt x="566" y="1976"/>
                    </a:lnTo>
                    <a:lnTo>
                      <a:pt x="569" y="1967"/>
                    </a:lnTo>
                    <a:lnTo>
                      <a:pt x="570" y="1959"/>
                    </a:lnTo>
                    <a:lnTo>
                      <a:pt x="570" y="1951"/>
                    </a:lnTo>
                    <a:lnTo>
                      <a:pt x="569" y="1945"/>
                    </a:lnTo>
                    <a:lnTo>
                      <a:pt x="565" y="1938"/>
                    </a:lnTo>
                    <a:lnTo>
                      <a:pt x="559" y="1932"/>
                    </a:lnTo>
                    <a:lnTo>
                      <a:pt x="548" y="1927"/>
                    </a:lnTo>
                    <a:lnTo>
                      <a:pt x="535" y="1923"/>
                    </a:lnTo>
                    <a:lnTo>
                      <a:pt x="507" y="1915"/>
                    </a:lnTo>
                    <a:lnTo>
                      <a:pt x="478" y="1907"/>
                    </a:lnTo>
                    <a:lnTo>
                      <a:pt x="449" y="1898"/>
                    </a:lnTo>
                    <a:lnTo>
                      <a:pt x="419" y="1888"/>
                    </a:lnTo>
                    <a:lnTo>
                      <a:pt x="390" y="1876"/>
                    </a:lnTo>
                    <a:lnTo>
                      <a:pt x="363" y="1862"/>
                    </a:lnTo>
                    <a:lnTo>
                      <a:pt x="350" y="1853"/>
                    </a:lnTo>
                    <a:lnTo>
                      <a:pt x="337" y="1845"/>
                    </a:lnTo>
                    <a:lnTo>
                      <a:pt x="326" y="1835"/>
                    </a:lnTo>
                    <a:lnTo>
                      <a:pt x="314" y="1824"/>
                    </a:lnTo>
                    <a:lnTo>
                      <a:pt x="305" y="1814"/>
                    </a:lnTo>
                    <a:lnTo>
                      <a:pt x="297" y="1801"/>
                    </a:lnTo>
                    <a:lnTo>
                      <a:pt x="289" y="1788"/>
                    </a:lnTo>
                    <a:lnTo>
                      <a:pt x="283" y="1775"/>
                    </a:lnTo>
                    <a:lnTo>
                      <a:pt x="279" y="1769"/>
                    </a:lnTo>
                    <a:lnTo>
                      <a:pt x="275" y="1764"/>
                    </a:lnTo>
                    <a:lnTo>
                      <a:pt x="270" y="1760"/>
                    </a:lnTo>
                    <a:lnTo>
                      <a:pt x="266" y="1756"/>
                    </a:lnTo>
                    <a:lnTo>
                      <a:pt x="259" y="1753"/>
                    </a:lnTo>
                    <a:lnTo>
                      <a:pt x="254" y="1751"/>
                    </a:lnTo>
                    <a:lnTo>
                      <a:pt x="246" y="1751"/>
                    </a:lnTo>
                    <a:lnTo>
                      <a:pt x="239" y="1752"/>
                    </a:lnTo>
                    <a:lnTo>
                      <a:pt x="227" y="1754"/>
                    </a:lnTo>
                    <a:lnTo>
                      <a:pt x="215" y="1757"/>
                    </a:lnTo>
                    <a:lnTo>
                      <a:pt x="205" y="1761"/>
                    </a:lnTo>
                    <a:lnTo>
                      <a:pt x="196" y="1766"/>
                    </a:lnTo>
                    <a:lnTo>
                      <a:pt x="179" y="1774"/>
                    </a:lnTo>
                    <a:lnTo>
                      <a:pt x="162" y="1780"/>
                    </a:lnTo>
                    <a:lnTo>
                      <a:pt x="155" y="1782"/>
                    </a:lnTo>
                    <a:lnTo>
                      <a:pt x="147" y="1783"/>
                    </a:lnTo>
                    <a:lnTo>
                      <a:pt x="139" y="1782"/>
                    </a:lnTo>
                    <a:lnTo>
                      <a:pt x="130" y="1780"/>
                    </a:lnTo>
                    <a:lnTo>
                      <a:pt x="121" y="1776"/>
                    </a:lnTo>
                    <a:lnTo>
                      <a:pt x="110" y="1771"/>
                    </a:lnTo>
                    <a:lnTo>
                      <a:pt x="100" y="1764"/>
                    </a:lnTo>
                    <a:lnTo>
                      <a:pt x="87" y="1753"/>
                    </a:lnTo>
                    <a:lnTo>
                      <a:pt x="92" y="1742"/>
                    </a:lnTo>
                    <a:lnTo>
                      <a:pt x="98" y="1731"/>
                    </a:lnTo>
                    <a:lnTo>
                      <a:pt x="104" y="1721"/>
                    </a:lnTo>
                    <a:lnTo>
                      <a:pt x="110" y="1710"/>
                    </a:lnTo>
                    <a:lnTo>
                      <a:pt x="126" y="1691"/>
                    </a:lnTo>
                    <a:lnTo>
                      <a:pt x="142" y="1673"/>
                    </a:lnTo>
                    <a:lnTo>
                      <a:pt x="158" y="1653"/>
                    </a:lnTo>
                    <a:lnTo>
                      <a:pt x="174" y="1634"/>
                    </a:lnTo>
                    <a:lnTo>
                      <a:pt x="180" y="1625"/>
                    </a:lnTo>
                    <a:lnTo>
                      <a:pt x="187" y="1615"/>
                    </a:lnTo>
                    <a:lnTo>
                      <a:pt x="192" y="1604"/>
                    </a:lnTo>
                    <a:lnTo>
                      <a:pt x="196" y="1593"/>
                    </a:lnTo>
                    <a:lnTo>
                      <a:pt x="200" y="1577"/>
                    </a:lnTo>
                    <a:lnTo>
                      <a:pt x="202" y="1561"/>
                    </a:lnTo>
                    <a:lnTo>
                      <a:pt x="204" y="1547"/>
                    </a:lnTo>
                    <a:lnTo>
                      <a:pt x="204" y="1532"/>
                    </a:lnTo>
                    <a:lnTo>
                      <a:pt x="202" y="1517"/>
                    </a:lnTo>
                    <a:lnTo>
                      <a:pt x="200" y="1504"/>
                    </a:lnTo>
                    <a:lnTo>
                      <a:pt x="196" y="1490"/>
                    </a:lnTo>
                    <a:lnTo>
                      <a:pt x="192" y="1476"/>
                    </a:lnTo>
                    <a:lnTo>
                      <a:pt x="182" y="1450"/>
                    </a:lnTo>
                    <a:lnTo>
                      <a:pt x="169" y="1423"/>
                    </a:lnTo>
                    <a:lnTo>
                      <a:pt x="157" y="1396"/>
                    </a:lnTo>
                    <a:lnTo>
                      <a:pt x="145" y="1370"/>
                    </a:lnTo>
                    <a:lnTo>
                      <a:pt x="142" y="1359"/>
                    </a:lnTo>
                    <a:lnTo>
                      <a:pt x="139" y="1350"/>
                    </a:lnTo>
                    <a:lnTo>
                      <a:pt x="138" y="1341"/>
                    </a:lnTo>
                    <a:lnTo>
                      <a:pt x="136" y="1332"/>
                    </a:lnTo>
                    <a:lnTo>
                      <a:pt x="136" y="1315"/>
                    </a:lnTo>
                    <a:lnTo>
                      <a:pt x="136" y="1297"/>
                    </a:lnTo>
                    <a:lnTo>
                      <a:pt x="138" y="1280"/>
                    </a:lnTo>
                    <a:lnTo>
                      <a:pt x="140" y="1263"/>
                    </a:lnTo>
                    <a:lnTo>
                      <a:pt x="140" y="1245"/>
                    </a:lnTo>
                    <a:lnTo>
                      <a:pt x="140" y="1227"/>
                    </a:lnTo>
                    <a:lnTo>
                      <a:pt x="136" y="1209"/>
                    </a:lnTo>
                    <a:lnTo>
                      <a:pt x="132" y="1191"/>
                    </a:lnTo>
                    <a:lnTo>
                      <a:pt x="129" y="1174"/>
                    </a:lnTo>
                    <a:lnTo>
                      <a:pt x="127" y="1156"/>
                    </a:lnTo>
                    <a:lnTo>
                      <a:pt x="130" y="1139"/>
                    </a:lnTo>
                    <a:lnTo>
                      <a:pt x="131" y="1127"/>
                    </a:lnTo>
                    <a:lnTo>
                      <a:pt x="131" y="1118"/>
                    </a:lnTo>
                    <a:lnTo>
                      <a:pt x="130" y="1111"/>
                    </a:lnTo>
                    <a:lnTo>
                      <a:pt x="125" y="1096"/>
                    </a:lnTo>
                    <a:lnTo>
                      <a:pt x="113" y="1076"/>
                    </a:lnTo>
                    <a:lnTo>
                      <a:pt x="110" y="1072"/>
                    </a:lnTo>
                    <a:lnTo>
                      <a:pt x="109" y="1067"/>
                    </a:lnTo>
                    <a:lnTo>
                      <a:pt x="109" y="1063"/>
                    </a:lnTo>
                    <a:lnTo>
                      <a:pt x="109" y="1059"/>
                    </a:lnTo>
                    <a:lnTo>
                      <a:pt x="110" y="1051"/>
                    </a:lnTo>
                    <a:lnTo>
                      <a:pt x="114" y="1043"/>
                    </a:lnTo>
                    <a:lnTo>
                      <a:pt x="125" y="1029"/>
                    </a:lnTo>
                    <a:lnTo>
                      <a:pt x="134" y="1015"/>
                    </a:lnTo>
                    <a:lnTo>
                      <a:pt x="138" y="1004"/>
                    </a:lnTo>
                    <a:lnTo>
                      <a:pt x="139" y="995"/>
                    </a:lnTo>
                    <a:lnTo>
                      <a:pt x="139" y="985"/>
                    </a:lnTo>
                    <a:lnTo>
                      <a:pt x="135" y="976"/>
                    </a:lnTo>
                    <a:lnTo>
                      <a:pt x="131" y="967"/>
                    </a:lnTo>
                    <a:lnTo>
                      <a:pt x="125" y="958"/>
                    </a:lnTo>
                    <a:lnTo>
                      <a:pt x="118" y="949"/>
                    </a:lnTo>
                    <a:lnTo>
                      <a:pt x="109" y="941"/>
                    </a:lnTo>
                    <a:lnTo>
                      <a:pt x="72" y="909"/>
                    </a:lnTo>
                    <a:lnTo>
                      <a:pt x="38" y="881"/>
                    </a:lnTo>
                    <a:lnTo>
                      <a:pt x="18" y="863"/>
                    </a:lnTo>
                    <a:lnTo>
                      <a:pt x="6" y="850"/>
                    </a:lnTo>
                    <a:lnTo>
                      <a:pt x="3" y="845"/>
                    </a:lnTo>
                    <a:lnTo>
                      <a:pt x="0" y="841"/>
                    </a:lnTo>
                    <a:lnTo>
                      <a:pt x="0" y="837"/>
                    </a:lnTo>
                    <a:lnTo>
                      <a:pt x="0" y="835"/>
                    </a:lnTo>
                    <a:lnTo>
                      <a:pt x="16" y="820"/>
                    </a:lnTo>
                    <a:lnTo>
                      <a:pt x="46" y="792"/>
                    </a:lnTo>
                    <a:lnTo>
                      <a:pt x="57" y="778"/>
                    </a:lnTo>
                    <a:lnTo>
                      <a:pt x="68" y="761"/>
                    </a:lnTo>
                    <a:lnTo>
                      <a:pt x="75" y="744"/>
                    </a:lnTo>
                    <a:lnTo>
                      <a:pt x="82" y="726"/>
                    </a:lnTo>
                    <a:lnTo>
                      <a:pt x="85" y="716"/>
                    </a:lnTo>
                    <a:lnTo>
                      <a:pt x="86" y="705"/>
                    </a:lnTo>
                    <a:lnTo>
                      <a:pt x="86" y="694"/>
                    </a:lnTo>
                    <a:lnTo>
                      <a:pt x="86" y="682"/>
                    </a:lnTo>
                    <a:lnTo>
                      <a:pt x="83" y="660"/>
                    </a:lnTo>
                    <a:lnTo>
                      <a:pt x="79" y="637"/>
                    </a:lnTo>
                    <a:lnTo>
                      <a:pt x="69" y="590"/>
                    </a:lnTo>
                    <a:lnTo>
                      <a:pt x="60" y="546"/>
                    </a:lnTo>
                    <a:lnTo>
                      <a:pt x="47" y="46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71" name="Freeform 69"/>
              <p:cNvSpPr>
                <a:spLocks/>
              </p:cNvSpPr>
              <p:nvPr/>
            </p:nvSpPr>
            <p:spPr bwMode="auto">
              <a:xfrm>
                <a:off x="7801636" y="3215353"/>
                <a:ext cx="23683" cy="32513"/>
              </a:xfrm>
              <a:custGeom>
                <a:avLst/>
                <a:gdLst/>
                <a:ahLst/>
                <a:cxnLst>
                  <a:cxn ang="0">
                    <a:pos x="18" y="0"/>
                  </a:cxn>
                  <a:cxn ang="0">
                    <a:pos x="0" y="48"/>
                  </a:cxn>
                  <a:cxn ang="0">
                    <a:pos x="0" y="48"/>
                  </a:cxn>
                  <a:cxn ang="0">
                    <a:pos x="8" y="53"/>
                  </a:cxn>
                  <a:cxn ang="0">
                    <a:pos x="17" y="60"/>
                  </a:cxn>
                  <a:cxn ang="0">
                    <a:pos x="27" y="66"/>
                  </a:cxn>
                  <a:cxn ang="0">
                    <a:pos x="38" y="70"/>
                  </a:cxn>
                  <a:cxn ang="0">
                    <a:pos x="43" y="72"/>
                  </a:cxn>
                  <a:cxn ang="0">
                    <a:pos x="47" y="72"/>
                  </a:cxn>
                  <a:cxn ang="0">
                    <a:pos x="49" y="72"/>
                  </a:cxn>
                  <a:cxn ang="0">
                    <a:pos x="52" y="69"/>
                  </a:cxn>
                  <a:cxn ang="0">
                    <a:pos x="53" y="66"/>
                  </a:cxn>
                  <a:cxn ang="0">
                    <a:pos x="53" y="61"/>
                  </a:cxn>
                  <a:cxn ang="0">
                    <a:pos x="51" y="55"/>
                  </a:cxn>
                  <a:cxn ang="0">
                    <a:pos x="47" y="47"/>
                  </a:cxn>
                  <a:cxn ang="0">
                    <a:pos x="35" y="27"/>
                  </a:cxn>
                  <a:cxn ang="0">
                    <a:pos x="23" y="9"/>
                  </a:cxn>
                  <a:cxn ang="0">
                    <a:pos x="21" y="4"/>
                  </a:cxn>
                  <a:cxn ang="0">
                    <a:pos x="18" y="0"/>
                  </a:cxn>
                  <a:cxn ang="0">
                    <a:pos x="18" y="0"/>
                  </a:cxn>
                </a:cxnLst>
                <a:rect l="0" t="0" r="r" b="b"/>
                <a:pathLst>
                  <a:path w="53" h="72">
                    <a:moveTo>
                      <a:pt x="18" y="0"/>
                    </a:moveTo>
                    <a:lnTo>
                      <a:pt x="0" y="48"/>
                    </a:lnTo>
                    <a:lnTo>
                      <a:pt x="0" y="48"/>
                    </a:lnTo>
                    <a:lnTo>
                      <a:pt x="8" y="53"/>
                    </a:lnTo>
                    <a:lnTo>
                      <a:pt x="17" y="60"/>
                    </a:lnTo>
                    <a:lnTo>
                      <a:pt x="27" y="66"/>
                    </a:lnTo>
                    <a:lnTo>
                      <a:pt x="38" y="70"/>
                    </a:lnTo>
                    <a:lnTo>
                      <a:pt x="43" y="72"/>
                    </a:lnTo>
                    <a:lnTo>
                      <a:pt x="47" y="72"/>
                    </a:lnTo>
                    <a:lnTo>
                      <a:pt x="49" y="72"/>
                    </a:lnTo>
                    <a:lnTo>
                      <a:pt x="52" y="69"/>
                    </a:lnTo>
                    <a:lnTo>
                      <a:pt x="53" y="66"/>
                    </a:lnTo>
                    <a:lnTo>
                      <a:pt x="53" y="61"/>
                    </a:lnTo>
                    <a:lnTo>
                      <a:pt x="51" y="55"/>
                    </a:lnTo>
                    <a:lnTo>
                      <a:pt x="47" y="47"/>
                    </a:lnTo>
                    <a:lnTo>
                      <a:pt x="35" y="27"/>
                    </a:lnTo>
                    <a:lnTo>
                      <a:pt x="23" y="9"/>
                    </a:lnTo>
                    <a:lnTo>
                      <a:pt x="21" y="4"/>
                    </a:lnTo>
                    <a:lnTo>
                      <a:pt x="18" y="0"/>
                    </a:lnTo>
                    <a:lnTo>
                      <a:pt x="18" y="0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72" name="Freeform 70"/>
              <p:cNvSpPr>
                <a:spLocks/>
              </p:cNvSpPr>
              <p:nvPr/>
            </p:nvSpPr>
            <p:spPr bwMode="auto">
              <a:xfrm>
                <a:off x="7785240" y="3063624"/>
                <a:ext cx="1297044" cy="1202999"/>
              </a:xfrm>
              <a:custGeom>
                <a:avLst/>
                <a:gdLst/>
                <a:ahLst/>
                <a:cxnLst>
                  <a:cxn ang="0">
                    <a:pos x="136" y="526"/>
                  </a:cxn>
                  <a:cxn ang="0">
                    <a:pos x="175" y="603"/>
                  </a:cxn>
                  <a:cxn ang="0">
                    <a:pos x="158" y="443"/>
                  </a:cxn>
                  <a:cxn ang="0">
                    <a:pos x="123" y="407"/>
                  </a:cxn>
                  <a:cxn ang="0">
                    <a:pos x="126" y="344"/>
                  </a:cxn>
                  <a:cxn ang="0">
                    <a:pos x="447" y="283"/>
                  </a:cxn>
                  <a:cxn ang="0">
                    <a:pos x="671" y="126"/>
                  </a:cxn>
                  <a:cxn ang="0">
                    <a:pos x="826" y="70"/>
                  </a:cxn>
                  <a:cxn ang="0">
                    <a:pos x="949" y="29"/>
                  </a:cxn>
                  <a:cxn ang="0">
                    <a:pos x="1228" y="15"/>
                  </a:cxn>
                  <a:cxn ang="0">
                    <a:pos x="1274" y="85"/>
                  </a:cxn>
                  <a:cxn ang="0">
                    <a:pos x="1169" y="33"/>
                  </a:cxn>
                  <a:cxn ang="0">
                    <a:pos x="1288" y="206"/>
                  </a:cxn>
                  <a:cxn ang="0">
                    <a:pos x="1458" y="216"/>
                  </a:cxn>
                  <a:cxn ang="0">
                    <a:pos x="1784" y="187"/>
                  </a:cxn>
                  <a:cxn ang="0">
                    <a:pos x="2209" y="227"/>
                  </a:cxn>
                  <a:cxn ang="0">
                    <a:pos x="2492" y="222"/>
                  </a:cxn>
                  <a:cxn ang="0">
                    <a:pos x="2598" y="348"/>
                  </a:cxn>
                  <a:cxn ang="0">
                    <a:pos x="2635" y="538"/>
                  </a:cxn>
                  <a:cxn ang="0">
                    <a:pos x="2729" y="801"/>
                  </a:cxn>
                  <a:cxn ang="0">
                    <a:pos x="2651" y="1015"/>
                  </a:cxn>
                  <a:cxn ang="0">
                    <a:pos x="2577" y="1169"/>
                  </a:cxn>
                  <a:cxn ang="0">
                    <a:pos x="2661" y="1263"/>
                  </a:cxn>
                  <a:cxn ang="0">
                    <a:pos x="2682" y="1464"/>
                  </a:cxn>
                  <a:cxn ang="0">
                    <a:pos x="2734" y="1573"/>
                  </a:cxn>
                  <a:cxn ang="0">
                    <a:pos x="2752" y="1679"/>
                  </a:cxn>
                  <a:cxn ang="0">
                    <a:pos x="2837" y="1797"/>
                  </a:cxn>
                  <a:cxn ang="0">
                    <a:pos x="2805" y="1871"/>
                  </a:cxn>
                  <a:cxn ang="0">
                    <a:pos x="2825" y="1995"/>
                  </a:cxn>
                  <a:cxn ang="0">
                    <a:pos x="2507" y="2339"/>
                  </a:cxn>
                  <a:cxn ang="0">
                    <a:pos x="2494" y="2554"/>
                  </a:cxn>
                  <a:cxn ang="0">
                    <a:pos x="2284" y="2609"/>
                  </a:cxn>
                  <a:cxn ang="0">
                    <a:pos x="2139" y="2512"/>
                  </a:cxn>
                  <a:cxn ang="0">
                    <a:pos x="1909" y="2551"/>
                  </a:cxn>
                  <a:cxn ang="0">
                    <a:pos x="1795" y="2506"/>
                  </a:cxn>
                  <a:cxn ang="0">
                    <a:pos x="1620" y="2567"/>
                  </a:cxn>
                  <a:cxn ang="0">
                    <a:pos x="1530" y="2459"/>
                  </a:cxn>
                  <a:cxn ang="0">
                    <a:pos x="1398" y="2451"/>
                  </a:cxn>
                  <a:cxn ang="0">
                    <a:pos x="1304" y="2444"/>
                  </a:cxn>
                  <a:cxn ang="0">
                    <a:pos x="1216" y="2262"/>
                  </a:cxn>
                  <a:cxn ang="0">
                    <a:pos x="1103" y="2232"/>
                  </a:cxn>
                  <a:cxn ang="0">
                    <a:pos x="1025" y="2205"/>
                  </a:cxn>
                  <a:cxn ang="0">
                    <a:pos x="967" y="2113"/>
                  </a:cxn>
                  <a:cxn ang="0">
                    <a:pos x="896" y="2077"/>
                  </a:cxn>
                  <a:cxn ang="0">
                    <a:pos x="723" y="2039"/>
                  </a:cxn>
                  <a:cxn ang="0">
                    <a:pos x="696" y="2129"/>
                  </a:cxn>
                  <a:cxn ang="0">
                    <a:pos x="652" y="2168"/>
                  </a:cxn>
                  <a:cxn ang="0">
                    <a:pos x="548" y="2007"/>
                  </a:cxn>
                  <a:cxn ang="0">
                    <a:pos x="478" y="1907"/>
                  </a:cxn>
                  <a:cxn ang="0">
                    <a:pos x="283" y="1775"/>
                  </a:cxn>
                  <a:cxn ang="0">
                    <a:pos x="196" y="1766"/>
                  </a:cxn>
                  <a:cxn ang="0">
                    <a:pos x="92" y="1742"/>
                  </a:cxn>
                  <a:cxn ang="0">
                    <a:pos x="200" y="1577"/>
                  </a:cxn>
                  <a:cxn ang="0">
                    <a:pos x="142" y="1359"/>
                  </a:cxn>
                  <a:cxn ang="0">
                    <a:pos x="129" y="1174"/>
                  </a:cxn>
                  <a:cxn ang="0">
                    <a:pos x="110" y="1051"/>
                  </a:cxn>
                  <a:cxn ang="0">
                    <a:pos x="72" y="909"/>
                  </a:cxn>
                  <a:cxn ang="0">
                    <a:pos x="75" y="744"/>
                  </a:cxn>
                </a:cxnLst>
                <a:rect l="0" t="0" r="r" b="b"/>
                <a:pathLst>
                  <a:path w="2848" h="2668">
                    <a:moveTo>
                      <a:pt x="47" y="462"/>
                    </a:moveTo>
                    <a:lnTo>
                      <a:pt x="57" y="466"/>
                    </a:lnTo>
                    <a:lnTo>
                      <a:pt x="66" y="468"/>
                    </a:lnTo>
                    <a:lnTo>
                      <a:pt x="77" y="472"/>
                    </a:lnTo>
                    <a:lnTo>
                      <a:pt x="87" y="475"/>
                    </a:lnTo>
                    <a:lnTo>
                      <a:pt x="98" y="477"/>
                    </a:lnTo>
                    <a:lnTo>
                      <a:pt x="107" y="482"/>
                    </a:lnTo>
                    <a:lnTo>
                      <a:pt x="114" y="489"/>
                    </a:lnTo>
                    <a:lnTo>
                      <a:pt x="122" y="497"/>
                    </a:lnTo>
                    <a:lnTo>
                      <a:pt x="127" y="506"/>
                    </a:lnTo>
                    <a:lnTo>
                      <a:pt x="132" y="516"/>
                    </a:lnTo>
                    <a:lnTo>
                      <a:pt x="136" y="526"/>
                    </a:lnTo>
                    <a:lnTo>
                      <a:pt x="140" y="537"/>
                    </a:lnTo>
                    <a:lnTo>
                      <a:pt x="147" y="560"/>
                    </a:lnTo>
                    <a:lnTo>
                      <a:pt x="152" y="582"/>
                    </a:lnTo>
                    <a:lnTo>
                      <a:pt x="156" y="594"/>
                    </a:lnTo>
                    <a:lnTo>
                      <a:pt x="158" y="605"/>
                    </a:lnTo>
                    <a:lnTo>
                      <a:pt x="162" y="616"/>
                    </a:lnTo>
                    <a:lnTo>
                      <a:pt x="167" y="625"/>
                    </a:lnTo>
                    <a:lnTo>
                      <a:pt x="170" y="625"/>
                    </a:lnTo>
                    <a:lnTo>
                      <a:pt x="173" y="621"/>
                    </a:lnTo>
                    <a:lnTo>
                      <a:pt x="174" y="616"/>
                    </a:lnTo>
                    <a:lnTo>
                      <a:pt x="175" y="609"/>
                    </a:lnTo>
                    <a:lnTo>
                      <a:pt x="175" y="603"/>
                    </a:lnTo>
                    <a:lnTo>
                      <a:pt x="174" y="589"/>
                    </a:lnTo>
                    <a:lnTo>
                      <a:pt x="173" y="578"/>
                    </a:lnTo>
                    <a:lnTo>
                      <a:pt x="167" y="570"/>
                    </a:lnTo>
                    <a:lnTo>
                      <a:pt x="164" y="557"/>
                    </a:lnTo>
                    <a:lnTo>
                      <a:pt x="158" y="542"/>
                    </a:lnTo>
                    <a:lnTo>
                      <a:pt x="155" y="524"/>
                    </a:lnTo>
                    <a:lnTo>
                      <a:pt x="149" y="489"/>
                    </a:lnTo>
                    <a:lnTo>
                      <a:pt x="147" y="466"/>
                    </a:lnTo>
                    <a:lnTo>
                      <a:pt x="148" y="460"/>
                    </a:lnTo>
                    <a:lnTo>
                      <a:pt x="151" y="455"/>
                    </a:lnTo>
                    <a:lnTo>
                      <a:pt x="155" y="449"/>
                    </a:lnTo>
                    <a:lnTo>
                      <a:pt x="158" y="443"/>
                    </a:lnTo>
                    <a:lnTo>
                      <a:pt x="170" y="431"/>
                    </a:lnTo>
                    <a:lnTo>
                      <a:pt x="183" y="418"/>
                    </a:lnTo>
                    <a:lnTo>
                      <a:pt x="195" y="405"/>
                    </a:lnTo>
                    <a:lnTo>
                      <a:pt x="204" y="392"/>
                    </a:lnTo>
                    <a:lnTo>
                      <a:pt x="206" y="385"/>
                    </a:lnTo>
                    <a:lnTo>
                      <a:pt x="208" y="380"/>
                    </a:lnTo>
                    <a:lnTo>
                      <a:pt x="206" y="375"/>
                    </a:lnTo>
                    <a:lnTo>
                      <a:pt x="204" y="370"/>
                    </a:lnTo>
                    <a:lnTo>
                      <a:pt x="178" y="381"/>
                    </a:lnTo>
                    <a:lnTo>
                      <a:pt x="140" y="402"/>
                    </a:lnTo>
                    <a:lnTo>
                      <a:pt x="131" y="405"/>
                    </a:lnTo>
                    <a:lnTo>
                      <a:pt x="123" y="407"/>
                    </a:lnTo>
                    <a:lnTo>
                      <a:pt x="117" y="407"/>
                    </a:lnTo>
                    <a:lnTo>
                      <a:pt x="112" y="405"/>
                    </a:lnTo>
                    <a:lnTo>
                      <a:pt x="109" y="402"/>
                    </a:lnTo>
                    <a:lnTo>
                      <a:pt x="108" y="399"/>
                    </a:lnTo>
                    <a:lnTo>
                      <a:pt x="107" y="396"/>
                    </a:lnTo>
                    <a:lnTo>
                      <a:pt x="107" y="390"/>
                    </a:lnTo>
                    <a:lnTo>
                      <a:pt x="107" y="379"/>
                    </a:lnTo>
                    <a:lnTo>
                      <a:pt x="109" y="363"/>
                    </a:lnTo>
                    <a:lnTo>
                      <a:pt x="112" y="358"/>
                    </a:lnTo>
                    <a:lnTo>
                      <a:pt x="116" y="353"/>
                    </a:lnTo>
                    <a:lnTo>
                      <a:pt x="121" y="348"/>
                    </a:lnTo>
                    <a:lnTo>
                      <a:pt x="126" y="344"/>
                    </a:lnTo>
                    <a:lnTo>
                      <a:pt x="140" y="336"/>
                    </a:lnTo>
                    <a:lnTo>
                      <a:pt x="157" y="328"/>
                    </a:lnTo>
                    <a:lnTo>
                      <a:pt x="189" y="318"/>
                    </a:lnTo>
                    <a:lnTo>
                      <a:pt x="215" y="307"/>
                    </a:lnTo>
                    <a:lnTo>
                      <a:pt x="235" y="304"/>
                    </a:lnTo>
                    <a:lnTo>
                      <a:pt x="254" y="300"/>
                    </a:lnTo>
                    <a:lnTo>
                      <a:pt x="274" y="297"/>
                    </a:lnTo>
                    <a:lnTo>
                      <a:pt x="293" y="295"/>
                    </a:lnTo>
                    <a:lnTo>
                      <a:pt x="332" y="292"/>
                    </a:lnTo>
                    <a:lnTo>
                      <a:pt x="371" y="289"/>
                    </a:lnTo>
                    <a:lnTo>
                      <a:pt x="410" y="287"/>
                    </a:lnTo>
                    <a:lnTo>
                      <a:pt x="447" y="283"/>
                    </a:lnTo>
                    <a:lnTo>
                      <a:pt x="467" y="280"/>
                    </a:lnTo>
                    <a:lnTo>
                      <a:pt x="486" y="276"/>
                    </a:lnTo>
                    <a:lnTo>
                      <a:pt x="504" y="271"/>
                    </a:lnTo>
                    <a:lnTo>
                      <a:pt x="522" y="266"/>
                    </a:lnTo>
                    <a:lnTo>
                      <a:pt x="534" y="261"/>
                    </a:lnTo>
                    <a:lnTo>
                      <a:pt x="546" y="256"/>
                    </a:lnTo>
                    <a:lnTo>
                      <a:pt x="556" y="249"/>
                    </a:lnTo>
                    <a:lnTo>
                      <a:pt x="566" y="241"/>
                    </a:lnTo>
                    <a:lnTo>
                      <a:pt x="586" y="225"/>
                    </a:lnTo>
                    <a:lnTo>
                      <a:pt x="604" y="205"/>
                    </a:lnTo>
                    <a:lnTo>
                      <a:pt x="638" y="165"/>
                    </a:lnTo>
                    <a:lnTo>
                      <a:pt x="671" y="126"/>
                    </a:lnTo>
                    <a:lnTo>
                      <a:pt x="682" y="116"/>
                    </a:lnTo>
                    <a:lnTo>
                      <a:pt x="692" y="108"/>
                    </a:lnTo>
                    <a:lnTo>
                      <a:pt x="701" y="104"/>
                    </a:lnTo>
                    <a:lnTo>
                      <a:pt x="710" y="102"/>
                    </a:lnTo>
                    <a:lnTo>
                      <a:pt x="732" y="100"/>
                    </a:lnTo>
                    <a:lnTo>
                      <a:pt x="761" y="100"/>
                    </a:lnTo>
                    <a:lnTo>
                      <a:pt x="772" y="100"/>
                    </a:lnTo>
                    <a:lnTo>
                      <a:pt x="782" y="98"/>
                    </a:lnTo>
                    <a:lnTo>
                      <a:pt x="791" y="95"/>
                    </a:lnTo>
                    <a:lnTo>
                      <a:pt x="798" y="91"/>
                    </a:lnTo>
                    <a:lnTo>
                      <a:pt x="813" y="82"/>
                    </a:lnTo>
                    <a:lnTo>
                      <a:pt x="826" y="70"/>
                    </a:lnTo>
                    <a:lnTo>
                      <a:pt x="837" y="59"/>
                    </a:lnTo>
                    <a:lnTo>
                      <a:pt x="850" y="48"/>
                    </a:lnTo>
                    <a:lnTo>
                      <a:pt x="857" y="45"/>
                    </a:lnTo>
                    <a:lnTo>
                      <a:pt x="864" y="39"/>
                    </a:lnTo>
                    <a:lnTo>
                      <a:pt x="872" y="37"/>
                    </a:lnTo>
                    <a:lnTo>
                      <a:pt x="881" y="34"/>
                    </a:lnTo>
                    <a:lnTo>
                      <a:pt x="898" y="34"/>
                    </a:lnTo>
                    <a:lnTo>
                      <a:pt x="916" y="35"/>
                    </a:lnTo>
                    <a:lnTo>
                      <a:pt x="924" y="35"/>
                    </a:lnTo>
                    <a:lnTo>
                      <a:pt x="933" y="35"/>
                    </a:lnTo>
                    <a:lnTo>
                      <a:pt x="941" y="33"/>
                    </a:lnTo>
                    <a:lnTo>
                      <a:pt x="949" y="29"/>
                    </a:lnTo>
                    <a:lnTo>
                      <a:pt x="980" y="25"/>
                    </a:lnTo>
                    <a:lnTo>
                      <a:pt x="1015" y="19"/>
                    </a:lnTo>
                    <a:lnTo>
                      <a:pt x="1050" y="12"/>
                    </a:lnTo>
                    <a:lnTo>
                      <a:pt x="1086" y="7"/>
                    </a:lnTo>
                    <a:lnTo>
                      <a:pt x="1121" y="2"/>
                    </a:lnTo>
                    <a:lnTo>
                      <a:pt x="1155" y="0"/>
                    </a:lnTo>
                    <a:lnTo>
                      <a:pt x="1171" y="0"/>
                    </a:lnTo>
                    <a:lnTo>
                      <a:pt x="1187" y="2"/>
                    </a:lnTo>
                    <a:lnTo>
                      <a:pt x="1201" y="4"/>
                    </a:lnTo>
                    <a:lnTo>
                      <a:pt x="1216" y="7"/>
                    </a:lnTo>
                    <a:lnTo>
                      <a:pt x="1222" y="10"/>
                    </a:lnTo>
                    <a:lnTo>
                      <a:pt x="1228" y="15"/>
                    </a:lnTo>
                    <a:lnTo>
                      <a:pt x="1236" y="21"/>
                    </a:lnTo>
                    <a:lnTo>
                      <a:pt x="1244" y="28"/>
                    </a:lnTo>
                    <a:lnTo>
                      <a:pt x="1258" y="45"/>
                    </a:lnTo>
                    <a:lnTo>
                      <a:pt x="1271" y="61"/>
                    </a:lnTo>
                    <a:lnTo>
                      <a:pt x="1276" y="69"/>
                    </a:lnTo>
                    <a:lnTo>
                      <a:pt x="1279" y="76"/>
                    </a:lnTo>
                    <a:lnTo>
                      <a:pt x="1282" y="81"/>
                    </a:lnTo>
                    <a:lnTo>
                      <a:pt x="1282" y="85"/>
                    </a:lnTo>
                    <a:lnTo>
                      <a:pt x="1280" y="86"/>
                    </a:lnTo>
                    <a:lnTo>
                      <a:pt x="1279" y="86"/>
                    </a:lnTo>
                    <a:lnTo>
                      <a:pt x="1276" y="86"/>
                    </a:lnTo>
                    <a:lnTo>
                      <a:pt x="1274" y="85"/>
                    </a:lnTo>
                    <a:lnTo>
                      <a:pt x="1266" y="81"/>
                    </a:lnTo>
                    <a:lnTo>
                      <a:pt x="1254" y="74"/>
                    </a:lnTo>
                    <a:lnTo>
                      <a:pt x="1238" y="63"/>
                    </a:lnTo>
                    <a:lnTo>
                      <a:pt x="1213" y="42"/>
                    </a:lnTo>
                    <a:lnTo>
                      <a:pt x="1191" y="24"/>
                    </a:lnTo>
                    <a:lnTo>
                      <a:pt x="1178" y="16"/>
                    </a:lnTo>
                    <a:lnTo>
                      <a:pt x="1175" y="17"/>
                    </a:lnTo>
                    <a:lnTo>
                      <a:pt x="1173" y="19"/>
                    </a:lnTo>
                    <a:lnTo>
                      <a:pt x="1171" y="21"/>
                    </a:lnTo>
                    <a:lnTo>
                      <a:pt x="1170" y="22"/>
                    </a:lnTo>
                    <a:lnTo>
                      <a:pt x="1169" y="28"/>
                    </a:lnTo>
                    <a:lnTo>
                      <a:pt x="1169" y="33"/>
                    </a:lnTo>
                    <a:lnTo>
                      <a:pt x="1174" y="46"/>
                    </a:lnTo>
                    <a:lnTo>
                      <a:pt x="1179" y="55"/>
                    </a:lnTo>
                    <a:lnTo>
                      <a:pt x="1190" y="67"/>
                    </a:lnTo>
                    <a:lnTo>
                      <a:pt x="1200" y="77"/>
                    </a:lnTo>
                    <a:lnTo>
                      <a:pt x="1212" y="87"/>
                    </a:lnTo>
                    <a:lnTo>
                      <a:pt x="1222" y="100"/>
                    </a:lnTo>
                    <a:lnTo>
                      <a:pt x="1240" y="130"/>
                    </a:lnTo>
                    <a:lnTo>
                      <a:pt x="1253" y="155"/>
                    </a:lnTo>
                    <a:lnTo>
                      <a:pt x="1263" y="175"/>
                    </a:lnTo>
                    <a:lnTo>
                      <a:pt x="1274" y="192"/>
                    </a:lnTo>
                    <a:lnTo>
                      <a:pt x="1280" y="200"/>
                    </a:lnTo>
                    <a:lnTo>
                      <a:pt x="1288" y="206"/>
                    </a:lnTo>
                    <a:lnTo>
                      <a:pt x="1297" y="212"/>
                    </a:lnTo>
                    <a:lnTo>
                      <a:pt x="1308" y="217"/>
                    </a:lnTo>
                    <a:lnTo>
                      <a:pt x="1320" y="221"/>
                    </a:lnTo>
                    <a:lnTo>
                      <a:pt x="1336" y="225"/>
                    </a:lnTo>
                    <a:lnTo>
                      <a:pt x="1355" y="227"/>
                    </a:lnTo>
                    <a:lnTo>
                      <a:pt x="1377" y="230"/>
                    </a:lnTo>
                    <a:lnTo>
                      <a:pt x="1393" y="231"/>
                    </a:lnTo>
                    <a:lnTo>
                      <a:pt x="1407" y="231"/>
                    </a:lnTo>
                    <a:lnTo>
                      <a:pt x="1420" y="228"/>
                    </a:lnTo>
                    <a:lnTo>
                      <a:pt x="1434" y="226"/>
                    </a:lnTo>
                    <a:lnTo>
                      <a:pt x="1446" y="221"/>
                    </a:lnTo>
                    <a:lnTo>
                      <a:pt x="1458" y="216"/>
                    </a:lnTo>
                    <a:lnTo>
                      <a:pt x="1468" y="209"/>
                    </a:lnTo>
                    <a:lnTo>
                      <a:pt x="1479" y="201"/>
                    </a:lnTo>
                    <a:lnTo>
                      <a:pt x="1489" y="193"/>
                    </a:lnTo>
                    <a:lnTo>
                      <a:pt x="1498" y="183"/>
                    </a:lnTo>
                    <a:lnTo>
                      <a:pt x="1506" y="174"/>
                    </a:lnTo>
                    <a:lnTo>
                      <a:pt x="1515" y="164"/>
                    </a:lnTo>
                    <a:lnTo>
                      <a:pt x="1530" y="142"/>
                    </a:lnTo>
                    <a:lnTo>
                      <a:pt x="1546" y="118"/>
                    </a:lnTo>
                    <a:lnTo>
                      <a:pt x="1546" y="118"/>
                    </a:lnTo>
                    <a:lnTo>
                      <a:pt x="1694" y="166"/>
                    </a:lnTo>
                    <a:lnTo>
                      <a:pt x="1739" y="177"/>
                    </a:lnTo>
                    <a:lnTo>
                      <a:pt x="1784" y="187"/>
                    </a:lnTo>
                    <a:lnTo>
                      <a:pt x="1830" y="196"/>
                    </a:lnTo>
                    <a:lnTo>
                      <a:pt x="1875" y="203"/>
                    </a:lnTo>
                    <a:lnTo>
                      <a:pt x="1907" y="205"/>
                    </a:lnTo>
                    <a:lnTo>
                      <a:pt x="1940" y="206"/>
                    </a:lnTo>
                    <a:lnTo>
                      <a:pt x="1972" y="208"/>
                    </a:lnTo>
                    <a:lnTo>
                      <a:pt x="2004" y="209"/>
                    </a:lnTo>
                    <a:lnTo>
                      <a:pt x="2047" y="214"/>
                    </a:lnTo>
                    <a:lnTo>
                      <a:pt x="2089" y="219"/>
                    </a:lnTo>
                    <a:lnTo>
                      <a:pt x="2129" y="223"/>
                    </a:lnTo>
                    <a:lnTo>
                      <a:pt x="2169" y="226"/>
                    </a:lnTo>
                    <a:lnTo>
                      <a:pt x="2188" y="227"/>
                    </a:lnTo>
                    <a:lnTo>
                      <a:pt x="2209" y="227"/>
                    </a:lnTo>
                    <a:lnTo>
                      <a:pt x="2229" y="226"/>
                    </a:lnTo>
                    <a:lnTo>
                      <a:pt x="2249" y="225"/>
                    </a:lnTo>
                    <a:lnTo>
                      <a:pt x="2270" y="223"/>
                    </a:lnTo>
                    <a:lnTo>
                      <a:pt x="2291" y="219"/>
                    </a:lnTo>
                    <a:lnTo>
                      <a:pt x="2313" y="216"/>
                    </a:lnTo>
                    <a:lnTo>
                      <a:pt x="2335" y="210"/>
                    </a:lnTo>
                    <a:lnTo>
                      <a:pt x="2335" y="210"/>
                    </a:lnTo>
                    <a:lnTo>
                      <a:pt x="2387" y="209"/>
                    </a:lnTo>
                    <a:lnTo>
                      <a:pt x="2433" y="210"/>
                    </a:lnTo>
                    <a:lnTo>
                      <a:pt x="2457" y="213"/>
                    </a:lnTo>
                    <a:lnTo>
                      <a:pt x="2480" y="218"/>
                    </a:lnTo>
                    <a:lnTo>
                      <a:pt x="2492" y="222"/>
                    </a:lnTo>
                    <a:lnTo>
                      <a:pt x="2503" y="226"/>
                    </a:lnTo>
                    <a:lnTo>
                      <a:pt x="2516" y="231"/>
                    </a:lnTo>
                    <a:lnTo>
                      <a:pt x="2529" y="238"/>
                    </a:lnTo>
                    <a:lnTo>
                      <a:pt x="2540" y="244"/>
                    </a:lnTo>
                    <a:lnTo>
                      <a:pt x="2547" y="249"/>
                    </a:lnTo>
                    <a:lnTo>
                      <a:pt x="2555" y="254"/>
                    </a:lnTo>
                    <a:lnTo>
                      <a:pt x="2560" y="261"/>
                    </a:lnTo>
                    <a:lnTo>
                      <a:pt x="2571" y="275"/>
                    </a:lnTo>
                    <a:lnTo>
                      <a:pt x="2581" y="293"/>
                    </a:lnTo>
                    <a:lnTo>
                      <a:pt x="2587" y="309"/>
                    </a:lnTo>
                    <a:lnTo>
                      <a:pt x="2594" y="327"/>
                    </a:lnTo>
                    <a:lnTo>
                      <a:pt x="2598" y="348"/>
                    </a:lnTo>
                    <a:lnTo>
                      <a:pt x="2599" y="363"/>
                    </a:lnTo>
                    <a:lnTo>
                      <a:pt x="2599" y="363"/>
                    </a:lnTo>
                    <a:lnTo>
                      <a:pt x="2595" y="377"/>
                    </a:lnTo>
                    <a:lnTo>
                      <a:pt x="2593" y="392"/>
                    </a:lnTo>
                    <a:lnTo>
                      <a:pt x="2591" y="407"/>
                    </a:lnTo>
                    <a:lnTo>
                      <a:pt x="2591" y="421"/>
                    </a:lnTo>
                    <a:lnTo>
                      <a:pt x="2594" y="437"/>
                    </a:lnTo>
                    <a:lnTo>
                      <a:pt x="2598" y="451"/>
                    </a:lnTo>
                    <a:lnTo>
                      <a:pt x="2602" y="467"/>
                    </a:lnTo>
                    <a:lnTo>
                      <a:pt x="2607" y="481"/>
                    </a:lnTo>
                    <a:lnTo>
                      <a:pt x="2621" y="510"/>
                    </a:lnTo>
                    <a:lnTo>
                      <a:pt x="2635" y="538"/>
                    </a:lnTo>
                    <a:lnTo>
                      <a:pt x="2651" y="565"/>
                    </a:lnTo>
                    <a:lnTo>
                      <a:pt x="2666" y="590"/>
                    </a:lnTo>
                    <a:lnTo>
                      <a:pt x="2677" y="608"/>
                    </a:lnTo>
                    <a:lnTo>
                      <a:pt x="2687" y="627"/>
                    </a:lnTo>
                    <a:lnTo>
                      <a:pt x="2695" y="644"/>
                    </a:lnTo>
                    <a:lnTo>
                      <a:pt x="2703" y="662"/>
                    </a:lnTo>
                    <a:lnTo>
                      <a:pt x="2709" y="679"/>
                    </a:lnTo>
                    <a:lnTo>
                      <a:pt x="2714" y="696"/>
                    </a:lnTo>
                    <a:lnTo>
                      <a:pt x="2718" y="713"/>
                    </a:lnTo>
                    <a:lnTo>
                      <a:pt x="2722" y="730"/>
                    </a:lnTo>
                    <a:lnTo>
                      <a:pt x="2726" y="765"/>
                    </a:lnTo>
                    <a:lnTo>
                      <a:pt x="2729" y="801"/>
                    </a:lnTo>
                    <a:lnTo>
                      <a:pt x="2730" y="840"/>
                    </a:lnTo>
                    <a:lnTo>
                      <a:pt x="2730" y="883"/>
                    </a:lnTo>
                    <a:lnTo>
                      <a:pt x="2730" y="896"/>
                    </a:lnTo>
                    <a:lnTo>
                      <a:pt x="2729" y="907"/>
                    </a:lnTo>
                    <a:lnTo>
                      <a:pt x="2726" y="919"/>
                    </a:lnTo>
                    <a:lnTo>
                      <a:pt x="2723" y="928"/>
                    </a:lnTo>
                    <a:lnTo>
                      <a:pt x="2720" y="937"/>
                    </a:lnTo>
                    <a:lnTo>
                      <a:pt x="2716" y="945"/>
                    </a:lnTo>
                    <a:lnTo>
                      <a:pt x="2711" y="951"/>
                    </a:lnTo>
                    <a:lnTo>
                      <a:pt x="2705" y="958"/>
                    </a:lnTo>
                    <a:lnTo>
                      <a:pt x="2679" y="984"/>
                    </a:lnTo>
                    <a:lnTo>
                      <a:pt x="2651" y="1015"/>
                    </a:lnTo>
                    <a:lnTo>
                      <a:pt x="2633" y="1039"/>
                    </a:lnTo>
                    <a:lnTo>
                      <a:pt x="2617" y="1064"/>
                    </a:lnTo>
                    <a:lnTo>
                      <a:pt x="2602" y="1089"/>
                    </a:lnTo>
                    <a:lnTo>
                      <a:pt x="2587" y="1113"/>
                    </a:lnTo>
                    <a:lnTo>
                      <a:pt x="2577" y="1127"/>
                    </a:lnTo>
                    <a:lnTo>
                      <a:pt x="2569" y="1142"/>
                    </a:lnTo>
                    <a:lnTo>
                      <a:pt x="2567" y="1149"/>
                    </a:lnTo>
                    <a:lnTo>
                      <a:pt x="2567" y="1156"/>
                    </a:lnTo>
                    <a:lnTo>
                      <a:pt x="2568" y="1160"/>
                    </a:lnTo>
                    <a:lnTo>
                      <a:pt x="2571" y="1162"/>
                    </a:lnTo>
                    <a:lnTo>
                      <a:pt x="2573" y="1166"/>
                    </a:lnTo>
                    <a:lnTo>
                      <a:pt x="2577" y="1169"/>
                    </a:lnTo>
                    <a:lnTo>
                      <a:pt x="2593" y="1178"/>
                    </a:lnTo>
                    <a:lnTo>
                      <a:pt x="2607" y="1187"/>
                    </a:lnTo>
                    <a:lnTo>
                      <a:pt x="2621" y="1196"/>
                    </a:lnTo>
                    <a:lnTo>
                      <a:pt x="2633" y="1205"/>
                    </a:lnTo>
                    <a:lnTo>
                      <a:pt x="2638" y="1210"/>
                    </a:lnTo>
                    <a:lnTo>
                      <a:pt x="2643" y="1217"/>
                    </a:lnTo>
                    <a:lnTo>
                      <a:pt x="2647" y="1223"/>
                    </a:lnTo>
                    <a:lnTo>
                      <a:pt x="2651" y="1230"/>
                    </a:lnTo>
                    <a:lnTo>
                      <a:pt x="2655" y="1238"/>
                    </a:lnTo>
                    <a:lnTo>
                      <a:pt x="2657" y="1245"/>
                    </a:lnTo>
                    <a:lnTo>
                      <a:pt x="2660" y="1253"/>
                    </a:lnTo>
                    <a:lnTo>
                      <a:pt x="2661" y="1263"/>
                    </a:lnTo>
                    <a:lnTo>
                      <a:pt x="2663" y="1276"/>
                    </a:lnTo>
                    <a:lnTo>
                      <a:pt x="2663" y="1292"/>
                    </a:lnTo>
                    <a:lnTo>
                      <a:pt x="2663" y="1306"/>
                    </a:lnTo>
                    <a:lnTo>
                      <a:pt x="2664" y="1319"/>
                    </a:lnTo>
                    <a:lnTo>
                      <a:pt x="2666" y="1332"/>
                    </a:lnTo>
                    <a:lnTo>
                      <a:pt x="2670" y="1344"/>
                    </a:lnTo>
                    <a:lnTo>
                      <a:pt x="2673" y="1355"/>
                    </a:lnTo>
                    <a:lnTo>
                      <a:pt x="2674" y="1368"/>
                    </a:lnTo>
                    <a:lnTo>
                      <a:pt x="2687" y="1429"/>
                    </a:lnTo>
                    <a:lnTo>
                      <a:pt x="2687" y="1429"/>
                    </a:lnTo>
                    <a:lnTo>
                      <a:pt x="2685" y="1455"/>
                    </a:lnTo>
                    <a:lnTo>
                      <a:pt x="2682" y="1464"/>
                    </a:lnTo>
                    <a:lnTo>
                      <a:pt x="2682" y="1472"/>
                    </a:lnTo>
                    <a:lnTo>
                      <a:pt x="2681" y="1480"/>
                    </a:lnTo>
                    <a:lnTo>
                      <a:pt x="2682" y="1486"/>
                    </a:lnTo>
                    <a:lnTo>
                      <a:pt x="2683" y="1493"/>
                    </a:lnTo>
                    <a:lnTo>
                      <a:pt x="2685" y="1499"/>
                    </a:lnTo>
                    <a:lnTo>
                      <a:pt x="2687" y="1506"/>
                    </a:lnTo>
                    <a:lnTo>
                      <a:pt x="2690" y="1511"/>
                    </a:lnTo>
                    <a:lnTo>
                      <a:pt x="2705" y="1532"/>
                    </a:lnTo>
                    <a:lnTo>
                      <a:pt x="2726" y="1556"/>
                    </a:lnTo>
                    <a:lnTo>
                      <a:pt x="2730" y="1561"/>
                    </a:lnTo>
                    <a:lnTo>
                      <a:pt x="2733" y="1567"/>
                    </a:lnTo>
                    <a:lnTo>
                      <a:pt x="2734" y="1573"/>
                    </a:lnTo>
                    <a:lnTo>
                      <a:pt x="2735" y="1580"/>
                    </a:lnTo>
                    <a:lnTo>
                      <a:pt x="2735" y="1594"/>
                    </a:lnTo>
                    <a:lnTo>
                      <a:pt x="2734" y="1608"/>
                    </a:lnTo>
                    <a:lnTo>
                      <a:pt x="2731" y="1622"/>
                    </a:lnTo>
                    <a:lnTo>
                      <a:pt x="2731" y="1637"/>
                    </a:lnTo>
                    <a:lnTo>
                      <a:pt x="2731" y="1643"/>
                    </a:lnTo>
                    <a:lnTo>
                      <a:pt x="2733" y="1650"/>
                    </a:lnTo>
                    <a:lnTo>
                      <a:pt x="2734" y="1656"/>
                    </a:lnTo>
                    <a:lnTo>
                      <a:pt x="2736" y="1662"/>
                    </a:lnTo>
                    <a:lnTo>
                      <a:pt x="2742" y="1670"/>
                    </a:lnTo>
                    <a:lnTo>
                      <a:pt x="2747" y="1675"/>
                    </a:lnTo>
                    <a:lnTo>
                      <a:pt x="2752" y="1679"/>
                    </a:lnTo>
                    <a:lnTo>
                      <a:pt x="2756" y="1683"/>
                    </a:lnTo>
                    <a:lnTo>
                      <a:pt x="2761" y="1687"/>
                    </a:lnTo>
                    <a:lnTo>
                      <a:pt x="2765" y="1692"/>
                    </a:lnTo>
                    <a:lnTo>
                      <a:pt x="2769" y="1699"/>
                    </a:lnTo>
                    <a:lnTo>
                      <a:pt x="2773" y="1708"/>
                    </a:lnTo>
                    <a:lnTo>
                      <a:pt x="2780" y="1735"/>
                    </a:lnTo>
                    <a:lnTo>
                      <a:pt x="2790" y="1757"/>
                    </a:lnTo>
                    <a:lnTo>
                      <a:pt x="2796" y="1767"/>
                    </a:lnTo>
                    <a:lnTo>
                      <a:pt x="2804" y="1776"/>
                    </a:lnTo>
                    <a:lnTo>
                      <a:pt x="2814" y="1784"/>
                    </a:lnTo>
                    <a:lnTo>
                      <a:pt x="2827" y="1792"/>
                    </a:lnTo>
                    <a:lnTo>
                      <a:pt x="2837" y="1797"/>
                    </a:lnTo>
                    <a:lnTo>
                      <a:pt x="2843" y="1802"/>
                    </a:lnTo>
                    <a:lnTo>
                      <a:pt x="2847" y="1808"/>
                    </a:lnTo>
                    <a:lnTo>
                      <a:pt x="2847" y="1814"/>
                    </a:lnTo>
                    <a:lnTo>
                      <a:pt x="2845" y="1819"/>
                    </a:lnTo>
                    <a:lnTo>
                      <a:pt x="2843" y="1824"/>
                    </a:lnTo>
                    <a:lnTo>
                      <a:pt x="2839" y="1830"/>
                    </a:lnTo>
                    <a:lnTo>
                      <a:pt x="2834" y="1836"/>
                    </a:lnTo>
                    <a:lnTo>
                      <a:pt x="2822" y="1846"/>
                    </a:lnTo>
                    <a:lnTo>
                      <a:pt x="2812" y="1857"/>
                    </a:lnTo>
                    <a:lnTo>
                      <a:pt x="2808" y="1861"/>
                    </a:lnTo>
                    <a:lnTo>
                      <a:pt x="2805" y="1866"/>
                    </a:lnTo>
                    <a:lnTo>
                      <a:pt x="2805" y="1871"/>
                    </a:lnTo>
                    <a:lnTo>
                      <a:pt x="2806" y="1875"/>
                    </a:lnTo>
                    <a:lnTo>
                      <a:pt x="2818" y="1889"/>
                    </a:lnTo>
                    <a:lnTo>
                      <a:pt x="2831" y="1902"/>
                    </a:lnTo>
                    <a:lnTo>
                      <a:pt x="2837" y="1909"/>
                    </a:lnTo>
                    <a:lnTo>
                      <a:pt x="2843" y="1915"/>
                    </a:lnTo>
                    <a:lnTo>
                      <a:pt x="2847" y="1924"/>
                    </a:lnTo>
                    <a:lnTo>
                      <a:pt x="2848" y="1933"/>
                    </a:lnTo>
                    <a:lnTo>
                      <a:pt x="2845" y="1950"/>
                    </a:lnTo>
                    <a:lnTo>
                      <a:pt x="2843" y="1964"/>
                    </a:lnTo>
                    <a:lnTo>
                      <a:pt x="2837" y="1976"/>
                    </a:lnTo>
                    <a:lnTo>
                      <a:pt x="2831" y="1986"/>
                    </a:lnTo>
                    <a:lnTo>
                      <a:pt x="2825" y="1995"/>
                    </a:lnTo>
                    <a:lnTo>
                      <a:pt x="2817" y="2003"/>
                    </a:lnTo>
                    <a:lnTo>
                      <a:pt x="2808" y="2010"/>
                    </a:lnTo>
                    <a:lnTo>
                      <a:pt x="2799" y="2016"/>
                    </a:lnTo>
                    <a:lnTo>
                      <a:pt x="2778" y="2028"/>
                    </a:lnTo>
                    <a:lnTo>
                      <a:pt x="2757" y="2039"/>
                    </a:lnTo>
                    <a:lnTo>
                      <a:pt x="2747" y="2047"/>
                    </a:lnTo>
                    <a:lnTo>
                      <a:pt x="2736" y="2055"/>
                    </a:lnTo>
                    <a:lnTo>
                      <a:pt x="2727" y="2064"/>
                    </a:lnTo>
                    <a:lnTo>
                      <a:pt x="2717" y="2076"/>
                    </a:lnTo>
                    <a:lnTo>
                      <a:pt x="2559" y="2283"/>
                    </a:lnTo>
                    <a:lnTo>
                      <a:pt x="2537" y="2309"/>
                    </a:lnTo>
                    <a:lnTo>
                      <a:pt x="2507" y="2339"/>
                    </a:lnTo>
                    <a:lnTo>
                      <a:pt x="2493" y="2354"/>
                    </a:lnTo>
                    <a:lnTo>
                      <a:pt x="2481" y="2370"/>
                    </a:lnTo>
                    <a:lnTo>
                      <a:pt x="2477" y="2378"/>
                    </a:lnTo>
                    <a:lnTo>
                      <a:pt x="2473" y="2385"/>
                    </a:lnTo>
                    <a:lnTo>
                      <a:pt x="2472" y="2393"/>
                    </a:lnTo>
                    <a:lnTo>
                      <a:pt x="2471" y="2401"/>
                    </a:lnTo>
                    <a:lnTo>
                      <a:pt x="2471" y="2418"/>
                    </a:lnTo>
                    <a:lnTo>
                      <a:pt x="2473" y="2437"/>
                    </a:lnTo>
                    <a:lnTo>
                      <a:pt x="2475" y="2457"/>
                    </a:lnTo>
                    <a:lnTo>
                      <a:pt x="2479" y="2477"/>
                    </a:lnTo>
                    <a:lnTo>
                      <a:pt x="2485" y="2519"/>
                    </a:lnTo>
                    <a:lnTo>
                      <a:pt x="2494" y="2554"/>
                    </a:lnTo>
                    <a:lnTo>
                      <a:pt x="2503" y="2576"/>
                    </a:lnTo>
                    <a:lnTo>
                      <a:pt x="2514" y="2598"/>
                    </a:lnTo>
                    <a:lnTo>
                      <a:pt x="2519" y="2609"/>
                    </a:lnTo>
                    <a:lnTo>
                      <a:pt x="2523" y="2620"/>
                    </a:lnTo>
                    <a:lnTo>
                      <a:pt x="2524" y="2633"/>
                    </a:lnTo>
                    <a:lnTo>
                      <a:pt x="2523" y="2644"/>
                    </a:lnTo>
                    <a:lnTo>
                      <a:pt x="2415" y="2668"/>
                    </a:lnTo>
                    <a:lnTo>
                      <a:pt x="2415" y="2668"/>
                    </a:lnTo>
                    <a:lnTo>
                      <a:pt x="2370" y="2648"/>
                    </a:lnTo>
                    <a:lnTo>
                      <a:pt x="2326" y="2631"/>
                    </a:lnTo>
                    <a:lnTo>
                      <a:pt x="2305" y="2621"/>
                    </a:lnTo>
                    <a:lnTo>
                      <a:pt x="2284" y="2609"/>
                    </a:lnTo>
                    <a:lnTo>
                      <a:pt x="2275" y="2603"/>
                    </a:lnTo>
                    <a:lnTo>
                      <a:pt x="2265" y="2595"/>
                    </a:lnTo>
                    <a:lnTo>
                      <a:pt x="2256" y="2587"/>
                    </a:lnTo>
                    <a:lnTo>
                      <a:pt x="2247" y="2578"/>
                    </a:lnTo>
                    <a:lnTo>
                      <a:pt x="2235" y="2567"/>
                    </a:lnTo>
                    <a:lnTo>
                      <a:pt x="2223" y="2556"/>
                    </a:lnTo>
                    <a:lnTo>
                      <a:pt x="2210" y="2547"/>
                    </a:lnTo>
                    <a:lnTo>
                      <a:pt x="2196" y="2538"/>
                    </a:lnTo>
                    <a:lnTo>
                      <a:pt x="2183" y="2530"/>
                    </a:lnTo>
                    <a:lnTo>
                      <a:pt x="2169" y="2524"/>
                    </a:lnTo>
                    <a:lnTo>
                      <a:pt x="2153" y="2517"/>
                    </a:lnTo>
                    <a:lnTo>
                      <a:pt x="2139" y="2512"/>
                    </a:lnTo>
                    <a:lnTo>
                      <a:pt x="2124" y="2508"/>
                    </a:lnTo>
                    <a:lnTo>
                      <a:pt x="2108" y="2506"/>
                    </a:lnTo>
                    <a:lnTo>
                      <a:pt x="2093" y="2503"/>
                    </a:lnTo>
                    <a:lnTo>
                      <a:pt x="2077" y="2502"/>
                    </a:lnTo>
                    <a:lnTo>
                      <a:pt x="2060" y="2503"/>
                    </a:lnTo>
                    <a:lnTo>
                      <a:pt x="2045" y="2503"/>
                    </a:lnTo>
                    <a:lnTo>
                      <a:pt x="2029" y="2506"/>
                    </a:lnTo>
                    <a:lnTo>
                      <a:pt x="2012" y="2510"/>
                    </a:lnTo>
                    <a:lnTo>
                      <a:pt x="1976" y="2524"/>
                    </a:lnTo>
                    <a:lnTo>
                      <a:pt x="1931" y="2543"/>
                    </a:lnTo>
                    <a:lnTo>
                      <a:pt x="1920" y="2547"/>
                    </a:lnTo>
                    <a:lnTo>
                      <a:pt x="1909" y="2551"/>
                    </a:lnTo>
                    <a:lnTo>
                      <a:pt x="1898" y="2552"/>
                    </a:lnTo>
                    <a:lnTo>
                      <a:pt x="1888" y="2554"/>
                    </a:lnTo>
                    <a:lnTo>
                      <a:pt x="1878" y="2552"/>
                    </a:lnTo>
                    <a:lnTo>
                      <a:pt x="1868" y="2550"/>
                    </a:lnTo>
                    <a:lnTo>
                      <a:pt x="1861" y="2545"/>
                    </a:lnTo>
                    <a:lnTo>
                      <a:pt x="1854" y="2538"/>
                    </a:lnTo>
                    <a:lnTo>
                      <a:pt x="1841" y="2525"/>
                    </a:lnTo>
                    <a:lnTo>
                      <a:pt x="1831" y="2516"/>
                    </a:lnTo>
                    <a:lnTo>
                      <a:pt x="1822" y="2511"/>
                    </a:lnTo>
                    <a:lnTo>
                      <a:pt x="1811" y="2507"/>
                    </a:lnTo>
                    <a:lnTo>
                      <a:pt x="1804" y="2506"/>
                    </a:lnTo>
                    <a:lnTo>
                      <a:pt x="1795" y="2506"/>
                    </a:lnTo>
                    <a:lnTo>
                      <a:pt x="1787" y="2508"/>
                    </a:lnTo>
                    <a:lnTo>
                      <a:pt x="1779" y="2512"/>
                    </a:lnTo>
                    <a:lnTo>
                      <a:pt x="1748" y="2538"/>
                    </a:lnTo>
                    <a:lnTo>
                      <a:pt x="1709" y="2567"/>
                    </a:lnTo>
                    <a:lnTo>
                      <a:pt x="1700" y="2571"/>
                    </a:lnTo>
                    <a:lnTo>
                      <a:pt x="1691" y="2573"/>
                    </a:lnTo>
                    <a:lnTo>
                      <a:pt x="1679" y="2574"/>
                    </a:lnTo>
                    <a:lnTo>
                      <a:pt x="1668" y="2576"/>
                    </a:lnTo>
                    <a:lnTo>
                      <a:pt x="1656" y="2574"/>
                    </a:lnTo>
                    <a:lnTo>
                      <a:pt x="1644" y="2573"/>
                    </a:lnTo>
                    <a:lnTo>
                      <a:pt x="1631" y="2569"/>
                    </a:lnTo>
                    <a:lnTo>
                      <a:pt x="1620" y="2567"/>
                    </a:lnTo>
                    <a:lnTo>
                      <a:pt x="1608" y="2561"/>
                    </a:lnTo>
                    <a:lnTo>
                      <a:pt x="1596" y="2556"/>
                    </a:lnTo>
                    <a:lnTo>
                      <a:pt x="1586" y="2550"/>
                    </a:lnTo>
                    <a:lnTo>
                      <a:pt x="1577" y="2542"/>
                    </a:lnTo>
                    <a:lnTo>
                      <a:pt x="1569" y="2534"/>
                    </a:lnTo>
                    <a:lnTo>
                      <a:pt x="1563" y="2527"/>
                    </a:lnTo>
                    <a:lnTo>
                      <a:pt x="1558" y="2517"/>
                    </a:lnTo>
                    <a:lnTo>
                      <a:pt x="1555" y="2508"/>
                    </a:lnTo>
                    <a:lnTo>
                      <a:pt x="1551" y="2494"/>
                    </a:lnTo>
                    <a:lnTo>
                      <a:pt x="1546" y="2481"/>
                    </a:lnTo>
                    <a:lnTo>
                      <a:pt x="1538" y="2470"/>
                    </a:lnTo>
                    <a:lnTo>
                      <a:pt x="1530" y="2459"/>
                    </a:lnTo>
                    <a:lnTo>
                      <a:pt x="1510" y="2438"/>
                    </a:lnTo>
                    <a:lnTo>
                      <a:pt x="1489" y="2419"/>
                    </a:lnTo>
                    <a:lnTo>
                      <a:pt x="1479" y="2410"/>
                    </a:lnTo>
                    <a:lnTo>
                      <a:pt x="1468" y="2403"/>
                    </a:lnTo>
                    <a:lnTo>
                      <a:pt x="1458" y="2400"/>
                    </a:lnTo>
                    <a:lnTo>
                      <a:pt x="1450" y="2400"/>
                    </a:lnTo>
                    <a:lnTo>
                      <a:pt x="1441" y="2401"/>
                    </a:lnTo>
                    <a:lnTo>
                      <a:pt x="1434" y="2405"/>
                    </a:lnTo>
                    <a:lnTo>
                      <a:pt x="1428" y="2410"/>
                    </a:lnTo>
                    <a:lnTo>
                      <a:pt x="1422" y="2418"/>
                    </a:lnTo>
                    <a:lnTo>
                      <a:pt x="1410" y="2433"/>
                    </a:lnTo>
                    <a:lnTo>
                      <a:pt x="1398" y="2451"/>
                    </a:lnTo>
                    <a:lnTo>
                      <a:pt x="1392" y="2460"/>
                    </a:lnTo>
                    <a:lnTo>
                      <a:pt x="1387" y="2468"/>
                    </a:lnTo>
                    <a:lnTo>
                      <a:pt x="1380" y="2476"/>
                    </a:lnTo>
                    <a:lnTo>
                      <a:pt x="1374" y="2481"/>
                    </a:lnTo>
                    <a:lnTo>
                      <a:pt x="1370" y="2484"/>
                    </a:lnTo>
                    <a:lnTo>
                      <a:pt x="1365" y="2485"/>
                    </a:lnTo>
                    <a:lnTo>
                      <a:pt x="1361" y="2485"/>
                    </a:lnTo>
                    <a:lnTo>
                      <a:pt x="1355" y="2484"/>
                    </a:lnTo>
                    <a:lnTo>
                      <a:pt x="1346" y="2480"/>
                    </a:lnTo>
                    <a:lnTo>
                      <a:pt x="1336" y="2472"/>
                    </a:lnTo>
                    <a:lnTo>
                      <a:pt x="1318" y="2457"/>
                    </a:lnTo>
                    <a:lnTo>
                      <a:pt x="1304" y="2444"/>
                    </a:lnTo>
                    <a:lnTo>
                      <a:pt x="1304" y="2444"/>
                    </a:lnTo>
                    <a:lnTo>
                      <a:pt x="1285" y="2396"/>
                    </a:lnTo>
                    <a:lnTo>
                      <a:pt x="1275" y="2387"/>
                    </a:lnTo>
                    <a:lnTo>
                      <a:pt x="1265" y="2374"/>
                    </a:lnTo>
                    <a:lnTo>
                      <a:pt x="1256" y="2358"/>
                    </a:lnTo>
                    <a:lnTo>
                      <a:pt x="1247" y="2343"/>
                    </a:lnTo>
                    <a:lnTo>
                      <a:pt x="1239" y="2324"/>
                    </a:lnTo>
                    <a:lnTo>
                      <a:pt x="1232" y="2308"/>
                    </a:lnTo>
                    <a:lnTo>
                      <a:pt x="1227" y="2292"/>
                    </a:lnTo>
                    <a:lnTo>
                      <a:pt x="1223" y="2279"/>
                    </a:lnTo>
                    <a:lnTo>
                      <a:pt x="1221" y="2270"/>
                    </a:lnTo>
                    <a:lnTo>
                      <a:pt x="1216" y="2262"/>
                    </a:lnTo>
                    <a:lnTo>
                      <a:pt x="1210" y="2257"/>
                    </a:lnTo>
                    <a:lnTo>
                      <a:pt x="1204" y="2252"/>
                    </a:lnTo>
                    <a:lnTo>
                      <a:pt x="1197" y="2249"/>
                    </a:lnTo>
                    <a:lnTo>
                      <a:pt x="1190" y="2247"/>
                    </a:lnTo>
                    <a:lnTo>
                      <a:pt x="1181" y="2245"/>
                    </a:lnTo>
                    <a:lnTo>
                      <a:pt x="1171" y="2245"/>
                    </a:lnTo>
                    <a:lnTo>
                      <a:pt x="1153" y="2245"/>
                    </a:lnTo>
                    <a:lnTo>
                      <a:pt x="1135" y="2244"/>
                    </a:lnTo>
                    <a:lnTo>
                      <a:pt x="1126" y="2243"/>
                    </a:lnTo>
                    <a:lnTo>
                      <a:pt x="1118" y="2240"/>
                    </a:lnTo>
                    <a:lnTo>
                      <a:pt x="1111" y="2236"/>
                    </a:lnTo>
                    <a:lnTo>
                      <a:pt x="1103" y="2232"/>
                    </a:lnTo>
                    <a:lnTo>
                      <a:pt x="1087" y="2214"/>
                    </a:lnTo>
                    <a:lnTo>
                      <a:pt x="1076" y="2199"/>
                    </a:lnTo>
                    <a:lnTo>
                      <a:pt x="1072" y="2195"/>
                    </a:lnTo>
                    <a:lnTo>
                      <a:pt x="1069" y="2192"/>
                    </a:lnTo>
                    <a:lnTo>
                      <a:pt x="1064" y="2191"/>
                    </a:lnTo>
                    <a:lnTo>
                      <a:pt x="1060" y="2191"/>
                    </a:lnTo>
                    <a:lnTo>
                      <a:pt x="1055" y="2192"/>
                    </a:lnTo>
                    <a:lnTo>
                      <a:pt x="1050" y="2194"/>
                    </a:lnTo>
                    <a:lnTo>
                      <a:pt x="1043" y="2197"/>
                    </a:lnTo>
                    <a:lnTo>
                      <a:pt x="1035" y="2203"/>
                    </a:lnTo>
                    <a:lnTo>
                      <a:pt x="1030" y="2205"/>
                    </a:lnTo>
                    <a:lnTo>
                      <a:pt x="1025" y="2205"/>
                    </a:lnTo>
                    <a:lnTo>
                      <a:pt x="1020" y="2203"/>
                    </a:lnTo>
                    <a:lnTo>
                      <a:pt x="1013" y="2200"/>
                    </a:lnTo>
                    <a:lnTo>
                      <a:pt x="1007" y="2195"/>
                    </a:lnTo>
                    <a:lnTo>
                      <a:pt x="1002" y="2188"/>
                    </a:lnTo>
                    <a:lnTo>
                      <a:pt x="995" y="2182"/>
                    </a:lnTo>
                    <a:lnTo>
                      <a:pt x="990" y="2174"/>
                    </a:lnTo>
                    <a:lnTo>
                      <a:pt x="980" y="2156"/>
                    </a:lnTo>
                    <a:lnTo>
                      <a:pt x="972" y="2139"/>
                    </a:lnTo>
                    <a:lnTo>
                      <a:pt x="969" y="2131"/>
                    </a:lnTo>
                    <a:lnTo>
                      <a:pt x="967" y="2124"/>
                    </a:lnTo>
                    <a:lnTo>
                      <a:pt x="967" y="2117"/>
                    </a:lnTo>
                    <a:lnTo>
                      <a:pt x="967" y="2113"/>
                    </a:lnTo>
                    <a:lnTo>
                      <a:pt x="971" y="2096"/>
                    </a:lnTo>
                    <a:lnTo>
                      <a:pt x="976" y="2082"/>
                    </a:lnTo>
                    <a:lnTo>
                      <a:pt x="976" y="2080"/>
                    </a:lnTo>
                    <a:lnTo>
                      <a:pt x="976" y="2077"/>
                    </a:lnTo>
                    <a:lnTo>
                      <a:pt x="975" y="2074"/>
                    </a:lnTo>
                    <a:lnTo>
                      <a:pt x="972" y="2072"/>
                    </a:lnTo>
                    <a:lnTo>
                      <a:pt x="969" y="2071"/>
                    </a:lnTo>
                    <a:lnTo>
                      <a:pt x="965" y="2069"/>
                    </a:lnTo>
                    <a:lnTo>
                      <a:pt x="960" y="2069"/>
                    </a:lnTo>
                    <a:lnTo>
                      <a:pt x="954" y="2069"/>
                    </a:lnTo>
                    <a:lnTo>
                      <a:pt x="925" y="2072"/>
                    </a:lnTo>
                    <a:lnTo>
                      <a:pt x="896" y="2077"/>
                    </a:lnTo>
                    <a:lnTo>
                      <a:pt x="866" y="2081"/>
                    </a:lnTo>
                    <a:lnTo>
                      <a:pt x="836" y="2085"/>
                    </a:lnTo>
                    <a:lnTo>
                      <a:pt x="823" y="2081"/>
                    </a:lnTo>
                    <a:lnTo>
                      <a:pt x="809" y="2074"/>
                    </a:lnTo>
                    <a:lnTo>
                      <a:pt x="794" y="2067"/>
                    </a:lnTo>
                    <a:lnTo>
                      <a:pt x="780" y="2058"/>
                    </a:lnTo>
                    <a:lnTo>
                      <a:pt x="766" y="2050"/>
                    </a:lnTo>
                    <a:lnTo>
                      <a:pt x="752" y="2043"/>
                    </a:lnTo>
                    <a:lnTo>
                      <a:pt x="745" y="2041"/>
                    </a:lnTo>
                    <a:lnTo>
                      <a:pt x="737" y="2039"/>
                    </a:lnTo>
                    <a:lnTo>
                      <a:pt x="731" y="2039"/>
                    </a:lnTo>
                    <a:lnTo>
                      <a:pt x="723" y="2039"/>
                    </a:lnTo>
                    <a:lnTo>
                      <a:pt x="718" y="2042"/>
                    </a:lnTo>
                    <a:lnTo>
                      <a:pt x="713" y="2046"/>
                    </a:lnTo>
                    <a:lnTo>
                      <a:pt x="709" y="2050"/>
                    </a:lnTo>
                    <a:lnTo>
                      <a:pt x="708" y="2056"/>
                    </a:lnTo>
                    <a:lnTo>
                      <a:pt x="706" y="2069"/>
                    </a:lnTo>
                    <a:lnTo>
                      <a:pt x="706" y="2085"/>
                    </a:lnTo>
                    <a:lnTo>
                      <a:pt x="708" y="2099"/>
                    </a:lnTo>
                    <a:lnTo>
                      <a:pt x="706" y="2113"/>
                    </a:lnTo>
                    <a:lnTo>
                      <a:pt x="706" y="2118"/>
                    </a:lnTo>
                    <a:lnTo>
                      <a:pt x="704" y="2124"/>
                    </a:lnTo>
                    <a:lnTo>
                      <a:pt x="701" y="2126"/>
                    </a:lnTo>
                    <a:lnTo>
                      <a:pt x="696" y="2129"/>
                    </a:lnTo>
                    <a:lnTo>
                      <a:pt x="687" y="2131"/>
                    </a:lnTo>
                    <a:lnTo>
                      <a:pt x="682" y="2135"/>
                    </a:lnTo>
                    <a:lnTo>
                      <a:pt x="679" y="2140"/>
                    </a:lnTo>
                    <a:lnTo>
                      <a:pt x="677" y="2146"/>
                    </a:lnTo>
                    <a:lnTo>
                      <a:pt x="675" y="2151"/>
                    </a:lnTo>
                    <a:lnTo>
                      <a:pt x="674" y="2157"/>
                    </a:lnTo>
                    <a:lnTo>
                      <a:pt x="671" y="2163"/>
                    </a:lnTo>
                    <a:lnTo>
                      <a:pt x="666" y="2168"/>
                    </a:lnTo>
                    <a:lnTo>
                      <a:pt x="664" y="2170"/>
                    </a:lnTo>
                    <a:lnTo>
                      <a:pt x="660" y="2170"/>
                    </a:lnTo>
                    <a:lnTo>
                      <a:pt x="656" y="2169"/>
                    </a:lnTo>
                    <a:lnTo>
                      <a:pt x="652" y="2168"/>
                    </a:lnTo>
                    <a:lnTo>
                      <a:pt x="642" y="2160"/>
                    </a:lnTo>
                    <a:lnTo>
                      <a:pt x="633" y="2151"/>
                    </a:lnTo>
                    <a:lnTo>
                      <a:pt x="616" y="2130"/>
                    </a:lnTo>
                    <a:lnTo>
                      <a:pt x="607" y="2116"/>
                    </a:lnTo>
                    <a:lnTo>
                      <a:pt x="591" y="2095"/>
                    </a:lnTo>
                    <a:lnTo>
                      <a:pt x="569" y="2069"/>
                    </a:lnTo>
                    <a:lnTo>
                      <a:pt x="547" y="2045"/>
                    </a:lnTo>
                    <a:lnTo>
                      <a:pt x="538" y="2030"/>
                    </a:lnTo>
                    <a:lnTo>
                      <a:pt x="539" y="2025"/>
                    </a:lnTo>
                    <a:lnTo>
                      <a:pt x="542" y="2020"/>
                    </a:lnTo>
                    <a:lnTo>
                      <a:pt x="544" y="2014"/>
                    </a:lnTo>
                    <a:lnTo>
                      <a:pt x="548" y="2007"/>
                    </a:lnTo>
                    <a:lnTo>
                      <a:pt x="557" y="1992"/>
                    </a:lnTo>
                    <a:lnTo>
                      <a:pt x="566" y="1976"/>
                    </a:lnTo>
                    <a:lnTo>
                      <a:pt x="569" y="1967"/>
                    </a:lnTo>
                    <a:lnTo>
                      <a:pt x="570" y="1959"/>
                    </a:lnTo>
                    <a:lnTo>
                      <a:pt x="570" y="1951"/>
                    </a:lnTo>
                    <a:lnTo>
                      <a:pt x="569" y="1945"/>
                    </a:lnTo>
                    <a:lnTo>
                      <a:pt x="565" y="1938"/>
                    </a:lnTo>
                    <a:lnTo>
                      <a:pt x="559" y="1932"/>
                    </a:lnTo>
                    <a:lnTo>
                      <a:pt x="548" y="1927"/>
                    </a:lnTo>
                    <a:lnTo>
                      <a:pt x="535" y="1923"/>
                    </a:lnTo>
                    <a:lnTo>
                      <a:pt x="507" y="1915"/>
                    </a:lnTo>
                    <a:lnTo>
                      <a:pt x="478" y="1907"/>
                    </a:lnTo>
                    <a:lnTo>
                      <a:pt x="449" y="1898"/>
                    </a:lnTo>
                    <a:lnTo>
                      <a:pt x="419" y="1888"/>
                    </a:lnTo>
                    <a:lnTo>
                      <a:pt x="390" y="1876"/>
                    </a:lnTo>
                    <a:lnTo>
                      <a:pt x="363" y="1862"/>
                    </a:lnTo>
                    <a:lnTo>
                      <a:pt x="350" y="1853"/>
                    </a:lnTo>
                    <a:lnTo>
                      <a:pt x="337" y="1845"/>
                    </a:lnTo>
                    <a:lnTo>
                      <a:pt x="326" y="1835"/>
                    </a:lnTo>
                    <a:lnTo>
                      <a:pt x="314" y="1824"/>
                    </a:lnTo>
                    <a:lnTo>
                      <a:pt x="305" y="1814"/>
                    </a:lnTo>
                    <a:lnTo>
                      <a:pt x="297" y="1801"/>
                    </a:lnTo>
                    <a:lnTo>
                      <a:pt x="289" y="1788"/>
                    </a:lnTo>
                    <a:lnTo>
                      <a:pt x="283" y="1775"/>
                    </a:lnTo>
                    <a:lnTo>
                      <a:pt x="279" y="1769"/>
                    </a:lnTo>
                    <a:lnTo>
                      <a:pt x="275" y="1764"/>
                    </a:lnTo>
                    <a:lnTo>
                      <a:pt x="270" y="1760"/>
                    </a:lnTo>
                    <a:lnTo>
                      <a:pt x="266" y="1756"/>
                    </a:lnTo>
                    <a:lnTo>
                      <a:pt x="259" y="1753"/>
                    </a:lnTo>
                    <a:lnTo>
                      <a:pt x="254" y="1751"/>
                    </a:lnTo>
                    <a:lnTo>
                      <a:pt x="246" y="1751"/>
                    </a:lnTo>
                    <a:lnTo>
                      <a:pt x="239" y="1752"/>
                    </a:lnTo>
                    <a:lnTo>
                      <a:pt x="227" y="1754"/>
                    </a:lnTo>
                    <a:lnTo>
                      <a:pt x="215" y="1757"/>
                    </a:lnTo>
                    <a:lnTo>
                      <a:pt x="205" y="1761"/>
                    </a:lnTo>
                    <a:lnTo>
                      <a:pt x="196" y="1766"/>
                    </a:lnTo>
                    <a:lnTo>
                      <a:pt x="179" y="1774"/>
                    </a:lnTo>
                    <a:lnTo>
                      <a:pt x="162" y="1780"/>
                    </a:lnTo>
                    <a:lnTo>
                      <a:pt x="155" y="1782"/>
                    </a:lnTo>
                    <a:lnTo>
                      <a:pt x="147" y="1783"/>
                    </a:lnTo>
                    <a:lnTo>
                      <a:pt x="139" y="1782"/>
                    </a:lnTo>
                    <a:lnTo>
                      <a:pt x="130" y="1780"/>
                    </a:lnTo>
                    <a:lnTo>
                      <a:pt x="121" y="1776"/>
                    </a:lnTo>
                    <a:lnTo>
                      <a:pt x="110" y="1771"/>
                    </a:lnTo>
                    <a:lnTo>
                      <a:pt x="100" y="1764"/>
                    </a:lnTo>
                    <a:lnTo>
                      <a:pt x="87" y="1753"/>
                    </a:lnTo>
                    <a:lnTo>
                      <a:pt x="87" y="1753"/>
                    </a:lnTo>
                    <a:lnTo>
                      <a:pt x="92" y="1742"/>
                    </a:lnTo>
                    <a:lnTo>
                      <a:pt x="98" y="1731"/>
                    </a:lnTo>
                    <a:lnTo>
                      <a:pt x="104" y="1721"/>
                    </a:lnTo>
                    <a:lnTo>
                      <a:pt x="110" y="1710"/>
                    </a:lnTo>
                    <a:lnTo>
                      <a:pt x="126" y="1691"/>
                    </a:lnTo>
                    <a:lnTo>
                      <a:pt x="142" y="1673"/>
                    </a:lnTo>
                    <a:lnTo>
                      <a:pt x="158" y="1653"/>
                    </a:lnTo>
                    <a:lnTo>
                      <a:pt x="174" y="1634"/>
                    </a:lnTo>
                    <a:lnTo>
                      <a:pt x="180" y="1625"/>
                    </a:lnTo>
                    <a:lnTo>
                      <a:pt x="187" y="1615"/>
                    </a:lnTo>
                    <a:lnTo>
                      <a:pt x="192" y="1604"/>
                    </a:lnTo>
                    <a:lnTo>
                      <a:pt x="196" y="1593"/>
                    </a:lnTo>
                    <a:lnTo>
                      <a:pt x="200" y="1577"/>
                    </a:lnTo>
                    <a:lnTo>
                      <a:pt x="202" y="1561"/>
                    </a:lnTo>
                    <a:lnTo>
                      <a:pt x="204" y="1547"/>
                    </a:lnTo>
                    <a:lnTo>
                      <a:pt x="204" y="1532"/>
                    </a:lnTo>
                    <a:lnTo>
                      <a:pt x="202" y="1517"/>
                    </a:lnTo>
                    <a:lnTo>
                      <a:pt x="200" y="1504"/>
                    </a:lnTo>
                    <a:lnTo>
                      <a:pt x="196" y="1490"/>
                    </a:lnTo>
                    <a:lnTo>
                      <a:pt x="192" y="1476"/>
                    </a:lnTo>
                    <a:lnTo>
                      <a:pt x="182" y="1450"/>
                    </a:lnTo>
                    <a:lnTo>
                      <a:pt x="169" y="1423"/>
                    </a:lnTo>
                    <a:lnTo>
                      <a:pt x="157" y="1396"/>
                    </a:lnTo>
                    <a:lnTo>
                      <a:pt x="145" y="1370"/>
                    </a:lnTo>
                    <a:lnTo>
                      <a:pt x="142" y="1359"/>
                    </a:lnTo>
                    <a:lnTo>
                      <a:pt x="139" y="1350"/>
                    </a:lnTo>
                    <a:lnTo>
                      <a:pt x="138" y="1341"/>
                    </a:lnTo>
                    <a:lnTo>
                      <a:pt x="136" y="1332"/>
                    </a:lnTo>
                    <a:lnTo>
                      <a:pt x="136" y="1315"/>
                    </a:lnTo>
                    <a:lnTo>
                      <a:pt x="136" y="1297"/>
                    </a:lnTo>
                    <a:lnTo>
                      <a:pt x="138" y="1280"/>
                    </a:lnTo>
                    <a:lnTo>
                      <a:pt x="140" y="1263"/>
                    </a:lnTo>
                    <a:lnTo>
                      <a:pt x="140" y="1245"/>
                    </a:lnTo>
                    <a:lnTo>
                      <a:pt x="140" y="1227"/>
                    </a:lnTo>
                    <a:lnTo>
                      <a:pt x="136" y="1209"/>
                    </a:lnTo>
                    <a:lnTo>
                      <a:pt x="132" y="1191"/>
                    </a:lnTo>
                    <a:lnTo>
                      <a:pt x="129" y="1174"/>
                    </a:lnTo>
                    <a:lnTo>
                      <a:pt x="127" y="1156"/>
                    </a:lnTo>
                    <a:lnTo>
                      <a:pt x="130" y="1139"/>
                    </a:lnTo>
                    <a:lnTo>
                      <a:pt x="131" y="1127"/>
                    </a:lnTo>
                    <a:lnTo>
                      <a:pt x="131" y="1118"/>
                    </a:lnTo>
                    <a:lnTo>
                      <a:pt x="130" y="1111"/>
                    </a:lnTo>
                    <a:lnTo>
                      <a:pt x="125" y="1096"/>
                    </a:lnTo>
                    <a:lnTo>
                      <a:pt x="113" y="1076"/>
                    </a:lnTo>
                    <a:lnTo>
                      <a:pt x="110" y="1072"/>
                    </a:lnTo>
                    <a:lnTo>
                      <a:pt x="109" y="1067"/>
                    </a:lnTo>
                    <a:lnTo>
                      <a:pt x="109" y="1063"/>
                    </a:lnTo>
                    <a:lnTo>
                      <a:pt x="109" y="1059"/>
                    </a:lnTo>
                    <a:lnTo>
                      <a:pt x="110" y="1051"/>
                    </a:lnTo>
                    <a:lnTo>
                      <a:pt x="114" y="1043"/>
                    </a:lnTo>
                    <a:lnTo>
                      <a:pt x="125" y="1029"/>
                    </a:lnTo>
                    <a:lnTo>
                      <a:pt x="134" y="1015"/>
                    </a:lnTo>
                    <a:lnTo>
                      <a:pt x="138" y="1004"/>
                    </a:lnTo>
                    <a:lnTo>
                      <a:pt x="139" y="995"/>
                    </a:lnTo>
                    <a:lnTo>
                      <a:pt x="139" y="985"/>
                    </a:lnTo>
                    <a:lnTo>
                      <a:pt x="135" y="976"/>
                    </a:lnTo>
                    <a:lnTo>
                      <a:pt x="131" y="967"/>
                    </a:lnTo>
                    <a:lnTo>
                      <a:pt x="125" y="958"/>
                    </a:lnTo>
                    <a:lnTo>
                      <a:pt x="118" y="949"/>
                    </a:lnTo>
                    <a:lnTo>
                      <a:pt x="109" y="941"/>
                    </a:lnTo>
                    <a:lnTo>
                      <a:pt x="72" y="909"/>
                    </a:lnTo>
                    <a:lnTo>
                      <a:pt x="38" y="881"/>
                    </a:lnTo>
                    <a:lnTo>
                      <a:pt x="18" y="863"/>
                    </a:lnTo>
                    <a:lnTo>
                      <a:pt x="6" y="850"/>
                    </a:lnTo>
                    <a:lnTo>
                      <a:pt x="3" y="845"/>
                    </a:lnTo>
                    <a:lnTo>
                      <a:pt x="0" y="841"/>
                    </a:lnTo>
                    <a:lnTo>
                      <a:pt x="0" y="837"/>
                    </a:lnTo>
                    <a:lnTo>
                      <a:pt x="0" y="835"/>
                    </a:lnTo>
                    <a:lnTo>
                      <a:pt x="16" y="820"/>
                    </a:lnTo>
                    <a:lnTo>
                      <a:pt x="46" y="792"/>
                    </a:lnTo>
                    <a:lnTo>
                      <a:pt x="57" y="778"/>
                    </a:lnTo>
                    <a:lnTo>
                      <a:pt x="68" y="761"/>
                    </a:lnTo>
                    <a:lnTo>
                      <a:pt x="75" y="744"/>
                    </a:lnTo>
                    <a:lnTo>
                      <a:pt x="82" y="726"/>
                    </a:lnTo>
                    <a:lnTo>
                      <a:pt x="85" y="716"/>
                    </a:lnTo>
                    <a:lnTo>
                      <a:pt x="86" y="705"/>
                    </a:lnTo>
                    <a:lnTo>
                      <a:pt x="86" y="694"/>
                    </a:lnTo>
                    <a:lnTo>
                      <a:pt x="86" y="682"/>
                    </a:lnTo>
                    <a:lnTo>
                      <a:pt x="83" y="660"/>
                    </a:lnTo>
                    <a:lnTo>
                      <a:pt x="79" y="637"/>
                    </a:lnTo>
                    <a:lnTo>
                      <a:pt x="69" y="590"/>
                    </a:lnTo>
                    <a:lnTo>
                      <a:pt x="60" y="546"/>
                    </a:lnTo>
                    <a:lnTo>
                      <a:pt x="47" y="462"/>
                    </a:lnTo>
                    <a:lnTo>
                      <a:pt x="47" y="462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73" name="Freeform 71"/>
              <p:cNvSpPr>
                <a:spLocks noEditPoints="1"/>
              </p:cNvSpPr>
              <p:nvPr/>
            </p:nvSpPr>
            <p:spPr bwMode="auto">
              <a:xfrm>
                <a:off x="6648505" y="2931763"/>
                <a:ext cx="1229642" cy="1627481"/>
              </a:xfrm>
              <a:custGeom>
                <a:avLst/>
                <a:gdLst/>
                <a:ahLst/>
                <a:cxnLst>
                  <a:cxn ang="0">
                    <a:pos x="2522" y="593"/>
                  </a:cxn>
                  <a:cxn ang="0">
                    <a:pos x="2543" y="611"/>
                  </a:cxn>
                  <a:cxn ang="0">
                    <a:pos x="2383" y="412"/>
                  </a:cxn>
                  <a:cxn ang="0">
                    <a:pos x="2338" y="322"/>
                  </a:cxn>
                  <a:cxn ang="0">
                    <a:pos x="2452" y="342"/>
                  </a:cxn>
                  <a:cxn ang="0">
                    <a:pos x="2430" y="448"/>
                  </a:cxn>
                  <a:cxn ang="0">
                    <a:pos x="2310" y="418"/>
                  </a:cxn>
                  <a:cxn ang="0">
                    <a:pos x="2515" y="1151"/>
                  </a:cxn>
                  <a:cxn ang="0">
                    <a:pos x="2627" y="1399"/>
                  </a:cxn>
                  <a:cxn ang="0">
                    <a:pos x="2679" y="1738"/>
                  </a:cxn>
                  <a:cxn ang="0">
                    <a:pos x="2584" y="2041"/>
                  </a:cxn>
                  <a:cxn ang="0">
                    <a:pos x="2373" y="2039"/>
                  </a:cxn>
                  <a:cxn ang="0">
                    <a:pos x="1977" y="2206"/>
                  </a:cxn>
                  <a:cxn ang="0">
                    <a:pos x="1859" y="2340"/>
                  </a:cxn>
                  <a:cxn ang="0">
                    <a:pos x="1956" y="2585"/>
                  </a:cxn>
                  <a:cxn ang="0">
                    <a:pos x="2215" y="2925"/>
                  </a:cxn>
                  <a:cxn ang="0">
                    <a:pos x="2119" y="3151"/>
                  </a:cxn>
                  <a:cxn ang="0">
                    <a:pos x="1891" y="3268"/>
                  </a:cxn>
                  <a:cxn ang="0">
                    <a:pos x="1920" y="3565"/>
                  </a:cxn>
                  <a:cxn ang="0">
                    <a:pos x="1721" y="3465"/>
                  </a:cxn>
                  <a:cxn ang="0">
                    <a:pos x="1453" y="3548"/>
                  </a:cxn>
                  <a:cxn ang="0">
                    <a:pos x="1204" y="3491"/>
                  </a:cxn>
                  <a:cxn ang="0">
                    <a:pos x="1102" y="3601"/>
                  </a:cxn>
                  <a:cxn ang="0">
                    <a:pos x="684" y="3322"/>
                  </a:cxn>
                  <a:cxn ang="0">
                    <a:pos x="557" y="3400"/>
                  </a:cxn>
                  <a:cxn ang="0">
                    <a:pos x="331" y="3378"/>
                  </a:cxn>
                  <a:cxn ang="0">
                    <a:pos x="304" y="3147"/>
                  </a:cxn>
                  <a:cxn ang="0">
                    <a:pos x="541" y="2780"/>
                  </a:cxn>
                  <a:cxn ang="0">
                    <a:pos x="264" y="2550"/>
                  </a:cxn>
                  <a:cxn ang="0">
                    <a:pos x="49" y="2366"/>
                  </a:cxn>
                  <a:cxn ang="0">
                    <a:pos x="0" y="2154"/>
                  </a:cxn>
                  <a:cxn ang="0">
                    <a:pos x="23" y="1807"/>
                  </a:cxn>
                  <a:cxn ang="0">
                    <a:pos x="132" y="1501"/>
                  </a:cxn>
                  <a:cxn ang="0">
                    <a:pos x="106" y="1349"/>
                  </a:cxn>
                  <a:cxn ang="0">
                    <a:pos x="382" y="1273"/>
                  </a:cxn>
                  <a:cxn ang="0">
                    <a:pos x="460" y="1077"/>
                  </a:cxn>
                  <a:cxn ang="0">
                    <a:pos x="460" y="975"/>
                  </a:cxn>
                  <a:cxn ang="0">
                    <a:pos x="602" y="712"/>
                  </a:cxn>
                  <a:cxn ang="0">
                    <a:pos x="585" y="577"/>
                  </a:cxn>
                  <a:cxn ang="0">
                    <a:pos x="865" y="572"/>
                  </a:cxn>
                  <a:cxn ang="0">
                    <a:pos x="903" y="712"/>
                  </a:cxn>
                  <a:cxn ang="0">
                    <a:pos x="960" y="744"/>
                  </a:cxn>
                  <a:cxn ang="0">
                    <a:pos x="1017" y="506"/>
                  </a:cxn>
                  <a:cxn ang="0">
                    <a:pos x="1261" y="624"/>
                  </a:cxn>
                  <a:cxn ang="0">
                    <a:pos x="1102" y="443"/>
                  </a:cxn>
                  <a:cxn ang="0">
                    <a:pos x="1111" y="340"/>
                  </a:cxn>
                  <a:cxn ang="0">
                    <a:pos x="1088" y="273"/>
                  </a:cxn>
                  <a:cxn ang="0">
                    <a:pos x="1106" y="18"/>
                  </a:cxn>
                  <a:cxn ang="0">
                    <a:pos x="1394" y="76"/>
                  </a:cxn>
                  <a:cxn ang="0">
                    <a:pos x="1454" y="225"/>
                  </a:cxn>
                  <a:cxn ang="0">
                    <a:pos x="1476" y="310"/>
                  </a:cxn>
                  <a:cxn ang="0">
                    <a:pos x="1592" y="365"/>
                  </a:cxn>
                  <a:cxn ang="0">
                    <a:pos x="1745" y="296"/>
                  </a:cxn>
                  <a:cxn ang="0">
                    <a:pos x="1723" y="436"/>
                  </a:cxn>
                  <a:cxn ang="0">
                    <a:pos x="1633" y="538"/>
                  </a:cxn>
                  <a:cxn ang="0">
                    <a:pos x="1837" y="538"/>
                  </a:cxn>
                  <a:cxn ang="0">
                    <a:pos x="2065" y="415"/>
                  </a:cxn>
                  <a:cxn ang="0">
                    <a:pos x="2109" y="415"/>
                  </a:cxn>
                  <a:cxn ang="0">
                    <a:pos x="2198" y="452"/>
                  </a:cxn>
                  <a:cxn ang="0">
                    <a:pos x="2354" y="544"/>
                  </a:cxn>
                  <a:cxn ang="0">
                    <a:pos x="2434" y="640"/>
                  </a:cxn>
                </a:cxnLst>
                <a:rect l="0" t="0" r="r" b="b"/>
                <a:pathLst>
                  <a:path w="2701" h="3602">
                    <a:moveTo>
                      <a:pt x="2549" y="625"/>
                    </a:moveTo>
                    <a:lnTo>
                      <a:pt x="2531" y="673"/>
                    </a:lnTo>
                    <a:lnTo>
                      <a:pt x="2518" y="665"/>
                    </a:lnTo>
                    <a:lnTo>
                      <a:pt x="2503" y="659"/>
                    </a:lnTo>
                    <a:lnTo>
                      <a:pt x="2495" y="656"/>
                    </a:lnTo>
                    <a:lnTo>
                      <a:pt x="2488" y="652"/>
                    </a:lnTo>
                    <a:lnTo>
                      <a:pt x="2483" y="647"/>
                    </a:lnTo>
                    <a:lnTo>
                      <a:pt x="2479" y="641"/>
                    </a:lnTo>
                    <a:lnTo>
                      <a:pt x="2477" y="634"/>
                    </a:lnTo>
                    <a:lnTo>
                      <a:pt x="2475" y="628"/>
                    </a:lnTo>
                    <a:lnTo>
                      <a:pt x="2475" y="620"/>
                    </a:lnTo>
                    <a:lnTo>
                      <a:pt x="2478" y="615"/>
                    </a:lnTo>
                    <a:lnTo>
                      <a:pt x="2482" y="610"/>
                    </a:lnTo>
                    <a:lnTo>
                      <a:pt x="2486" y="607"/>
                    </a:lnTo>
                    <a:lnTo>
                      <a:pt x="2491" y="606"/>
                    </a:lnTo>
                    <a:lnTo>
                      <a:pt x="2495" y="605"/>
                    </a:lnTo>
                    <a:lnTo>
                      <a:pt x="2504" y="605"/>
                    </a:lnTo>
                    <a:lnTo>
                      <a:pt x="2515" y="603"/>
                    </a:lnTo>
                    <a:lnTo>
                      <a:pt x="2519" y="601"/>
                    </a:lnTo>
                    <a:lnTo>
                      <a:pt x="2522" y="598"/>
                    </a:lnTo>
                    <a:lnTo>
                      <a:pt x="2522" y="593"/>
                    </a:lnTo>
                    <a:lnTo>
                      <a:pt x="2521" y="589"/>
                    </a:lnTo>
                    <a:lnTo>
                      <a:pt x="2513" y="577"/>
                    </a:lnTo>
                    <a:lnTo>
                      <a:pt x="2503" y="566"/>
                    </a:lnTo>
                    <a:lnTo>
                      <a:pt x="2478" y="542"/>
                    </a:lnTo>
                    <a:lnTo>
                      <a:pt x="2464" y="529"/>
                    </a:lnTo>
                    <a:lnTo>
                      <a:pt x="2458" y="523"/>
                    </a:lnTo>
                    <a:lnTo>
                      <a:pt x="2457" y="518"/>
                    </a:lnTo>
                    <a:lnTo>
                      <a:pt x="2457" y="514"/>
                    </a:lnTo>
                    <a:lnTo>
                      <a:pt x="2460" y="511"/>
                    </a:lnTo>
                    <a:lnTo>
                      <a:pt x="2464" y="511"/>
                    </a:lnTo>
                    <a:lnTo>
                      <a:pt x="2469" y="513"/>
                    </a:lnTo>
                    <a:lnTo>
                      <a:pt x="2474" y="514"/>
                    </a:lnTo>
                    <a:lnTo>
                      <a:pt x="2481" y="518"/>
                    </a:lnTo>
                    <a:lnTo>
                      <a:pt x="2490" y="527"/>
                    </a:lnTo>
                    <a:lnTo>
                      <a:pt x="2503" y="540"/>
                    </a:lnTo>
                    <a:lnTo>
                      <a:pt x="2508" y="546"/>
                    </a:lnTo>
                    <a:lnTo>
                      <a:pt x="2514" y="551"/>
                    </a:lnTo>
                    <a:lnTo>
                      <a:pt x="2519" y="555"/>
                    </a:lnTo>
                    <a:lnTo>
                      <a:pt x="2525" y="558"/>
                    </a:lnTo>
                    <a:lnTo>
                      <a:pt x="2536" y="598"/>
                    </a:lnTo>
                    <a:lnTo>
                      <a:pt x="2543" y="611"/>
                    </a:lnTo>
                    <a:lnTo>
                      <a:pt x="2549" y="625"/>
                    </a:lnTo>
                    <a:close/>
                    <a:moveTo>
                      <a:pt x="2310" y="418"/>
                    </a:moveTo>
                    <a:lnTo>
                      <a:pt x="2307" y="417"/>
                    </a:lnTo>
                    <a:lnTo>
                      <a:pt x="2304" y="413"/>
                    </a:lnTo>
                    <a:lnTo>
                      <a:pt x="2302" y="408"/>
                    </a:lnTo>
                    <a:lnTo>
                      <a:pt x="2300" y="402"/>
                    </a:lnTo>
                    <a:lnTo>
                      <a:pt x="2299" y="388"/>
                    </a:lnTo>
                    <a:lnTo>
                      <a:pt x="2299" y="374"/>
                    </a:lnTo>
                    <a:lnTo>
                      <a:pt x="2300" y="367"/>
                    </a:lnTo>
                    <a:lnTo>
                      <a:pt x="2303" y="362"/>
                    </a:lnTo>
                    <a:lnTo>
                      <a:pt x="2306" y="357"/>
                    </a:lnTo>
                    <a:lnTo>
                      <a:pt x="2311" y="355"/>
                    </a:lnTo>
                    <a:lnTo>
                      <a:pt x="2316" y="353"/>
                    </a:lnTo>
                    <a:lnTo>
                      <a:pt x="2322" y="353"/>
                    </a:lnTo>
                    <a:lnTo>
                      <a:pt x="2330" y="357"/>
                    </a:lnTo>
                    <a:lnTo>
                      <a:pt x="2339" y="364"/>
                    </a:lnTo>
                    <a:lnTo>
                      <a:pt x="2355" y="371"/>
                    </a:lnTo>
                    <a:lnTo>
                      <a:pt x="2368" y="379"/>
                    </a:lnTo>
                    <a:lnTo>
                      <a:pt x="2376" y="395"/>
                    </a:lnTo>
                    <a:lnTo>
                      <a:pt x="2381" y="406"/>
                    </a:lnTo>
                    <a:lnTo>
                      <a:pt x="2383" y="412"/>
                    </a:lnTo>
                    <a:lnTo>
                      <a:pt x="2389" y="417"/>
                    </a:lnTo>
                    <a:lnTo>
                      <a:pt x="2395" y="421"/>
                    </a:lnTo>
                    <a:lnTo>
                      <a:pt x="2405" y="424"/>
                    </a:lnTo>
                    <a:lnTo>
                      <a:pt x="2409" y="424"/>
                    </a:lnTo>
                    <a:lnTo>
                      <a:pt x="2413" y="424"/>
                    </a:lnTo>
                    <a:lnTo>
                      <a:pt x="2417" y="423"/>
                    </a:lnTo>
                    <a:lnTo>
                      <a:pt x="2418" y="422"/>
                    </a:lnTo>
                    <a:lnTo>
                      <a:pt x="2421" y="415"/>
                    </a:lnTo>
                    <a:lnTo>
                      <a:pt x="2421" y="408"/>
                    </a:lnTo>
                    <a:lnTo>
                      <a:pt x="2417" y="390"/>
                    </a:lnTo>
                    <a:lnTo>
                      <a:pt x="2413" y="377"/>
                    </a:lnTo>
                    <a:lnTo>
                      <a:pt x="2412" y="370"/>
                    </a:lnTo>
                    <a:lnTo>
                      <a:pt x="2411" y="365"/>
                    </a:lnTo>
                    <a:lnTo>
                      <a:pt x="2409" y="361"/>
                    </a:lnTo>
                    <a:lnTo>
                      <a:pt x="2407" y="357"/>
                    </a:lnTo>
                    <a:lnTo>
                      <a:pt x="2400" y="352"/>
                    </a:lnTo>
                    <a:lnTo>
                      <a:pt x="2392" y="347"/>
                    </a:lnTo>
                    <a:lnTo>
                      <a:pt x="2374" y="340"/>
                    </a:lnTo>
                    <a:lnTo>
                      <a:pt x="2356" y="333"/>
                    </a:lnTo>
                    <a:lnTo>
                      <a:pt x="2348" y="329"/>
                    </a:lnTo>
                    <a:lnTo>
                      <a:pt x="2338" y="322"/>
                    </a:lnTo>
                    <a:lnTo>
                      <a:pt x="2333" y="318"/>
                    </a:lnTo>
                    <a:lnTo>
                      <a:pt x="2329" y="314"/>
                    </a:lnTo>
                    <a:lnTo>
                      <a:pt x="2326" y="310"/>
                    </a:lnTo>
                    <a:lnTo>
                      <a:pt x="2326" y="308"/>
                    </a:lnTo>
                    <a:lnTo>
                      <a:pt x="2333" y="301"/>
                    </a:lnTo>
                    <a:lnTo>
                      <a:pt x="2347" y="294"/>
                    </a:lnTo>
                    <a:lnTo>
                      <a:pt x="2361" y="287"/>
                    </a:lnTo>
                    <a:lnTo>
                      <a:pt x="2370" y="283"/>
                    </a:lnTo>
                    <a:lnTo>
                      <a:pt x="2374" y="288"/>
                    </a:lnTo>
                    <a:lnTo>
                      <a:pt x="2376" y="294"/>
                    </a:lnTo>
                    <a:lnTo>
                      <a:pt x="2377" y="299"/>
                    </a:lnTo>
                    <a:lnTo>
                      <a:pt x="2378" y="305"/>
                    </a:lnTo>
                    <a:lnTo>
                      <a:pt x="2379" y="310"/>
                    </a:lnTo>
                    <a:lnTo>
                      <a:pt x="2382" y="317"/>
                    </a:lnTo>
                    <a:lnTo>
                      <a:pt x="2387" y="322"/>
                    </a:lnTo>
                    <a:lnTo>
                      <a:pt x="2395" y="326"/>
                    </a:lnTo>
                    <a:lnTo>
                      <a:pt x="2408" y="330"/>
                    </a:lnTo>
                    <a:lnTo>
                      <a:pt x="2422" y="333"/>
                    </a:lnTo>
                    <a:lnTo>
                      <a:pt x="2436" y="335"/>
                    </a:lnTo>
                    <a:lnTo>
                      <a:pt x="2449" y="339"/>
                    </a:lnTo>
                    <a:lnTo>
                      <a:pt x="2452" y="342"/>
                    </a:lnTo>
                    <a:lnTo>
                      <a:pt x="2455" y="345"/>
                    </a:lnTo>
                    <a:lnTo>
                      <a:pt x="2455" y="349"/>
                    </a:lnTo>
                    <a:lnTo>
                      <a:pt x="2455" y="353"/>
                    </a:lnTo>
                    <a:lnTo>
                      <a:pt x="2453" y="362"/>
                    </a:lnTo>
                    <a:lnTo>
                      <a:pt x="2452" y="370"/>
                    </a:lnTo>
                    <a:lnTo>
                      <a:pt x="2451" y="379"/>
                    </a:lnTo>
                    <a:lnTo>
                      <a:pt x="2452" y="387"/>
                    </a:lnTo>
                    <a:lnTo>
                      <a:pt x="2455" y="395"/>
                    </a:lnTo>
                    <a:lnTo>
                      <a:pt x="2457" y="402"/>
                    </a:lnTo>
                    <a:lnTo>
                      <a:pt x="2460" y="409"/>
                    </a:lnTo>
                    <a:lnTo>
                      <a:pt x="2462" y="417"/>
                    </a:lnTo>
                    <a:lnTo>
                      <a:pt x="2465" y="423"/>
                    </a:lnTo>
                    <a:lnTo>
                      <a:pt x="2465" y="432"/>
                    </a:lnTo>
                    <a:lnTo>
                      <a:pt x="2465" y="440"/>
                    </a:lnTo>
                    <a:lnTo>
                      <a:pt x="2462" y="447"/>
                    </a:lnTo>
                    <a:lnTo>
                      <a:pt x="2458" y="450"/>
                    </a:lnTo>
                    <a:lnTo>
                      <a:pt x="2455" y="452"/>
                    </a:lnTo>
                    <a:lnTo>
                      <a:pt x="2449" y="453"/>
                    </a:lnTo>
                    <a:lnTo>
                      <a:pt x="2443" y="452"/>
                    </a:lnTo>
                    <a:lnTo>
                      <a:pt x="2436" y="450"/>
                    </a:lnTo>
                    <a:lnTo>
                      <a:pt x="2430" y="448"/>
                    </a:lnTo>
                    <a:lnTo>
                      <a:pt x="2425" y="445"/>
                    </a:lnTo>
                    <a:lnTo>
                      <a:pt x="2420" y="445"/>
                    </a:lnTo>
                    <a:lnTo>
                      <a:pt x="2414" y="447"/>
                    </a:lnTo>
                    <a:lnTo>
                      <a:pt x="2411" y="448"/>
                    </a:lnTo>
                    <a:lnTo>
                      <a:pt x="2403" y="454"/>
                    </a:lnTo>
                    <a:lnTo>
                      <a:pt x="2396" y="462"/>
                    </a:lnTo>
                    <a:lnTo>
                      <a:pt x="2391" y="469"/>
                    </a:lnTo>
                    <a:lnTo>
                      <a:pt x="2386" y="472"/>
                    </a:lnTo>
                    <a:lnTo>
                      <a:pt x="2378" y="475"/>
                    </a:lnTo>
                    <a:lnTo>
                      <a:pt x="2372" y="478"/>
                    </a:lnTo>
                    <a:lnTo>
                      <a:pt x="2357" y="480"/>
                    </a:lnTo>
                    <a:lnTo>
                      <a:pt x="2342" y="480"/>
                    </a:lnTo>
                    <a:lnTo>
                      <a:pt x="2333" y="479"/>
                    </a:lnTo>
                    <a:lnTo>
                      <a:pt x="2326" y="476"/>
                    </a:lnTo>
                    <a:lnTo>
                      <a:pt x="2321" y="471"/>
                    </a:lnTo>
                    <a:lnTo>
                      <a:pt x="2317" y="466"/>
                    </a:lnTo>
                    <a:lnTo>
                      <a:pt x="2316" y="458"/>
                    </a:lnTo>
                    <a:lnTo>
                      <a:pt x="2315" y="452"/>
                    </a:lnTo>
                    <a:lnTo>
                      <a:pt x="2313" y="444"/>
                    </a:lnTo>
                    <a:lnTo>
                      <a:pt x="2313" y="435"/>
                    </a:lnTo>
                    <a:lnTo>
                      <a:pt x="2310" y="418"/>
                    </a:lnTo>
                    <a:close/>
                    <a:moveTo>
                      <a:pt x="2544" y="750"/>
                    </a:moveTo>
                    <a:lnTo>
                      <a:pt x="2557" y="834"/>
                    </a:lnTo>
                    <a:lnTo>
                      <a:pt x="2566" y="878"/>
                    </a:lnTo>
                    <a:lnTo>
                      <a:pt x="2576" y="925"/>
                    </a:lnTo>
                    <a:lnTo>
                      <a:pt x="2580" y="948"/>
                    </a:lnTo>
                    <a:lnTo>
                      <a:pt x="2583" y="970"/>
                    </a:lnTo>
                    <a:lnTo>
                      <a:pt x="2583" y="982"/>
                    </a:lnTo>
                    <a:lnTo>
                      <a:pt x="2583" y="993"/>
                    </a:lnTo>
                    <a:lnTo>
                      <a:pt x="2582" y="1004"/>
                    </a:lnTo>
                    <a:lnTo>
                      <a:pt x="2579" y="1014"/>
                    </a:lnTo>
                    <a:lnTo>
                      <a:pt x="2572" y="1032"/>
                    </a:lnTo>
                    <a:lnTo>
                      <a:pt x="2565" y="1049"/>
                    </a:lnTo>
                    <a:lnTo>
                      <a:pt x="2554" y="1066"/>
                    </a:lnTo>
                    <a:lnTo>
                      <a:pt x="2543" y="1080"/>
                    </a:lnTo>
                    <a:lnTo>
                      <a:pt x="2513" y="1108"/>
                    </a:lnTo>
                    <a:lnTo>
                      <a:pt x="2497" y="1123"/>
                    </a:lnTo>
                    <a:lnTo>
                      <a:pt x="2497" y="1125"/>
                    </a:lnTo>
                    <a:lnTo>
                      <a:pt x="2497" y="1129"/>
                    </a:lnTo>
                    <a:lnTo>
                      <a:pt x="2500" y="1133"/>
                    </a:lnTo>
                    <a:lnTo>
                      <a:pt x="2503" y="1138"/>
                    </a:lnTo>
                    <a:lnTo>
                      <a:pt x="2515" y="1151"/>
                    </a:lnTo>
                    <a:lnTo>
                      <a:pt x="2535" y="1169"/>
                    </a:lnTo>
                    <a:lnTo>
                      <a:pt x="2569" y="1197"/>
                    </a:lnTo>
                    <a:lnTo>
                      <a:pt x="2606" y="1229"/>
                    </a:lnTo>
                    <a:lnTo>
                      <a:pt x="2615" y="1237"/>
                    </a:lnTo>
                    <a:lnTo>
                      <a:pt x="2622" y="1246"/>
                    </a:lnTo>
                    <a:lnTo>
                      <a:pt x="2628" y="1255"/>
                    </a:lnTo>
                    <a:lnTo>
                      <a:pt x="2632" y="1264"/>
                    </a:lnTo>
                    <a:lnTo>
                      <a:pt x="2636" y="1273"/>
                    </a:lnTo>
                    <a:lnTo>
                      <a:pt x="2636" y="1283"/>
                    </a:lnTo>
                    <a:lnTo>
                      <a:pt x="2635" y="1292"/>
                    </a:lnTo>
                    <a:lnTo>
                      <a:pt x="2631" y="1303"/>
                    </a:lnTo>
                    <a:lnTo>
                      <a:pt x="2622" y="1317"/>
                    </a:lnTo>
                    <a:lnTo>
                      <a:pt x="2611" y="1331"/>
                    </a:lnTo>
                    <a:lnTo>
                      <a:pt x="2607" y="1339"/>
                    </a:lnTo>
                    <a:lnTo>
                      <a:pt x="2606" y="1347"/>
                    </a:lnTo>
                    <a:lnTo>
                      <a:pt x="2606" y="1351"/>
                    </a:lnTo>
                    <a:lnTo>
                      <a:pt x="2606" y="1355"/>
                    </a:lnTo>
                    <a:lnTo>
                      <a:pt x="2607" y="1360"/>
                    </a:lnTo>
                    <a:lnTo>
                      <a:pt x="2610" y="1364"/>
                    </a:lnTo>
                    <a:lnTo>
                      <a:pt x="2622" y="1384"/>
                    </a:lnTo>
                    <a:lnTo>
                      <a:pt x="2627" y="1399"/>
                    </a:lnTo>
                    <a:lnTo>
                      <a:pt x="2628" y="1406"/>
                    </a:lnTo>
                    <a:lnTo>
                      <a:pt x="2628" y="1415"/>
                    </a:lnTo>
                    <a:lnTo>
                      <a:pt x="2627" y="1427"/>
                    </a:lnTo>
                    <a:lnTo>
                      <a:pt x="2624" y="1444"/>
                    </a:lnTo>
                    <a:lnTo>
                      <a:pt x="2626" y="1462"/>
                    </a:lnTo>
                    <a:lnTo>
                      <a:pt x="2629" y="1479"/>
                    </a:lnTo>
                    <a:lnTo>
                      <a:pt x="2633" y="1497"/>
                    </a:lnTo>
                    <a:lnTo>
                      <a:pt x="2637" y="1515"/>
                    </a:lnTo>
                    <a:lnTo>
                      <a:pt x="2637" y="1533"/>
                    </a:lnTo>
                    <a:lnTo>
                      <a:pt x="2637" y="1551"/>
                    </a:lnTo>
                    <a:lnTo>
                      <a:pt x="2635" y="1568"/>
                    </a:lnTo>
                    <a:lnTo>
                      <a:pt x="2633" y="1585"/>
                    </a:lnTo>
                    <a:lnTo>
                      <a:pt x="2633" y="1603"/>
                    </a:lnTo>
                    <a:lnTo>
                      <a:pt x="2633" y="1620"/>
                    </a:lnTo>
                    <a:lnTo>
                      <a:pt x="2635" y="1629"/>
                    </a:lnTo>
                    <a:lnTo>
                      <a:pt x="2636" y="1638"/>
                    </a:lnTo>
                    <a:lnTo>
                      <a:pt x="2639" y="1647"/>
                    </a:lnTo>
                    <a:lnTo>
                      <a:pt x="2642" y="1658"/>
                    </a:lnTo>
                    <a:lnTo>
                      <a:pt x="2654" y="1684"/>
                    </a:lnTo>
                    <a:lnTo>
                      <a:pt x="2666" y="1711"/>
                    </a:lnTo>
                    <a:lnTo>
                      <a:pt x="2679" y="1738"/>
                    </a:lnTo>
                    <a:lnTo>
                      <a:pt x="2689" y="1764"/>
                    </a:lnTo>
                    <a:lnTo>
                      <a:pt x="2693" y="1778"/>
                    </a:lnTo>
                    <a:lnTo>
                      <a:pt x="2697" y="1792"/>
                    </a:lnTo>
                    <a:lnTo>
                      <a:pt x="2699" y="1805"/>
                    </a:lnTo>
                    <a:lnTo>
                      <a:pt x="2701" y="1820"/>
                    </a:lnTo>
                    <a:lnTo>
                      <a:pt x="2701" y="1835"/>
                    </a:lnTo>
                    <a:lnTo>
                      <a:pt x="2699" y="1849"/>
                    </a:lnTo>
                    <a:lnTo>
                      <a:pt x="2697" y="1865"/>
                    </a:lnTo>
                    <a:lnTo>
                      <a:pt x="2693" y="1881"/>
                    </a:lnTo>
                    <a:lnTo>
                      <a:pt x="2689" y="1892"/>
                    </a:lnTo>
                    <a:lnTo>
                      <a:pt x="2684" y="1903"/>
                    </a:lnTo>
                    <a:lnTo>
                      <a:pt x="2677" y="1913"/>
                    </a:lnTo>
                    <a:lnTo>
                      <a:pt x="2671" y="1922"/>
                    </a:lnTo>
                    <a:lnTo>
                      <a:pt x="2655" y="1941"/>
                    </a:lnTo>
                    <a:lnTo>
                      <a:pt x="2639" y="1961"/>
                    </a:lnTo>
                    <a:lnTo>
                      <a:pt x="2623" y="1979"/>
                    </a:lnTo>
                    <a:lnTo>
                      <a:pt x="2607" y="1998"/>
                    </a:lnTo>
                    <a:lnTo>
                      <a:pt x="2601" y="2009"/>
                    </a:lnTo>
                    <a:lnTo>
                      <a:pt x="2595" y="2019"/>
                    </a:lnTo>
                    <a:lnTo>
                      <a:pt x="2589" y="2030"/>
                    </a:lnTo>
                    <a:lnTo>
                      <a:pt x="2584" y="2041"/>
                    </a:lnTo>
                    <a:lnTo>
                      <a:pt x="2549" y="2017"/>
                    </a:lnTo>
                    <a:lnTo>
                      <a:pt x="2544" y="2004"/>
                    </a:lnTo>
                    <a:lnTo>
                      <a:pt x="2539" y="1993"/>
                    </a:lnTo>
                    <a:lnTo>
                      <a:pt x="2536" y="1989"/>
                    </a:lnTo>
                    <a:lnTo>
                      <a:pt x="2534" y="1987"/>
                    </a:lnTo>
                    <a:lnTo>
                      <a:pt x="2530" y="1984"/>
                    </a:lnTo>
                    <a:lnTo>
                      <a:pt x="2526" y="1983"/>
                    </a:lnTo>
                    <a:lnTo>
                      <a:pt x="2519" y="1982"/>
                    </a:lnTo>
                    <a:lnTo>
                      <a:pt x="2512" y="1983"/>
                    </a:lnTo>
                    <a:lnTo>
                      <a:pt x="2503" y="1985"/>
                    </a:lnTo>
                    <a:lnTo>
                      <a:pt x="2493" y="1991"/>
                    </a:lnTo>
                    <a:lnTo>
                      <a:pt x="2475" y="2002"/>
                    </a:lnTo>
                    <a:lnTo>
                      <a:pt x="2457" y="2014"/>
                    </a:lnTo>
                    <a:lnTo>
                      <a:pt x="2448" y="2020"/>
                    </a:lnTo>
                    <a:lnTo>
                      <a:pt x="2439" y="2024"/>
                    </a:lnTo>
                    <a:lnTo>
                      <a:pt x="2430" y="2028"/>
                    </a:lnTo>
                    <a:lnTo>
                      <a:pt x="2421" y="2030"/>
                    </a:lnTo>
                    <a:lnTo>
                      <a:pt x="2408" y="2031"/>
                    </a:lnTo>
                    <a:lnTo>
                      <a:pt x="2396" y="2032"/>
                    </a:lnTo>
                    <a:lnTo>
                      <a:pt x="2385" y="2036"/>
                    </a:lnTo>
                    <a:lnTo>
                      <a:pt x="2373" y="2039"/>
                    </a:lnTo>
                    <a:lnTo>
                      <a:pt x="2352" y="2048"/>
                    </a:lnTo>
                    <a:lnTo>
                      <a:pt x="2332" y="2058"/>
                    </a:lnTo>
                    <a:lnTo>
                      <a:pt x="2312" y="2068"/>
                    </a:lnTo>
                    <a:lnTo>
                      <a:pt x="2291" y="2079"/>
                    </a:lnTo>
                    <a:lnTo>
                      <a:pt x="2269" y="2088"/>
                    </a:lnTo>
                    <a:lnTo>
                      <a:pt x="2246" y="2096"/>
                    </a:lnTo>
                    <a:lnTo>
                      <a:pt x="2225" y="2102"/>
                    </a:lnTo>
                    <a:lnTo>
                      <a:pt x="2205" y="2109"/>
                    </a:lnTo>
                    <a:lnTo>
                      <a:pt x="2185" y="2116"/>
                    </a:lnTo>
                    <a:lnTo>
                      <a:pt x="2167" y="2127"/>
                    </a:lnTo>
                    <a:lnTo>
                      <a:pt x="2149" y="2136"/>
                    </a:lnTo>
                    <a:lnTo>
                      <a:pt x="2131" y="2147"/>
                    </a:lnTo>
                    <a:lnTo>
                      <a:pt x="2113" y="2159"/>
                    </a:lnTo>
                    <a:lnTo>
                      <a:pt x="2094" y="2171"/>
                    </a:lnTo>
                    <a:lnTo>
                      <a:pt x="2083" y="2178"/>
                    </a:lnTo>
                    <a:lnTo>
                      <a:pt x="2071" y="2184"/>
                    </a:lnTo>
                    <a:lnTo>
                      <a:pt x="2058" y="2188"/>
                    </a:lnTo>
                    <a:lnTo>
                      <a:pt x="2045" y="2191"/>
                    </a:lnTo>
                    <a:lnTo>
                      <a:pt x="2018" y="2197"/>
                    </a:lnTo>
                    <a:lnTo>
                      <a:pt x="1991" y="2202"/>
                    </a:lnTo>
                    <a:lnTo>
                      <a:pt x="1977" y="2206"/>
                    </a:lnTo>
                    <a:lnTo>
                      <a:pt x="1964" y="2210"/>
                    </a:lnTo>
                    <a:lnTo>
                      <a:pt x="1952" y="2213"/>
                    </a:lnTo>
                    <a:lnTo>
                      <a:pt x="1940" y="2220"/>
                    </a:lnTo>
                    <a:lnTo>
                      <a:pt x="1930" y="2228"/>
                    </a:lnTo>
                    <a:lnTo>
                      <a:pt x="1920" y="2235"/>
                    </a:lnTo>
                    <a:lnTo>
                      <a:pt x="1912" y="2247"/>
                    </a:lnTo>
                    <a:lnTo>
                      <a:pt x="1905" y="2260"/>
                    </a:lnTo>
                    <a:lnTo>
                      <a:pt x="1901" y="2268"/>
                    </a:lnTo>
                    <a:lnTo>
                      <a:pt x="1896" y="2274"/>
                    </a:lnTo>
                    <a:lnTo>
                      <a:pt x="1892" y="2278"/>
                    </a:lnTo>
                    <a:lnTo>
                      <a:pt x="1887" y="2282"/>
                    </a:lnTo>
                    <a:lnTo>
                      <a:pt x="1877" y="2287"/>
                    </a:lnTo>
                    <a:lnTo>
                      <a:pt x="1866" y="2290"/>
                    </a:lnTo>
                    <a:lnTo>
                      <a:pt x="1857" y="2292"/>
                    </a:lnTo>
                    <a:lnTo>
                      <a:pt x="1848" y="2295"/>
                    </a:lnTo>
                    <a:lnTo>
                      <a:pt x="1846" y="2298"/>
                    </a:lnTo>
                    <a:lnTo>
                      <a:pt x="1842" y="2302"/>
                    </a:lnTo>
                    <a:lnTo>
                      <a:pt x="1841" y="2305"/>
                    </a:lnTo>
                    <a:lnTo>
                      <a:pt x="1839" y="2311"/>
                    </a:lnTo>
                    <a:lnTo>
                      <a:pt x="1848" y="2327"/>
                    </a:lnTo>
                    <a:lnTo>
                      <a:pt x="1859" y="2340"/>
                    </a:lnTo>
                    <a:lnTo>
                      <a:pt x="1869" y="2353"/>
                    </a:lnTo>
                    <a:lnTo>
                      <a:pt x="1879" y="2365"/>
                    </a:lnTo>
                    <a:lnTo>
                      <a:pt x="1883" y="2371"/>
                    </a:lnTo>
                    <a:lnTo>
                      <a:pt x="1887" y="2378"/>
                    </a:lnTo>
                    <a:lnTo>
                      <a:pt x="1890" y="2384"/>
                    </a:lnTo>
                    <a:lnTo>
                      <a:pt x="1892" y="2392"/>
                    </a:lnTo>
                    <a:lnTo>
                      <a:pt x="1895" y="2401"/>
                    </a:lnTo>
                    <a:lnTo>
                      <a:pt x="1895" y="2409"/>
                    </a:lnTo>
                    <a:lnTo>
                      <a:pt x="1895" y="2419"/>
                    </a:lnTo>
                    <a:lnTo>
                      <a:pt x="1894" y="2431"/>
                    </a:lnTo>
                    <a:lnTo>
                      <a:pt x="1891" y="2454"/>
                    </a:lnTo>
                    <a:lnTo>
                      <a:pt x="1888" y="2474"/>
                    </a:lnTo>
                    <a:lnTo>
                      <a:pt x="1887" y="2491"/>
                    </a:lnTo>
                    <a:lnTo>
                      <a:pt x="1888" y="2505"/>
                    </a:lnTo>
                    <a:lnTo>
                      <a:pt x="1891" y="2513"/>
                    </a:lnTo>
                    <a:lnTo>
                      <a:pt x="1894" y="2519"/>
                    </a:lnTo>
                    <a:lnTo>
                      <a:pt x="1896" y="2526"/>
                    </a:lnTo>
                    <a:lnTo>
                      <a:pt x="1901" y="2533"/>
                    </a:lnTo>
                    <a:lnTo>
                      <a:pt x="1914" y="2548"/>
                    </a:lnTo>
                    <a:lnTo>
                      <a:pt x="1933" y="2565"/>
                    </a:lnTo>
                    <a:lnTo>
                      <a:pt x="1956" y="2585"/>
                    </a:lnTo>
                    <a:lnTo>
                      <a:pt x="1983" y="2611"/>
                    </a:lnTo>
                    <a:lnTo>
                      <a:pt x="2012" y="2640"/>
                    </a:lnTo>
                    <a:lnTo>
                      <a:pt x="2040" y="2669"/>
                    </a:lnTo>
                    <a:lnTo>
                      <a:pt x="2053" y="2686"/>
                    </a:lnTo>
                    <a:lnTo>
                      <a:pt x="2066" y="2702"/>
                    </a:lnTo>
                    <a:lnTo>
                      <a:pt x="2079" y="2717"/>
                    </a:lnTo>
                    <a:lnTo>
                      <a:pt x="2089" y="2734"/>
                    </a:lnTo>
                    <a:lnTo>
                      <a:pt x="2100" y="2750"/>
                    </a:lnTo>
                    <a:lnTo>
                      <a:pt x="2107" y="2764"/>
                    </a:lnTo>
                    <a:lnTo>
                      <a:pt x="2115" y="2780"/>
                    </a:lnTo>
                    <a:lnTo>
                      <a:pt x="2119" y="2794"/>
                    </a:lnTo>
                    <a:lnTo>
                      <a:pt x="2127" y="2820"/>
                    </a:lnTo>
                    <a:lnTo>
                      <a:pt x="2133" y="2839"/>
                    </a:lnTo>
                    <a:lnTo>
                      <a:pt x="2141" y="2855"/>
                    </a:lnTo>
                    <a:lnTo>
                      <a:pt x="2150" y="2868"/>
                    </a:lnTo>
                    <a:lnTo>
                      <a:pt x="2161" y="2879"/>
                    </a:lnTo>
                    <a:lnTo>
                      <a:pt x="2173" y="2890"/>
                    </a:lnTo>
                    <a:lnTo>
                      <a:pt x="2192" y="2901"/>
                    </a:lnTo>
                    <a:lnTo>
                      <a:pt x="2212" y="2916"/>
                    </a:lnTo>
                    <a:lnTo>
                      <a:pt x="2214" y="2919"/>
                    </a:lnTo>
                    <a:lnTo>
                      <a:pt x="2215" y="2925"/>
                    </a:lnTo>
                    <a:lnTo>
                      <a:pt x="2256" y="3014"/>
                    </a:lnTo>
                    <a:lnTo>
                      <a:pt x="2247" y="3026"/>
                    </a:lnTo>
                    <a:lnTo>
                      <a:pt x="2240" y="3037"/>
                    </a:lnTo>
                    <a:lnTo>
                      <a:pt x="2236" y="3048"/>
                    </a:lnTo>
                    <a:lnTo>
                      <a:pt x="2232" y="3059"/>
                    </a:lnTo>
                    <a:lnTo>
                      <a:pt x="2230" y="3079"/>
                    </a:lnTo>
                    <a:lnTo>
                      <a:pt x="2230" y="3097"/>
                    </a:lnTo>
                    <a:lnTo>
                      <a:pt x="2229" y="3105"/>
                    </a:lnTo>
                    <a:lnTo>
                      <a:pt x="2227" y="3112"/>
                    </a:lnTo>
                    <a:lnTo>
                      <a:pt x="2223" y="3118"/>
                    </a:lnTo>
                    <a:lnTo>
                      <a:pt x="2216" y="3123"/>
                    </a:lnTo>
                    <a:lnTo>
                      <a:pt x="2208" y="3128"/>
                    </a:lnTo>
                    <a:lnTo>
                      <a:pt x="2195" y="3131"/>
                    </a:lnTo>
                    <a:lnTo>
                      <a:pt x="2180" y="3133"/>
                    </a:lnTo>
                    <a:lnTo>
                      <a:pt x="2159" y="3133"/>
                    </a:lnTo>
                    <a:lnTo>
                      <a:pt x="2151" y="3133"/>
                    </a:lnTo>
                    <a:lnTo>
                      <a:pt x="2146" y="3134"/>
                    </a:lnTo>
                    <a:lnTo>
                      <a:pt x="2140" y="3136"/>
                    </a:lnTo>
                    <a:lnTo>
                      <a:pt x="2135" y="3138"/>
                    </a:lnTo>
                    <a:lnTo>
                      <a:pt x="2127" y="3144"/>
                    </a:lnTo>
                    <a:lnTo>
                      <a:pt x="2119" y="3151"/>
                    </a:lnTo>
                    <a:lnTo>
                      <a:pt x="2114" y="3160"/>
                    </a:lnTo>
                    <a:lnTo>
                      <a:pt x="2110" y="3171"/>
                    </a:lnTo>
                    <a:lnTo>
                      <a:pt x="2106" y="3182"/>
                    </a:lnTo>
                    <a:lnTo>
                      <a:pt x="2102" y="3194"/>
                    </a:lnTo>
                    <a:lnTo>
                      <a:pt x="2098" y="3206"/>
                    </a:lnTo>
                    <a:lnTo>
                      <a:pt x="2094" y="3217"/>
                    </a:lnTo>
                    <a:lnTo>
                      <a:pt x="2089" y="3229"/>
                    </a:lnTo>
                    <a:lnTo>
                      <a:pt x="2083" y="3239"/>
                    </a:lnTo>
                    <a:lnTo>
                      <a:pt x="2075" y="3248"/>
                    </a:lnTo>
                    <a:lnTo>
                      <a:pt x="2065" y="3256"/>
                    </a:lnTo>
                    <a:lnTo>
                      <a:pt x="2059" y="3260"/>
                    </a:lnTo>
                    <a:lnTo>
                      <a:pt x="2053" y="3263"/>
                    </a:lnTo>
                    <a:lnTo>
                      <a:pt x="2045" y="3265"/>
                    </a:lnTo>
                    <a:lnTo>
                      <a:pt x="2037" y="3268"/>
                    </a:lnTo>
                    <a:lnTo>
                      <a:pt x="2017" y="3271"/>
                    </a:lnTo>
                    <a:lnTo>
                      <a:pt x="1996" y="3271"/>
                    </a:lnTo>
                    <a:lnTo>
                      <a:pt x="1974" y="3271"/>
                    </a:lnTo>
                    <a:lnTo>
                      <a:pt x="1953" y="3268"/>
                    </a:lnTo>
                    <a:lnTo>
                      <a:pt x="1931" y="3267"/>
                    </a:lnTo>
                    <a:lnTo>
                      <a:pt x="1910" y="3267"/>
                    </a:lnTo>
                    <a:lnTo>
                      <a:pt x="1891" y="3268"/>
                    </a:lnTo>
                    <a:lnTo>
                      <a:pt x="1873" y="3271"/>
                    </a:lnTo>
                    <a:lnTo>
                      <a:pt x="1872" y="3277"/>
                    </a:lnTo>
                    <a:lnTo>
                      <a:pt x="1872" y="3285"/>
                    </a:lnTo>
                    <a:lnTo>
                      <a:pt x="1873" y="3293"/>
                    </a:lnTo>
                    <a:lnTo>
                      <a:pt x="1874" y="3302"/>
                    </a:lnTo>
                    <a:lnTo>
                      <a:pt x="1879" y="3322"/>
                    </a:lnTo>
                    <a:lnTo>
                      <a:pt x="1887" y="3344"/>
                    </a:lnTo>
                    <a:lnTo>
                      <a:pt x="1907" y="3396"/>
                    </a:lnTo>
                    <a:lnTo>
                      <a:pt x="1927" y="3449"/>
                    </a:lnTo>
                    <a:lnTo>
                      <a:pt x="1936" y="3474"/>
                    </a:lnTo>
                    <a:lnTo>
                      <a:pt x="1943" y="3497"/>
                    </a:lnTo>
                    <a:lnTo>
                      <a:pt x="1945" y="3509"/>
                    </a:lnTo>
                    <a:lnTo>
                      <a:pt x="1947" y="3519"/>
                    </a:lnTo>
                    <a:lnTo>
                      <a:pt x="1948" y="3528"/>
                    </a:lnTo>
                    <a:lnTo>
                      <a:pt x="1948" y="3536"/>
                    </a:lnTo>
                    <a:lnTo>
                      <a:pt x="1945" y="3544"/>
                    </a:lnTo>
                    <a:lnTo>
                      <a:pt x="1943" y="3550"/>
                    </a:lnTo>
                    <a:lnTo>
                      <a:pt x="1939" y="3557"/>
                    </a:lnTo>
                    <a:lnTo>
                      <a:pt x="1934" y="3561"/>
                    </a:lnTo>
                    <a:lnTo>
                      <a:pt x="1927" y="3563"/>
                    </a:lnTo>
                    <a:lnTo>
                      <a:pt x="1920" y="3565"/>
                    </a:lnTo>
                    <a:lnTo>
                      <a:pt x="1909" y="3565"/>
                    </a:lnTo>
                    <a:lnTo>
                      <a:pt x="1898" y="3563"/>
                    </a:lnTo>
                    <a:lnTo>
                      <a:pt x="1888" y="3557"/>
                    </a:lnTo>
                    <a:lnTo>
                      <a:pt x="1879" y="3549"/>
                    </a:lnTo>
                    <a:lnTo>
                      <a:pt x="1873" y="3541"/>
                    </a:lnTo>
                    <a:lnTo>
                      <a:pt x="1865" y="3532"/>
                    </a:lnTo>
                    <a:lnTo>
                      <a:pt x="1859" y="3524"/>
                    </a:lnTo>
                    <a:lnTo>
                      <a:pt x="1851" y="3517"/>
                    </a:lnTo>
                    <a:lnTo>
                      <a:pt x="1842" y="3509"/>
                    </a:lnTo>
                    <a:lnTo>
                      <a:pt x="1833" y="3505"/>
                    </a:lnTo>
                    <a:lnTo>
                      <a:pt x="1816" y="3499"/>
                    </a:lnTo>
                    <a:lnTo>
                      <a:pt x="1800" y="3493"/>
                    </a:lnTo>
                    <a:lnTo>
                      <a:pt x="1786" y="3491"/>
                    </a:lnTo>
                    <a:lnTo>
                      <a:pt x="1768" y="3489"/>
                    </a:lnTo>
                    <a:lnTo>
                      <a:pt x="1763" y="3488"/>
                    </a:lnTo>
                    <a:lnTo>
                      <a:pt x="1756" y="3487"/>
                    </a:lnTo>
                    <a:lnTo>
                      <a:pt x="1751" y="3484"/>
                    </a:lnTo>
                    <a:lnTo>
                      <a:pt x="1746" y="3480"/>
                    </a:lnTo>
                    <a:lnTo>
                      <a:pt x="1736" y="3474"/>
                    </a:lnTo>
                    <a:lnTo>
                      <a:pt x="1727" y="3467"/>
                    </a:lnTo>
                    <a:lnTo>
                      <a:pt x="1721" y="3465"/>
                    </a:lnTo>
                    <a:lnTo>
                      <a:pt x="1716" y="3464"/>
                    </a:lnTo>
                    <a:lnTo>
                      <a:pt x="1711" y="3464"/>
                    </a:lnTo>
                    <a:lnTo>
                      <a:pt x="1706" y="3465"/>
                    </a:lnTo>
                    <a:lnTo>
                      <a:pt x="1695" y="3470"/>
                    </a:lnTo>
                    <a:lnTo>
                      <a:pt x="1688" y="3476"/>
                    </a:lnTo>
                    <a:lnTo>
                      <a:pt x="1680" y="3483"/>
                    </a:lnTo>
                    <a:lnTo>
                      <a:pt x="1675" y="3491"/>
                    </a:lnTo>
                    <a:lnTo>
                      <a:pt x="1668" y="3499"/>
                    </a:lnTo>
                    <a:lnTo>
                      <a:pt x="1663" y="3506"/>
                    </a:lnTo>
                    <a:lnTo>
                      <a:pt x="1653" y="3523"/>
                    </a:lnTo>
                    <a:lnTo>
                      <a:pt x="1640" y="3537"/>
                    </a:lnTo>
                    <a:lnTo>
                      <a:pt x="1627" y="3544"/>
                    </a:lnTo>
                    <a:lnTo>
                      <a:pt x="1614" y="3548"/>
                    </a:lnTo>
                    <a:lnTo>
                      <a:pt x="1601" y="3552"/>
                    </a:lnTo>
                    <a:lnTo>
                      <a:pt x="1587" y="3553"/>
                    </a:lnTo>
                    <a:lnTo>
                      <a:pt x="1561" y="3553"/>
                    </a:lnTo>
                    <a:lnTo>
                      <a:pt x="1533" y="3552"/>
                    </a:lnTo>
                    <a:lnTo>
                      <a:pt x="1506" y="3549"/>
                    </a:lnTo>
                    <a:lnTo>
                      <a:pt x="1480" y="3548"/>
                    </a:lnTo>
                    <a:lnTo>
                      <a:pt x="1466" y="3548"/>
                    </a:lnTo>
                    <a:lnTo>
                      <a:pt x="1453" y="3548"/>
                    </a:lnTo>
                    <a:lnTo>
                      <a:pt x="1440" y="3550"/>
                    </a:lnTo>
                    <a:lnTo>
                      <a:pt x="1427" y="3554"/>
                    </a:lnTo>
                    <a:lnTo>
                      <a:pt x="1401" y="3561"/>
                    </a:lnTo>
                    <a:lnTo>
                      <a:pt x="1377" y="3567"/>
                    </a:lnTo>
                    <a:lnTo>
                      <a:pt x="1364" y="3568"/>
                    </a:lnTo>
                    <a:lnTo>
                      <a:pt x="1351" y="3571"/>
                    </a:lnTo>
                    <a:lnTo>
                      <a:pt x="1339" y="3571"/>
                    </a:lnTo>
                    <a:lnTo>
                      <a:pt x="1326" y="3572"/>
                    </a:lnTo>
                    <a:lnTo>
                      <a:pt x="1315" y="3571"/>
                    </a:lnTo>
                    <a:lnTo>
                      <a:pt x="1303" y="3568"/>
                    </a:lnTo>
                    <a:lnTo>
                      <a:pt x="1291" y="3566"/>
                    </a:lnTo>
                    <a:lnTo>
                      <a:pt x="1280" y="3561"/>
                    </a:lnTo>
                    <a:lnTo>
                      <a:pt x="1269" y="3554"/>
                    </a:lnTo>
                    <a:lnTo>
                      <a:pt x="1259" y="3546"/>
                    </a:lnTo>
                    <a:lnTo>
                      <a:pt x="1250" y="3537"/>
                    </a:lnTo>
                    <a:lnTo>
                      <a:pt x="1241" y="3526"/>
                    </a:lnTo>
                    <a:lnTo>
                      <a:pt x="1236" y="3518"/>
                    </a:lnTo>
                    <a:lnTo>
                      <a:pt x="1229" y="3510"/>
                    </a:lnTo>
                    <a:lnTo>
                      <a:pt x="1221" y="3502"/>
                    </a:lnTo>
                    <a:lnTo>
                      <a:pt x="1214" y="3496"/>
                    </a:lnTo>
                    <a:lnTo>
                      <a:pt x="1204" y="3491"/>
                    </a:lnTo>
                    <a:lnTo>
                      <a:pt x="1195" y="3488"/>
                    </a:lnTo>
                    <a:lnTo>
                      <a:pt x="1190" y="3487"/>
                    </a:lnTo>
                    <a:lnTo>
                      <a:pt x="1185" y="3487"/>
                    </a:lnTo>
                    <a:lnTo>
                      <a:pt x="1180" y="3487"/>
                    </a:lnTo>
                    <a:lnTo>
                      <a:pt x="1175" y="3488"/>
                    </a:lnTo>
                    <a:lnTo>
                      <a:pt x="1168" y="3491"/>
                    </a:lnTo>
                    <a:lnTo>
                      <a:pt x="1163" y="3495"/>
                    </a:lnTo>
                    <a:lnTo>
                      <a:pt x="1159" y="3500"/>
                    </a:lnTo>
                    <a:lnTo>
                      <a:pt x="1157" y="3508"/>
                    </a:lnTo>
                    <a:lnTo>
                      <a:pt x="1153" y="3523"/>
                    </a:lnTo>
                    <a:lnTo>
                      <a:pt x="1150" y="3540"/>
                    </a:lnTo>
                    <a:lnTo>
                      <a:pt x="1149" y="3558"/>
                    </a:lnTo>
                    <a:lnTo>
                      <a:pt x="1146" y="3575"/>
                    </a:lnTo>
                    <a:lnTo>
                      <a:pt x="1145" y="3581"/>
                    </a:lnTo>
                    <a:lnTo>
                      <a:pt x="1142" y="3588"/>
                    </a:lnTo>
                    <a:lnTo>
                      <a:pt x="1138" y="3593"/>
                    </a:lnTo>
                    <a:lnTo>
                      <a:pt x="1134" y="3597"/>
                    </a:lnTo>
                    <a:lnTo>
                      <a:pt x="1127" y="3601"/>
                    </a:lnTo>
                    <a:lnTo>
                      <a:pt x="1119" y="3602"/>
                    </a:lnTo>
                    <a:lnTo>
                      <a:pt x="1110" y="3602"/>
                    </a:lnTo>
                    <a:lnTo>
                      <a:pt x="1102" y="3601"/>
                    </a:lnTo>
                    <a:lnTo>
                      <a:pt x="1094" y="3598"/>
                    </a:lnTo>
                    <a:lnTo>
                      <a:pt x="1085" y="3596"/>
                    </a:lnTo>
                    <a:lnTo>
                      <a:pt x="1077" y="3590"/>
                    </a:lnTo>
                    <a:lnTo>
                      <a:pt x="1070" y="3585"/>
                    </a:lnTo>
                    <a:lnTo>
                      <a:pt x="1039" y="3563"/>
                    </a:lnTo>
                    <a:lnTo>
                      <a:pt x="1013" y="3544"/>
                    </a:lnTo>
                    <a:lnTo>
                      <a:pt x="997" y="3532"/>
                    </a:lnTo>
                    <a:lnTo>
                      <a:pt x="976" y="3513"/>
                    </a:lnTo>
                    <a:lnTo>
                      <a:pt x="956" y="3493"/>
                    </a:lnTo>
                    <a:lnTo>
                      <a:pt x="941" y="3478"/>
                    </a:lnTo>
                    <a:lnTo>
                      <a:pt x="886" y="3488"/>
                    </a:lnTo>
                    <a:lnTo>
                      <a:pt x="878" y="3449"/>
                    </a:lnTo>
                    <a:lnTo>
                      <a:pt x="800" y="3374"/>
                    </a:lnTo>
                    <a:lnTo>
                      <a:pt x="787" y="3364"/>
                    </a:lnTo>
                    <a:lnTo>
                      <a:pt x="774" y="3356"/>
                    </a:lnTo>
                    <a:lnTo>
                      <a:pt x="760" y="3350"/>
                    </a:lnTo>
                    <a:lnTo>
                      <a:pt x="745" y="3344"/>
                    </a:lnTo>
                    <a:lnTo>
                      <a:pt x="729" y="3339"/>
                    </a:lnTo>
                    <a:lnTo>
                      <a:pt x="713" y="3335"/>
                    </a:lnTo>
                    <a:lnTo>
                      <a:pt x="699" y="3329"/>
                    </a:lnTo>
                    <a:lnTo>
                      <a:pt x="684" y="3322"/>
                    </a:lnTo>
                    <a:lnTo>
                      <a:pt x="664" y="3308"/>
                    </a:lnTo>
                    <a:lnTo>
                      <a:pt x="646" y="3293"/>
                    </a:lnTo>
                    <a:lnTo>
                      <a:pt x="636" y="3285"/>
                    </a:lnTo>
                    <a:lnTo>
                      <a:pt x="625" y="3278"/>
                    </a:lnTo>
                    <a:lnTo>
                      <a:pt x="619" y="3277"/>
                    </a:lnTo>
                    <a:lnTo>
                      <a:pt x="614" y="3274"/>
                    </a:lnTo>
                    <a:lnTo>
                      <a:pt x="607" y="3274"/>
                    </a:lnTo>
                    <a:lnTo>
                      <a:pt x="601" y="3273"/>
                    </a:lnTo>
                    <a:lnTo>
                      <a:pt x="590" y="3274"/>
                    </a:lnTo>
                    <a:lnTo>
                      <a:pt x="581" y="3277"/>
                    </a:lnTo>
                    <a:lnTo>
                      <a:pt x="575" y="3281"/>
                    </a:lnTo>
                    <a:lnTo>
                      <a:pt x="570" y="3286"/>
                    </a:lnTo>
                    <a:lnTo>
                      <a:pt x="566" y="3293"/>
                    </a:lnTo>
                    <a:lnTo>
                      <a:pt x="563" y="3299"/>
                    </a:lnTo>
                    <a:lnTo>
                      <a:pt x="562" y="3307"/>
                    </a:lnTo>
                    <a:lnTo>
                      <a:pt x="562" y="3316"/>
                    </a:lnTo>
                    <a:lnTo>
                      <a:pt x="566" y="3352"/>
                    </a:lnTo>
                    <a:lnTo>
                      <a:pt x="568" y="3385"/>
                    </a:lnTo>
                    <a:lnTo>
                      <a:pt x="564" y="3390"/>
                    </a:lnTo>
                    <a:lnTo>
                      <a:pt x="562" y="3395"/>
                    </a:lnTo>
                    <a:lnTo>
                      <a:pt x="557" y="3400"/>
                    </a:lnTo>
                    <a:lnTo>
                      <a:pt x="552" y="3405"/>
                    </a:lnTo>
                    <a:lnTo>
                      <a:pt x="545" y="3409"/>
                    </a:lnTo>
                    <a:lnTo>
                      <a:pt x="537" y="3412"/>
                    </a:lnTo>
                    <a:lnTo>
                      <a:pt x="529" y="3412"/>
                    </a:lnTo>
                    <a:lnTo>
                      <a:pt x="520" y="3410"/>
                    </a:lnTo>
                    <a:lnTo>
                      <a:pt x="513" y="3407"/>
                    </a:lnTo>
                    <a:lnTo>
                      <a:pt x="504" y="3403"/>
                    </a:lnTo>
                    <a:lnTo>
                      <a:pt x="495" y="3399"/>
                    </a:lnTo>
                    <a:lnTo>
                      <a:pt x="485" y="3392"/>
                    </a:lnTo>
                    <a:lnTo>
                      <a:pt x="469" y="3382"/>
                    </a:lnTo>
                    <a:lnTo>
                      <a:pt x="452" y="3370"/>
                    </a:lnTo>
                    <a:lnTo>
                      <a:pt x="443" y="3366"/>
                    </a:lnTo>
                    <a:lnTo>
                      <a:pt x="435" y="3362"/>
                    </a:lnTo>
                    <a:lnTo>
                      <a:pt x="428" y="3360"/>
                    </a:lnTo>
                    <a:lnTo>
                      <a:pt x="421" y="3360"/>
                    </a:lnTo>
                    <a:lnTo>
                      <a:pt x="409" y="3360"/>
                    </a:lnTo>
                    <a:lnTo>
                      <a:pt x="399" y="3362"/>
                    </a:lnTo>
                    <a:lnTo>
                      <a:pt x="387" y="3365"/>
                    </a:lnTo>
                    <a:lnTo>
                      <a:pt x="375" y="3368"/>
                    </a:lnTo>
                    <a:lnTo>
                      <a:pt x="353" y="3374"/>
                    </a:lnTo>
                    <a:lnTo>
                      <a:pt x="331" y="3378"/>
                    </a:lnTo>
                    <a:lnTo>
                      <a:pt x="323" y="3378"/>
                    </a:lnTo>
                    <a:lnTo>
                      <a:pt x="316" y="3375"/>
                    </a:lnTo>
                    <a:lnTo>
                      <a:pt x="309" y="3373"/>
                    </a:lnTo>
                    <a:lnTo>
                      <a:pt x="303" y="3369"/>
                    </a:lnTo>
                    <a:lnTo>
                      <a:pt x="298" y="3364"/>
                    </a:lnTo>
                    <a:lnTo>
                      <a:pt x="294" y="3357"/>
                    </a:lnTo>
                    <a:lnTo>
                      <a:pt x="289" y="3351"/>
                    </a:lnTo>
                    <a:lnTo>
                      <a:pt x="286" y="3343"/>
                    </a:lnTo>
                    <a:lnTo>
                      <a:pt x="282" y="3334"/>
                    </a:lnTo>
                    <a:lnTo>
                      <a:pt x="279" y="3324"/>
                    </a:lnTo>
                    <a:lnTo>
                      <a:pt x="278" y="3315"/>
                    </a:lnTo>
                    <a:lnTo>
                      <a:pt x="277" y="3304"/>
                    </a:lnTo>
                    <a:lnTo>
                      <a:pt x="276" y="3295"/>
                    </a:lnTo>
                    <a:lnTo>
                      <a:pt x="276" y="3286"/>
                    </a:lnTo>
                    <a:lnTo>
                      <a:pt x="277" y="3278"/>
                    </a:lnTo>
                    <a:lnTo>
                      <a:pt x="278" y="3271"/>
                    </a:lnTo>
                    <a:lnTo>
                      <a:pt x="286" y="3233"/>
                    </a:lnTo>
                    <a:lnTo>
                      <a:pt x="291" y="3198"/>
                    </a:lnTo>
                    <a:lnTo>
                      <a:pt x="294" y="3181"/>
                    </a:lnTo>
                    <a:lnTo>
                      <a:pt x="298" y="3164"/>
                    </a:lnTo>
                    <a:lnTo>
                      <a:pt x="304" y="3147"/>
                    </a:lnTo>
                    <a:lnTo>
                      <a:pt x="313" y="3131"/>
                    </a:lnTo>
                    <a:lnTo>
                      <a:pt x="330" y="3105"/>
                    </a:lnTo>
                    <a:lnTo>
                      <a:pt x="347" y="3080"/>
                    </a:lnTo>
                    <a:lnTo>
                      <a:pt x="355" y="3068"/>
                    </a:lnTo>
                    <a:lnTo>
                      <a:pt x="362" y="3054"/>
                    </a:lnTo>
                    <a:lnTo>
                      <a:pt x="368" y="3040"/>
                    </a:lnTo>
                    <a:lnTo>
                      <a:pt x="373" y="3024"/>
                    </a:lnTo>
                    <a:lnTo>
                      <a:pt x="377" y="3008"/>
                    </a:lnTo>
                    <a:lnTo>
                      <a:pt x="381" y="2993"/>
                    </a:lnTo>
                    <a:lnTo>
                      <a:pt x="386" y="2979"/>
                    </a:lnTo>
                    <a:lnTo>
                      <a:pt x="392" y="2965"/>
                    </a:lnTo>
                    <a:lnTo>
                      <a:pt x="399" y="2952"/>
                    </a:lnTo>
                    <a:lnTo>
                      <a:pt x="406" y="2940"/>
                    </a:lnTo>
                    <a:lnTo>
                      <a:pt x="414" y="2929"/>
                    </a:lnTo>
                    <a:lnTo>
                      <a:pt x="422" y="2917"/>
                    </a:lnTo>
                    <a:lnTo>
                      <a:pt x="440" y="2894"/>
                    </a:lnTo>
                    <a:lnTo>
                      <a:pt x="460" y="2872"/>
                    </a:lnTo>
                    <a:lnTo>
                      <a:pt x="482" y="2849"/>
                    </a:lnTo>
                    <a:lnTo>
                      <a:pt x="504" y="2826"/>
                    </a:lnTo>
                    <a:lnTo>
                      <a:pt x="523" y="2804"/>
                    </a:lnTo>
                    <a:lnTo>
                      <a:pt x="541" y="2780"/>
                    </a:lnTo>
                    <a:lnTo>
                      <a:pt x="557" y="2756"/>
                    </a:lnTo>
                    <a:lnTo>
                      <a:pt x="571" y="2732"/>
                    </a:lnTo>
                    <a:lnTo>
                      <a:pt x="541" y="2704"/>
                    </a:lnTo>
                    <a:lnTo>
                      <a:pt x="523" y="2693"/>
                    </a:lnTo>
                    <a:lnTo>
                      <a:pt x="505" y="2682"/>
                    </a:lnTo>
                    <a:lnTo>
                      <a:pt x="484" y="2672"/>
                    </a:lnTo>
                    <a:lnTo>
                      <a:pt x="465" y="2663"/>
                    </a:lnTo>
                    <a:lnTo>
                      <a:pt x="444" y="2655"/>
                    </a:lnTo>
                    <a:lnTo>
                      <a:pt x="423" y="2647"/>
                    </a:lnTo>
                    <a:lnTo>
                      <a:pt x="403" y="2641"/>
                    </a:lnTo>
                    <a:lnTo>
                      <a:pt x="382" y="2636"/>
                    </a:lnTo>
                    <a:lnTo>
                      <a:pt x="369" y="2632"/>
                    </a:lnTo>
                    <a:lnTo>
                      <a:pt x="358" y="2628"/>
                    </a:lnTo>
                    <a:lnTo>
                      <a:pt x="348" y="2623"/>
                    </a:lnTo>
                    <a:lnTo>
                      <a:pt x="339" y="2618"/>
                    </a:lnTo>
                    <a:lnTo>
                      <a:pt x="323" y="2605"/>
                    </a:lnTo>
                    <a:lnTo>
                      <a:pt x="308" y="2590"/>
                    </a:lnTo>
                    <a:lnTo>
                      <a:pt x="295" y="2576"/>
                    </a:lnTo>
                    <a:lnTo>
                      <a:pt x="279" y="2562"/>
                    </a:lnTo>
                    <a:lnTo>
                      <a:pt x="272" y="2555"/>
                    </a:lnTo>
                    <a:lnTo>
                      <a:pt x="264" y="2550"/>
                    </a:lnTo>
                    <a:lnTo>
                      <a:pt x="255" y="2545"/>
                    </a:lnTo>
                    <a:lnTo>
                      <a:pt x="246" y="2540"/>
                    </a:lnTo>
                    <a:lnTo>
                      <a:pt x="232" y="2535"/>
                    </a:lnTo>
                    <a:lnTo>
                      <a:pt x="216" y="2531"/>
                    </a:lnTo>
                    <a:lnTo>
                      <a:pt x="200" y="2528"/>
                    </a:lnTo>
                    <a:lnTo>
                      <a:pt x="185" y="2524"/>
                    </a:lnTo>
                    <a:lnTo>
                      <a:pt x="171" y="2520"/>
                    </a:lnTo>
                    <a:lnTo>
                      <a:pt x="158" y="2514"/>
                    </a:lnTo>
                    <a:lnTo>
                      <a:pt x="151" y="2510"/>
                    </a:lnTo>
                    <a:lnTo>
                      <a:pt x="145" y="2506"/>
                    </a:lnTo>
                    <a:lnTo>
                      <a:pt x="140" y="2500"/>
                    </a:lnTo>
                    <a:lnTo>
                      <a:pt x="134" y="2493"/>
                    </a:lnTo>
                    <a:lnTo>
                      <a:pt x="114" y="2465"/>
                    </a:lnTo>
                    <a:lnTo>
                      <a:pt x="94" y="2438"/>
                    </a:lnTo>
                    <a:lnTo>
                      <a:pt x="83" y="2425"/>
                    </a:lnTo>
                    <a:lnTo>
                      <a:pt x="71" y="2412"/>
                    </a:lnTo>
                    <a:lnTo>
                      <a:pt x="59" y="2399"/>
                    </a:lnTo>
                    <a:lnTo>
                      <a:pt x="45" y="2387"/>
                    </a:lnTo>
                    <a:lnTo>
                      <a:pt x="46" y="2381"/>
                    </a:lnTo>
                    <a:lnTo>
                      <a:pt x="48" y="2373"/>
                    </a:lnTo>
                    <a:lnTo>
                      <a:pt x="49" y="2366"/>
                    </a:lnTo>
                    <a:lnTo>
                      <a:pt x="51" y="2360"/>
                    </a:lnTo>
                    <a:lnTo>
                      <a:pt x="57" y="2348"/>
                    </a:lnTo>
                    <a:lnTo>
                      <a:pt x="63" y="2337"/>
                    </a:lnTo>
                    <a:lnTo>
                      <a:pt x="68" y="2325"/>
                    </a:lnTo>
                    <a:lnTo>
                      <a:pt x="73" y="2312"/>
                    </a:lnTo>
                    <a:lnTo>
                      <a:pt x="75" y="2305"/>
                    </a:lnTo>
                    <a:lnTo>
                      <a:pt x="75" y="2298"/>
                    </a:lnTo>
                    <a:lnTo>
                      <a:pt x="75" y="2290"/>
                    </a:lnTo>
                    <a:lnTo>
                      <a:pt x="73" y="2281"/>
                    </a:lnTo>
                    <a:lnTo>
                      <a:pt x="71" y="2272"/>
                    </a:lnTo>
                    <a:lnTo>
                      <a:pt x="67" y="2263"/>
                    </a:lnTo>
                    <a:lnTo>
                      <a:pt x="63" y="2255"/>
                    </a:lnTo>
                    <a:lnTo>
                      <a:pt x="57" y="2247"/>
                    </a:lnTo>
                    <a:lnTo>
                      <a:pt x="45" y="2233"/>
                    </a:lnTo>
                    <a:lnTo>
                      <a:pt x="32" y="2219"/>
                    </a:lnTo>
                    <a:lnTo>
                      <a:pt x="19" y="2204"/>
                    </a:lnTo>
                    <a:lnTo>
                      <a:pt x="9" y="2189"/>
                    </a:lnTo>
                    <a:lnTo>
                      <a:pt x="5" y="2181"/>
                    </a:lnTo>
                    <a:lnTo>
                      <a:pt x="2" y="2173"/>
                    </a:lnTo>
                    <a:lnTo>
                      <a:pt x="0" y="2163"/>
                    </a:lnTo>
                    <a:lnTo>
                      <a:pt x="0" y="2154"/>
                    </a:lnTo>
                    <a:lnTo>
                      <a:pt x="1" y="2132"/>
                    </a:lnTo>
                    <a:lnTo>
                      <a:pt x="4" y="2109"/>
                    </a:lnTo>
                    <a:lnTo>
                      <a:pt x="4" y="2097"/>
                    </a:lnTo>
                    <a:lnTo>
                      <a:pt x="5" y="2085"/>
                    </a:lnTo>
                    <a:lnTo>
                      <a:pt x="5" y="2074"/>
                    </a:lnTo>
                    <a:lnTo>
                      <a:pt x="4" y="2063"/>
                    </a:lnTo>
                    <a:lnTo>
                      <a:pt x="31" y="2035"/>
                    </a:lnTo>
                    <a:lnTo>
                      <a:pt x="40" y="2018"/>
                    </a:lnTo>
                    <a:lnTo>
                      <a:pt x="49" y="2001"/>
                    </a:lnTo>
                    <a:lnTo>
                      <a:pt x="55" y="1984"/>
                    </a:lnTo>
                    <a:lnTo>
                      <a:pt x="61" y="1969"/>
                    </a:lnTo>
                    <a:lnTo>
                      <a:pt x="66" y="1952"/>
                    </a:lnTo>
                    <a:lnTo>
                      <a:pt x="67" y="1935"/>
                    </a:lnTo>
                    <a:lnTo>
                      <a:pt x="68" y="1916"/>
                    </a:lnTo>
                    <a:lnTo>
                      <a:pt x="66" y="1896"/>
                    </a:lnTo>
                    <a:lnTo>
                      <a:pt x="62" y="1879"/>
                    </a:lnTo>
                    <a:lnTo>
                      <a:pt x="57" y="1864"/>
                    </a:lnTo>
                    <a:lnTo>
                      <a:pt x="49" y="1849"/>
                    </a:lnTo>
                    <a:lnTo>
                      <a:pt x="40" y="1835"/>
                    </a:lnTo>
                    <a:lnTo>
                      <a:pt x="31" y="1821"/>
                    </a:lnTo>
                    <a:lnTo>
                      <a:pt x="23" y="1807"/>
                    </a:lnTo>
                    <a:lnTo>
                      <a:pt x="16" y="1792"/>
                    </a:lnTo>
                    <a:lnTo>
                      <a:pt x="11" y="1777"/>
                    </a:lnTo>
                    <a:lnTo>
                      <a:pt x="19" y="1767"/>
                    </a:lnTo>
                    <a:lnTo>
                      <a:pt x="24" y="1755"/>
                    </a:lnTo>
                    <a:lnTo>
                      <a:pt x="31" y="1745"/>
                    </a:lnTo>
                    <a:lnTo>
                      <a:pt x="35" y="1734"/>
                    </a:lnTo>
                    <a:lnTo>
                      <a:pt x="44" y="1712"/>
                    </a:lnTo>
                    <a:lnTo>
                      <a:pt x="50" y="1689"/>
                    </a:lnTo>
                    <a:lnTo>
                      <a:pt x="57" y="1667"/>
                    </a:lnTo>
                    <a:lnTo>
                      <a:pt x="63" y="1643"/>
                    </a:lnTo>
                    <a:lnTo>
                      <a:pt x="71" y="1621"/>
                    </a:lnTo>
                    <a:lnTo>
                      <a:pt x="80" y="1598"/>
                    </a:lnTo>
                    <a:lnTo>
                      <a:pt x="90" y="1580"/>
                    </a:lnTo>
                    <a:lnTo>
                      <a:pt x="102" y="1564"/>
                    </a:lnTo>
                    <a:lnTo>
                      <a:pt x="114" y="1549"/>
                    </a:lnTo>
                    <a:lnTo>
                      <a:pt x="125" y="1532"/>
                    </a:lnTo>
                    <a:lnTo>
                      <a:pt x="128" y="1527"/>
                    </a:lnTo>
                    <a:lnTo>
                      <a:pt x="130" y="1523"/>
                    </a:lnTo>
                    <a:lnTo>
                      <a:pt x="132" y="1518"/>
                    </a:lnTo>
                    <a:lnTo>
                      <a:pt x="132" y="1513"/>
                    </a:lnTo>
                    <a:lnTo>
                      <a:pt x="132" y="1501"/>
                    </a:lnTo>
                    <a:lnTo>
                      <a:pt x="129" y="1491"/>
                    </a:lnTo>
                    <a:lnTo>
                      <a:pt x="121" y="1470"/>
                    </a:lnTo>
                    <a:lnTo>
                      <a:pt x="111" y="1450"/>
                    </a:lnTo>
                    <a:lnTo>
                      <a:pt x="111" y="1445"/>
                    </a:lnTo>
                    <a:lnTo>
                      <a:pt x="108" y="1440"/>
                    </a:lnTo>
                    <a:lnTo>
                      <a:pt x="105" y="1435"/>
                    </a:lnTo>
                    <a:lnTo>
                      <a:pt x="102" y="1430"/>
                    </a:lnTo>
                    <a:lnTo>
                      <a:pt x="93" y="1421"/>
                    </a:lnTo>
                    <a:lnTo>
                      <a:pt x="85" y="1412"/>
                    </a:lnTo>
                    <a:lnTo>
                      <a:pt x="81" y="1408"/>
                    </a:lnTo>
                    <a:lnTo>
                      <a:pt x="79" y="1403"/>
                    </a:lnTo>
                    <a:lnTo>
                      <a:pt x="76" y="1399"/>
                    </a:lnTo>
                    <a:lnTo>
                      <a:pt x="75" y="1393"/>
                    </a:lnTo>
                    <a:lnTo>
                      <a:pt x="75" y="1387"/>
                    </a:lnTo>
                    <a:lnTo>
                      <a:pt x="76" y="1382"/>
                    </a:lnTo>
                    <a:lnTo>
                      <a:pt x="79" y="1375"/>
                    </a:lnTo>
                    <a:lnTo>
                      <a:pt x="84" y="1369"/>
                    </a:lnTo>
                    <a:lnTo>
                      <a:pt x="89" y="1362"/>
                    </a:lnTo>
                    <a:lnTo>
                      <a:pt x="94" y="1357"/>
                    </a:lnTo>
                    <a:lnTo>
                      <a:pt x="99" y="1352"/>
                    </a:lnTo>
                    <a:lnTo>
                      <a:pt x="106" y="1349"/>
                    </a:lnTo>
                    <a:lnTo>
                      <a:pt x="116" y="1343"/>
                    </a:lnTo>
                    <a:lnTo>
                      <a:pt x="128" y="1340"/>
                    </a:lnTo>
                    <a:lnTo>
                      <a:pt x="152" y="1336"/>
                    </a:lnTo>
                    <a:lnTo>
                      <a:pt x="180" y="1333"/>
                    </a:lnTo>
                    <a:lnTo>
                      <a:pt x="194" y="1330"/>
                    </a:lnTo>
                    <a:lnTo>
                      <a:pt x="207" y="1327"/>
                    </a:lnTo>
                    <a:lnTo>
                      <a:pt x="219" y="1326"/>
                    </a:lnTo>
                    <a:lnTo>
                      <a:pt x="230" y="1326"/>
                    </a:lnTo>
                    <a:lnTo>
                      <a:pt x="254" y="1326"/>
                    </a:lnTo>
                    <a:lnTo>
                      <a:pt x="276" y="1326"/>
                    </a:lnTo>
                    <a:lnTo>
                      <a:pt x="287" y="1325"/>
                    </a:lnTo>
                    <a:lnTo>
                      <a:pt x="298" y="1323"/>
                    </a:lnTo>
                    <a:lnTo>
                      <a:pt x="309" y="1322"/>
                    </a:lnTo>
                    <a:lnTo>
                      <a:pt x="320" y="1318"/>
                    </a:lnTo>
                    <a:lnTo>
                      <a:pt x="331" y="1314"/>
                    </a:lnTo>
                    <a:lnTo>
                      <a:pt x="343" y="1308"/>
                    </a:lnTo>
                    <a:lnTo>
                      <a:pt x="356" y="1301"/>
                    </a:lnTo>
                    <a:lnTo>
                      <a:pt x="368" y="1291"/>
                    </a:lnTo>
                    <a:lnTo>
                      <a:pt x="375" y="1285"/>
                    </a:lnTo>
                    <a:lnTo>
                      <a:pt x="379" y="1278"/>
                    </a:lnTo>
                    <a:lnTo>
                      <a:pt x="382" y="1273"/>
                    </a:lnTo>
                    <a:lnTo>
                      <a:pt x="382" y="1267"/>
                    </a:lnTo>
                    <a:lnTo>
                      <a:pt x="379" y="1254"/>
                    </a:lnTo>
                    <a:lnTo>
                      <a:pt x="374" y="1241"/>
                    </a:lnTo>
                    <a:lnTo>
                      <a:pt x="371" y="1235"/>
                    </a:lnTo>
                    <a:lnTo>
                      <a:pt x="370" y="1229"/>
                    </a:lnTo>
                    <a:lnTo>
                      <a:pt x="370" y="1222"/>
                    </a:lnTo>
                    <a:lnTo>
                      <a:pt x="370" y="1217"/>
                    </a:lnTo>
                    <a:lnTo>
                      <a:pt x="373" y="1211"/>
                    </a:lnTo>
                    <a:lnTo>
                      <a:pt x="378" y="1206"/>
                    </a:lnTo>
                    <a:lnTo>
                      <a:pt x="384" y="1200"/>
                    </a:lnTo>
                    <a:lnTo>
                      <a:pt x="395" y="1195"/>
                    </a:lnTo>
                    <a:lnTo>
                      <a:pt x="405" y="1190"/>
                    </a:lnTo>
                    <a:lnTo>
                      <a:pt x="414" y="1184"/>
                    </a:lnTo>
                    <a:lnTo>
                      <a:pt x="422" y="1178"/>
                    </a:lnTo>
                    <a:lnTo>
                      <a:pt x="428" y="1173"/>
                    </a:lnTo>
                    <a:lnTo>
                      <a:pt x="434" y="1167"/>
                    </a:lnTo>
                    <a:lnTo>
                      <a:pt x="439" y="1160"/>
                    </a:lnTo>
                    <a:lnTo>
                      <a:pt x="441" y="1154"/>
                    </a:lnTo>
                    <a:lnTo>
                      <a:pt x="445" y="1147"/>
                    </a:lnTo>
                    <a:lnTo>
                      <a:pt x="453" y="1116"/>
                    </a:lnTo>
                    <a:lnTo>
                      <a:pt x="460" y="1077"/>
                    </a:lnTo>
                    <a:lnTo>
                      <a:pt x="460" y="1072"/>
                    </a:lnTo>
                    <a:lnTo>
                      <a:pt x="460" y="1068"/>
                    </a:lnTo>
                    <a:lnTo>
                      <a:pt x="457" y="1064"/>
                    </a:lnTo>
                    <a:lnTo>
                      <a:pt x="454" y="1062"/>
                    </a:lnTo>
                    <a:lnTo>
                      <a:pt x="447" y="1059"/>
                    </a:lnTo>
                    <a:lnTo>
                      <a:pt x="439" y="1057"/>
                    </a:lnTo>
                    <a:lnTo>
                      <a:pt x="435" y="1055"/>
                    </a:lnTo>
                    <a:lnTo>
                      <a:pt x="431" y="1054"/>
                    </a:lnTo>
                    <a:lnTo>
                      <a:pt x="427" y="1051"/>
                    </a:lnTo>
                    <a:lnTo>
                      <a:pt x="425" y="1048"/>
                    </a:lnTo>
                    <a:lnTo>
                      <a:pt x="423" y="1044"/>
                    </a:lnTo>
                    <a:lnTo>
                      <a:pt x="422" y="1039"/>
                    </a:lnTo>
                    <a:lnTo>
                      <a:pt x="422" y="1032"/>
                    </a:lnTo>
                    <a:lnTo>
                      <a:pt x="425" y="1024"/>
                    </a:lnTo>
                    <a:lnTo>
                      <a:pt x="428" y="1013"/>
                    </a:lnTo>
                    <a:lnTo>
                      <a:pt x="432" y="1002"/>
                    </a:lnTo>
                    <a:lnTo>
                      <a:pt x="436" y="996"/>
                    </a:lnTo>
                    <a:lnTo>
                      <a:pt x="440" y="989"/>
                    </a:lnTo>
                    <a:lnTo>
                      <a:pt x="445" y="984"/>
                    </a:lnTo>
                    <a:lnTo>
                      <a:pt x="452" y="980"/>
                    </a:lnTo>
                    <a:lnTo>
                      <a:pt x="460" y="975"/>
                    </a:lnTo>
                    <a:lnTo>
                      <a:pt x="469" y="970"/>
                    </a:lnTo>
                    <a:lnTo>
                      <a:pt x="484" y="962"/>
                    </a:lnTo>
                    <a:lnTo>
                      <a:pt x="496" y="952"/>
                    </a:lnTo>
                    <a:lnTo>
                      <a:pt x="505" y="940"/>
                    </a:lnTo>
                    <a:lnTo>
                      <a:pt x="513" y="928"/>
                    </a:lnTo>
                    <a:lnTo>
                      <a:pt x="519" y="915"/>
                    </a:lnTo>
                    <a:lnTo>
                      <a:pt x="526" y="901"/>
                    </a:lnTo>
                    <a:lnTo>
                      <a:pt x="529" y="887"/>
                    </a:lnTo>
                    <a:lnTo>
                      <a:pt x="533" y="870"/>
                    </a:lnTo>
                    <a:lnTo>
                      <a:pt x="566" y="764"/>
                    </a:lnTo>
                    <a:lnTo>
                      <a:pt x="566" y="763"/>
                    </a:lnTo>
                    <a:lnTo>
                      <a:pt x="571" y="764"/>
                    </a:lnTo>
                    <a:lnTo>
                      <a:pt x="576" y="763"/>
                    </a:lnTo>
                    <a:lnTo>
                      <a:pt x="581" y="760"/>
                    </a:lnTo>
                    <a:lnTo>
                      <a:pt x="585" y="755"/>
                    </a:lnTo>
                    <a:lnTo>
                      <a:pt x="589" y="748"/>
                    </a:lnTo>
                    <a:lnTo>
                      <a:pt x="593" y="739"/>
                    </a:lnTo>
                    <a:lnTo>
                      <a:pt x="597" y="729"/>
                    </a:lnTo>
                    <a:lnTo>
                      <a:pt x="599" y="716"/>
                    </a:lnTo>
                    <a:lnTo>
                      <a:pt x="601" y="715"/>
                    </a:lnTo>
                    <a:lnTo>
                      <a:pt x="602" y="712"/>
                    </a:lnTo>
                    <a:lnTo>
                      <a:pt x="586" y="711"/>
                    </a:lnTo>
                    <a:lnTo>
                      <a:pt x="568" y="711"/>
                    </a:lnTo>
                    <a:lnTo>
                      <a:pt x="559" y="709"/>
                    </a:lnTo>
                    <a:lnTo>
                      <a:pt x="553" y="707"/>
                    </a:lnTo>
                    <a:lnTo>
                      <a:pt x="550" y="704"/>
                    </a:lnTo>
                    <a:lnTo>
                      <a:pt x="548" y="702"/>
                    </a:lnTo>
                    <a:lnTo>
                      <a:pt x="548" y="699"/>
                    </a:lnTo>
                    <a:lnTo>
                      <a:pt x="548" y="695"/>
                    </a:lnTo>
                    <a:lnTo>
                      <a:pt x="550" y="678"/>
                    </a:lnTo>
                    <a:lnTo>
                      <a:pt x="552" y="659"/>
                    </a:lnTo>
                    <a:lnTo>
                      <a:pt x="553" y="641"/>
                    </a:lnTo>
                    <a:lnTo>
                      <a:pt x="555" y="627"/>
                    </a:lnTo>
                    <a:lnTo>
                      <a:pt x="572" y="627"/>
                    </a:lnTo>
                    <a:lnTo>
                      <a:pt x="584" y="628"/>
                    </a:lnTo>
                    <a:lnTo>
                      <a:pt x="590" y="627"/>
                    </a:lnTo>
                    <a:lnTo>
                      <a:pt x="594" y="624"/>
                    </a:lnTo>
                    <a:lnTo>
                      <a:pt x="594" y="620"/>
                    </a:lnTo>
                    <a:lnTo>
                      <a:pt x="593" y="612"/>
                    </a:lnTo>
                    <a:lnTo>
                      <a:pt x="590" y="602"/>
                    </a:lnTo>
                    <a:lnTo>
                      <a:pt x="586" y="588"/>
                    </a:lnTo>
                    <a:lnTo>
                      <a:pt x="585" y="577"/>
                    </a:lnTo>
                    <a:lnTo>
                      <a:pt x="585" y="570"/>
                    </a:lnTo>
                    <a:lnTo>
                      <a:pt x="585" y="564"/>
                    </a:lnTo>
                    <a:lnTo>
                      <a:pt x="588" y="559"/>
                    </a:lnTo>
                    <a:lnTo>
                      <a:pt x="590" y="557"/>
                    </a:lnTo>
                    <a:lnTo>
                      <a:pt x="594" y="554"/>
                    </a:lnTo>
                    <a:lnTo>
                      <a:pt x="598" y="553"/>
                    </a:lnTo>
                    <a:lnTo>
                      <a:pt x="602" y="553"/>
                    </a:lnTo>
                    <a:lnTo>
                      <a:pt x="614" y="554"/>
                    </a:lnTo>
                    <a:lnTo>
                      <a:pt x="625" y="554"/>
                    </a:lnTo>
                    <a:lnTo>
                      <a:pt x="638" y="555"/>
                    </a:lnTo>
                    <a:lnTo>
                      <a:pt x="650" y="553"/>
                    </a:lnTo>
                    <a:lnTo>
                      <a:pt x="666" y="553"/>
                    </a:lnTo>
                    <a:lnTo>
                      <a:pt x="694" y="553"/>
                    </a:lnTo>
                    <a:lnTo>
                      <a:pt x="728" y="553"/>
                    </a:lnTo>
                    <a:lnTo>
                      <a:pt x="765" y="555"/>
                    </a:lnTo>
                    <a:lnTo>
                      <a:pt x="802" y="557"/>
                    </a:lnTo>
                    <a:lnTo>
                      <a:pt x="833" y="561"/>
                    </a:lnTo>
                    <a:lnTo>
                      <a:pt x="846" y="563"/>
                    </a:lnTo>
                    <a:lnTo>
                      <a:pt x="856" y="566"/>
                    </a:lnTo>
                    <a:lnTo>
                      <a:pt x="862" y="568"/>
                    </a:lnTo>
                    <a:lnTo>
                      <a:pt x="865" y="572"/>
                    </a:lnTo>
                    <a:lnTo>
                      <a:pt x="866" y="584"/>
                    </a:lnTo>
                    <a:lnTo>
                      <a:pt x="865" y="595"/>
                    </a:lnTo>
                    <a:lnTo>
                      <a:pt x="864" y="607"/>
                    </a:lnTo>
                    <a:lnTo>
                      <a:pt x="861" y="617"/>
                    </a:lnTo>
                    <a:lnTo>
                      <a:pt x="853" y="640"/>
                    </a:lnTo>
                    <a:lnTo>
                      <a:pt x="846" y="660"/>
                    </a:lnTo>
                    <a:lnTo>
                      <a:pt x="843" y="671"/>
                    </a:lnTo>
                    <a:lnTo>
                      <a:pt x="840" y="680"/>
                    </a:lnTo>
                    <a:lnTo>
                      <a:pt x="840" y="687"/>
                    </a:lnTo>
                    <a:lnTo>
                      <a:pt x="840" y="695"/>
                    </a:lnTo>
                    <a:lnTo>
                      <a:pt x="844" y="703"/>
                    </a:lnTo>
                    <a:lnTo>
                      <a:pt x="849" y="709"/>
                    </a:lnTo>
                    <a:lnTo>
                      <a:pt x="857" y="715"/>
                    </a:lnTo>
                    <a:lnTo>
                      <a:pt x="869" y="719"/>
                    </a:lnTo>
                    <a:lnTo>
                      <a:pt x="881" y="722"/>
                    </a:lnTo>
                    <a:lnTo>
                      <a:pt x="888" y="724"/>
                    </a:lnTo>
                    <a:lnTo>
                      <a:pt x="895" y="724"/>
                    </a:lnTo>
                    <a:lnTo>
                      <a:pt x="900" y="722"/>
                    </a:lnTo>
                    <a:lnTo>
                      <a:pt x="901" y="720"/>
                    </a:lnTo>
                    <a:lnTo>
                      <a:pt x="903" y="717"/>
                    </a:lnTo>
                    <a:lnTo>
                      <a:pt x="903" y="712"/>
                    </a:lnTo>
                    <a:lnTo>
                      <a:pt x="901" y="708"/>
                    </a:lnTo>
                    <a:lnTo>
                      <a:pt x="897" y="697"/>
                    </a:lnTo>
                    <a:lnTo>
                      <a:pt x="895" y="685"/>
                    </a:lnTo>
                    <a:lnTo>
                      <a:pt x="894" y="678"/>
                    </a:lnTo>
                    <a:lnTo>
                      <a:pt x="894" y="673"/>
                    </a:lnTo>
                    <a:lnTo>
                      <a:pt x="896" y="668"/>
                    </a:lnTo>
                    <a:lnTo>
                      <a:pt x="899" y="663"/>
                    </a:lnTo>
                    <a:lnTo>
                      <a:pt x="912" y="642"/>
                    </a:lnTo>
                    <a:lnTo>
                      <a:pt x="926" y="623"/>
                    </a:lnTo>
                    <a:lnTo>
                      <a:pt x="930" y="620"/>
                    </a:lnTo>
                    <a:lnTo>
                      <a:pt x="934" y="617"/>
                    </a:lnTo>
                    <a:lnTo>
                      <a:pt x="938" y="617"/>
                    </a:lnTo>
                    <a:lnTo>
                      <a:pt x="941" y="620"/>
                    </a:lnTo>
                    <a:lnTo>
                      <a:pt x="945" y="624"/>
                    </a:lnTo>
                    <a:lnTo>
                      <a:pt x="951" y="630"/>
                    </a:lnTo>
                    <a:lnTo>
                      <a:pt x="954" y="638"/>
                    </a:lnTo>
                    <a:lnTo>
                      <a:pt x="960" y="650"/>
                    </a:lnTo>
                    <a:lnTo>
                      <a:pt x="961" y="664"/>
                    </a:lnTo>
                    <a:lnTo>
                      <a:pt x="961" y="686"/>
                    </a:lnTo>
                    <a:lnTo>
                      <a:pt x="961" y="715"/>
                    </a:lnTo>
                    <a:lnTo>
                      <a:pt x="960" y="744"/>
                    </a:lnTo>
                    <a:lnTo>
                      <a:pt x="957" y="773"/>
                    </a:lnTo>
                    <a:lnTo>
                      <a:pt x="957" y="796"/>
                    </a:lnTo>
                    <a:lnTo>
                      <a:pt x="956" y="809"/>
                    </a:lnTo>
                    <a:lnTo>
                      <a:pt x="957" y="811"/>
                    </a:lnTo>
                    <a:lnTo>
                      <a:pt x="963" y="786"/>
                    </a:lnTo>
                    <a:lnTo>
                      <a:pt x="970" y="756"/>
                    </a:lnTo>
                    <a:lnTo>
                      <a:pt x="976" y="724"/>
                    </a:lnTo>
                    <a:lnTo>
                      <a:pt x="982" y="689"/>
                    </a:lnTo>
                    <a:lnTo>
                      <a:pt x="984" y="655"/>
                    </a:lnTo>
                    <a:lnTo>
                      <a:pt x="985" y="623"/>
                    </a:lnTo>
                    <a:lnTo>
                      <a:pt x="985" y="607"/>
                    </a:lnTo>
                    <a:lnTo>
                      <a:pt x="984" y="594"/>
                    </a:lnTo>
                    <a:lnTo>
                      <a:pt x="983" y="581"/>
                    </a:lnTo>
                    <a:lnTo>
                      <a:pt x="980" y="571"/>
                    </a:lnTo>
                    <a:lnTo>
                      <a:pt x="979" y="566"/>
                    </a:lnTo>
                    <a:lnTo>
                      <a:pt x="979" y="559"/>
                    </a:lnTo>
                    <a:lnTo>
                      <a:pt x="982" y="553"/>
                    </a:lnTo>
                    <a:lnTo>
                      <a:pt x="984" y="546"/>
                    </a:lnTo>
                    <a:lnTo>
                      <a:pt x="993" y="532"/>
                    </a:lnTo>
                    <a:lnTo>
                      <a:pt x="1005" y="518"/>
                    </a:lnTo>
                    <a:lnTo>
                      <a:pt x="1017" y="506"/>
                    </a:lnTo>
                    <a:lnTo>
                      <a:pt x="1028" y="497"/>
                    </a:lnTo>
                    <a:lnTo>
                      <a:pt x="1033" y="494"/>
                    </a:lnTo>
                    <a:lnTo>
                      <a:pt x="1039" y="493"/>
                    </a:lnTo>
                    <a:lnTo>
                      <a:pt x="1043" y="493"/>
                    </a:lnTo>
                    <a:lnTo>
                      <a:pt x="1045" y="496"/>
                    </a:lnTo>
                    <a:lnTo>
                      <a:pt x="1054" y="504"/>
                    </a:lnTo>
                    <a:lnTo>
                      <a:pt x="1061" y="510"/>
                    </a:lnTo>
                    <a:lnTo>
                      <a:pt x="1066" y="513"/>
                    </a:lnTo>
                    <a:lnTo>
                      <a:pt x="1072" y="515"/>
                    </a:lnTo>
                    <a:lnTo>
                      <a:pt x="1085" y="516"/>
                    </a:lnTo>
                    <a:lnTo>
                      <a:pt x="1105" y="518"/>
                    </a:lnTo>
                    <a:lnTo>
                      <a:pt x="1118" y="520"/>
                    </a:lnTo>
                    <a:lnTo>
                      <a:pt x="1129" y="526"/>
                    </a:lnTo>
                    <a:lnTo>
                      <a:pt x="1141" y="531"/>
                    </a:lnTo>
                    <a:lnTo>
                      <a:pt x="1154" y="538"/>
                    </a:lnTo>
                    <a:lnTo>
                      <a:pt x="1177" y="557"/>
                    </a:lnTo>
                    <a:lnTo>
                      <a:pt x="1201" y="576"/>
                    </a:lnTo>
                    <a:lnTo>
                      <a:pt x="1223" y="595"/>
                    </a:lnTo>
                    <a:lnTo>
                      <a:pt x="1243" y="612"/>
                    </a:lnTo>
                    <a:lnTo>
                      <a:pt x="1252" y="619"/>
                    </a:lnTo>
                    <a:lnTo>
                      <a:pt x="1261" y="624"/>
                    </a:lnTo>
                    <a:lnTo>
                      <a:pt x="1271" y="627"/>
                    </a:lnTo>
                    <a:lnTo>
                      <a:pt x="1278" y="628"/>
                    </a:lnTo>
                    <a:lnTo>
                      <a:pt x="1278" y="621"/>
                    </a:lnTo>
                    <a:lnTo>
                      <a:pt x="1277" y="615"/>
                    </a:lnTo>
                    <a:lnTo>
                      <a:pt x="1274" y="608"/>
                    </a:lnTo>
                    <a:lnTo>
                      <a:pt x="1272" y="602"/>
                    </a:lnTo>
                    <a:lnTo>
                      <a:pt x="1264" y="590"/>
                    </a:lnTo>
                    <a:lnTo>
                      <a:pt x="1254" y="579"/>
                    </a:lnTo>
                    <a:lnTo>
                      <a:pt x="1242" y="567"/>
                    </a:lnTo>
                    <a:lnTo>
                      <a:pt x="1228" y="557"/>
                    </a:lnTo>
                    <a:lnTo>
                      <a:pt x="1214" y="546"/>
                    </a:lnTo>
                    <a:lnTo>
                      <a:pt x="1198" y="536"/>
                    </a:lnTo>
                    <a:lnTo>
                      <a:pt x="1167" y="515"/>
                    </a:lnTo>
                    <a:lnTo>
                      <a:pt x="1138" y="496"/>
                    </a:lnTo>
                    <a:lnTo>
                      <a:pt x="1127" y="487"/>
                    </a:lnTo>
                    <a:lnTo>
                      <a:pt x="1116" y="476"/>
                    </a:lnTo>
                    <a:lnTo>
                      <a:pt x="1107" y="466"/>
                    </a:lnTo>
                    <a:lnTo>
                      <a:pt x="1102" y="456"/>
                    </a:lnTo>
                    <a:lnTo>
                      <a:pt x="1101" y="452"/>
                    </a:lnTo>
                    <a:lnTo>
                      <a:pt x="1101" y="447"/>
                    </a:lnTo>
                    <a:lnTo>
                      <a:pt x="1102" y="443"/>
                    </a:lnTo>
                    <a:lnTo>
                      <a:pt x="1103" y="439"/>
                    </a:lnTo>
                    <a:lnTo>
                      <a:pt x="1107" y="431"/>
                    </a:lnTo>
                    <a:lnTo>
                      <a:pt x="1114" y="423"/>
                    </a:lnTo>
                    <a:lnTo>
                      <a:pt x="1119" y="417"/>
                    </a:lnTo>
                    <a:lnTo>
                      <a:pt x="1122" y="410"/>
                    </a:lnTo>
                    <a:lnTo>
                      <a:pt x="1123" y="408"/>
                    </a:lnTo>
                    <a:lnTo>
                      <a:pt x="1123" y="405"/>
                    </a:lnTo>
                    <a:lnTo>
                      <a:pt x="1122" y="401"/>
                    </a:lnTo>
                    <a:lnTo>
                      <a:pt x="1119" y="399"/>
                    </a:lnTo>
                    <a:lnTo>
                      <a:pt x="1111" y="392"/>
                    </a:lnTo>
                    <a:lnTo>
                      <a:pt x="1105" y="386"/>
                    </a:lnTo>
                    <a:lnTo>
                      <a:pt x="1101" y="380"/>
                    </a:lnTo>
                    <a:lnTo>
                      <a:pt x="1100" y="374"/>
                    </a:lnTo>
                    <a:lnTo>
                      <a:pt x="1098" y="370"/>
                    </a:lnTo>
                    <a:lnTo>
                      <a:pt x="1098" y="365"/>
                    </a:lnTo>
                    <a:lnTo>
                      <a:pt x="1100" y="361"/>
                    </a:lnTo>
                    <a:lnTo>
                      <a:pt x="1101" y="357"/>
                    </a:lnTo>
                    <a:lnTo>
                      <a:pt x="1105" y="351"/>
                    </a:lnTo>
                    <a:lnTo>
                      <a:pt x="1109" y="345"/>
                    </a:lnTo>
                    <a:lnTo>
                      <a:pt x="1111" y="343"/>
                    </a:lnTo>
                    <a:lnTo>
                      <a:pt x="1111" y="340"/>
                    </a:lnTo>
                    <a:lnTo>
                      <a:pt x="1111" y="338"/>
                    </a:lnTo>
                    <a:lnTo>
                      <a:pt x="1110" y="336"/>
                    </a:lnTo>
                    <a:lnTo>
                      <a:pt x="1107" y="334"/>
                    </a:lnTo>
                    <a:lnTo>
                      <a:pt x="1103" y="331"/>
                    </a:lnTo>
                    <a:lnTo>
                      <a:pt x="1100" y="330"/>
                    </a:lnTo>
                    <a:lnTo>
                      <a:pt x="1096" y="330"/>
                    </a:lnTo>
                    <a:lnTo>
                      <a:pt x="1087" y="330"/>
                    </a:lnTo>
                    <a:lnTo>
                      <a:pt x="1079" y="330"/>
                    </a:lnTo>
                    <a:lnTo>
                      <a:pt x="1070" y="331"/>
                    </a:lnTo>
                    <a:lnTo>
                      <a:pt x="1061" y="333"/>
                    </a:lnTo>
                    <a:lnTo>
                      <a:pt x="1052" y="333"/>
                    </a:lnTo>
                    <a:lnTo>
                      <a:pt x="1045" y="331"/>
                    </a:lnTo>
                    <a:lnTo>
                      <a:pt x="1043" y="330"/>
                    </a:lnTo>
                    <a:lnTo>
                      <a:pt x="1041" y="327"/>
                    </a:lnTo>
                    <a:lnTo>
                      <a:pt x="1040" y="325"/>
                    </a:lnTo>
                    <a:lnTo>
                      <a:pt x="1040" y="322"/>
                    </a:lnTo>
                    <a:lnTo>
                      <a:pt x="1043" y="314"/>
                    </a:lnTo>
                    <a:lnTo>
                      <a:pt x="1046" y="305"/>
                    </a:lnTo>
                    <a:lnTo>
                      <a:pt x="1055" y="288"/>
                    </a:lnTo>
                    <a:lnTo>
                      <a:pt x="1062" y="276"/>
                    </a:lnTo>
                    <a:lnTo>
                      <a:pt x="1088" y="273"/>
                    </a:lnTo>
                    <a:lnTo>
                      <a:pt x="1109" y="269"/>
                    </a:lnTo>
                    <a:lnTo>
                      <a:pt x="1118" y="266"/>
                    </a:lnTo>
                    <a:lnTo>
                      <a:pt x="1125" y="263"/>
                    </a:lnTo>
                    <a:lnTo>
                      <a:pt x="1133" y="259"/>
                    </a:lnTo>
                    <a:lnTo>
                      <a:pt x="1138" y="253"/>
                    </a:lnTo>
                    <a:lnTo>
                      <a:pt x="1142" y="247"/>
                    </a:lnTo>
                    <a:lnTo>
                      <a:pt x="1145" y="241"/>
                    </a:lnTo>
                    <a:lnTo>
                      <a:pt x="1146" y="233"/>
                    </a:lnTo>
                    <a:lnTo>
                      <a:pt x="1145" y="224"/>
                    </a:lnTo>
                    <a:lnTo>
                      <a:pt x="1144" y="215"/>
                    </a:lnTo>
                    <a:lnTo>
                      <a:pt x="1140" y="203"/>
                    </a:lnTo>
                    <a:lnTo>
                      <a:pt x="1134" y="190"/>
                    </a:lnTo>
                    <a:lnTo>
                      <a:pt x="1127" y="177"/>
                    </a:lnTo>
                    <a:lnTo>
                      <a:pt x="1115" y="155"/>
                    </a:lnTo>
                    <a:lnTo>
                      <a:pt x="1107" y="136"/>
                    </a:lnTo>
                    <a:lnTo>
                      <a:pt x="1101" y="117"/>
                    </a:lnTo>
                    <a:lnTo>
                      <a:pt x="1098" y="99"/>
                    </a:lnTo>
                    <a:lnTo>
                      <a:pt x="1097" y="81"/>
                    </a:lnTo>
                    <a:lnTo>
                      <a:pt x="1098" y="63"/>
                    </a:lnTo>
                    <a:lnTo>
                      <a:pt x="1101" y="42"/>
                    </a:lnTo>
                    <a:lnTo>
                      <a:pt x="1106" y="18"/>
                    </a:lnTo>
                    <a:lnTo>
                      <a:pt x="1107" y="9"/>
                    </a:lnTo>
                    <a:lnTo>
                      <a:pt x="1109" y="0"/>
                    </a:lnTo>
                    <a:lnTo>
                      <a:pt x="1190" y="11"/>
                    </a:lnTo>
                    <a:lnTo>
                      <a:pt x="1207" y="37"/>
                    </a:lnTo>
                    <a:lnTo>
                      <a:pt x="1226" y="64"/>
                    </a:lnTo>
                    <a:lnTo>
                      <a:pt x="1237" y="77"/>
                    </a:lnTo>
                    <a:lnTo>
                      <a:pt x="1248" y="89"/>
                    </a:lnTo>
                    <a:lnTo>
                      <a:pt x="1260" y="98"/>
                    </a:lnTo>
                    <a:lnTo>
                      <a:pt x="1273" y="106"/>
                    </a:lnTo>
                    <a:lnTo>
                      <a:pt x="1283" y="110"/>
                    </a:lnTo>
                    <a:lnTo>
                      <a:pt x="1293" y="111"/>
                    </a:lnTo>
                    <a:lnTo>
                      <a:pt x="1303" y="111"/>
                    </a:lnTo>
                    <a:lnTo>
                      <a:pt x="1311" y="111"/>
                    </a:lnTo>
                    <a:lnTo>
                      <a:pt x="1320" y="108"/>
                    </a:lnTo>
                    <a:lnTo>
                      <a:pt x="1329" y="106"/>
                    </a:lnTo>
                    <a:lnTo>
                      <a:pt x="1337" y="102"/>
                    </a:lnTo>
                    <a:lnTo>
                      <a:pt x="1344" y="98"/>
                    </a:lnTo>
                    <a:lnTo>
                      <a:pt x="1361" y="90"/>
                    </a:lnTo>
                    <a:lnTo>
                      <a:pt x="1377" y="81"/>
                    </a:lnTo>
                    <a:lnTo>
                      <a:pt x="1385" y="79"/>
                    </a:lnTo>
                    <a:lnTo>
                      <a:pt x="1394" y="76"/>
                    </a:lnTo>
                    <a:lnTo>
                      <a:pt x="1401" y="75"/>
                    </a:lnTo>
                    <a:lnTo>
                      <a:pt x="1410" y="73"/>
                    </a:lnTo>
                    <a:lnTo>
                      <a:pt x="1401" y="90"/>
                    </a:lnTo>
                    <a:lnTo>
                      <a:pt x="1394" y="103"/>
                    </a:lnTo>
                    <a:lnTo>
                      <a:pt x="1392" y="106"/>
                    </a:lnTo>
                    <a:lnTo>
                      <a:pt x="1392" y="110"/>
                    </a:lnTo>
                    <a:lnTo>
                      <a:pt x="1394" y="114"/>
                    </a:lnTo>
                    <a:lnTo>
                      <a:pt x="1395" y="117"/>
                    </a:lnTo>
                    <a:lnTo>
                      <a:pt x="1397" y="123"/>
                    </a:lnTo>
                    <a:lnTo>
                      <a:pt x="1401" y="128"/>
                    </a:lnTo>
                    <a:lnTo>
                      <a:pt x="1408" y="133"/>
                    </a:lnTo>
                    <a:lnTo>
                      <a:pt x="1414" y="139"/>
                    </a:lnTo>
                    <a:lnTo>
                      <a:pt x="1429" y="152"/>
                    </a:lnTo>
                    <a:lnTo>
                      <a:pt x="1440" y="168"/>
                    </a:lnTo>
                    <a:lnTo>
                      <a:pt x="1445" y="176"/>
                    </a:lnTo>
                    <a:lnTo>
                      <a:pt x="1449" y="184"/>
                    </a:lnTo>
                    <a:lnTo>
                      <a:pt x="1453" y="193"/>
                    </a:lnTo>
                    <a:lnTo>
                      <a:pt x="1456" y="200"/>
                    </a:lnTo>
                    <a:lnTo>
                      <a:pt x="1457" y="209"/>
                    </a:lnTo>
                    <a:lnTo>
                      <a:pt x="1456" y="217"/>
                    </a:lnTo>
                    <a:lnTo>
                      <a:pt x="1454" y="225"/>
                    </a:lnTo>
                    <a:lnTo>
                      <a:pt x="1452" y="233"/>
                    </a:lnTo>
                    <a:lnTo>
                      <a:pt x="1447" y="241"/>
                    </a:lnTo>
                    <a:lnTo>
                      <a:pt x="1440" y="248"/>
                    </a:lnTo>
                    <a:lnTo>
                      <a:pt x="1432" y="255"/>
                    </a:lnTo>
                    <a:lnTo>
                      <a:pt x="1422" y="260"/>
                    </a:lnTo>
                    <a:lnTo>
                      <a:pt x="1405" y="269"/>
                    </a:lnTo>
                    <a:lnTo>
                      <a:pt x="1394" y="277"/>
                    </a:lnTo>
                    <a:lnTo>
                      <a:pt x="1387" y="281"/>
                    </a:lnTo>
                    <a:lnTo>
                      <a:pt x="1385" y="285"/>
                    </a:lnTo>
                    <a:lnTo>
                      <a:pt x="1386" y="286"/>
                    </a:lnTo>
                    <a:lnTo>
                      <a:pt x="1390" y="287"/>
                    </a:lnTo>
                    <a:lnTo>
                      <a:pt x="1397" y="287"/>
                    </a:lnTo>
                    <a:lnTo>
                      <a:pt x="1405" y="287"/>
                    </a:lnTo>
                    <a:lnTo>
                      <a:pt x="1417" y="287"/>
                    </a:lnTo>
                    <a:lnTo>
                      <a:pt x="1427" y="288"/>
                    </a:lnTo>
                    <a:lnTo>
                      <a:pt x="1439" y="290"/>
                    </a:lnTo>
                    <a:lnTo>
                      <a:pt x="1451" y="292"/>
                    </a:lnTo>
                    <a:lnTo>
                      <a:pt x="1461" y="296"/>
                    </a:lnTo>
                    <a:lnTo>
                      <a:pt x="1469" y="303"/>
                    </a:lnTo>
                    <a:lnTo>
                      <a:pt x="1473" y="307"/>
                    </a:lnTo>
                    <a:lnTo>
                      <a:pt x="1476" y="310"/>
                    </a:lnTo>
                    <a:lnTo>
                      <a:pt x="1479" y="316"/>
                    </a:lnTo>
                    <a:lnTo>
                      <a:pt x="1480" y="322"/>
                    </a:lnTo>
                    <a:lnTo>
                      <a:pt x="1483" y="329"/>
                    </a:lnTo>
                    <a:lnTo>
                      <a:pt x="1486" y="333"/>
                    </a:lnTo>
                    <a:lnTo>
                      <a:pt x="1488" y="336"/>
                    </a:lnTo>
                    <a:lnTo>
                      <a:pt x="1492" y="339"/>
                    </a:lnTo>
                    <a:lnTo>
                      <a:pt x="1497" y="339"/>
                    </a:lnTo>
                    <a:lnTo>
                      <a:pt x="1502" y="340"/>
                    </a:lnTo>
                    <a:lnTo>
                      <a:pt x="1508" y="339"/>
                    </a:lnTo>
                    <a:lnTo>
                      <a:pt x="1513" y="338"/>
                    </a:lnTo>
                    <a:lnTo>
                      <a:pt x="1524" y="335"/>
                    </a:lnTo>
                    <a:lnTo>
                      <a:pt x="1535" y="331"/>
                    </a:lnTo>
                    <a:lnTo>
                      <a:pt x="1540" y="331"/>
                    </a:lnTo>
                    <a:lnTo>
                      <a:pt x="1545" y="330"/>
                    </a:lnTo>
                    <a:lnTo>
                      <a:pt x="1550" y="330"/>
                    </a:lnTo>
                    <a:lnTo>
                      <a:pt x="1554" y="331"/>
                    </a:lnTo>
                    <a:lnTo>
                      <a:pt x="1563" y="335"/>
                    </a:lnTo>
                    <a:lnTo>
                      <a:pt x="1571" y="340"/>
                    </a:lnTo>
                    <a:lnTo>
                      <a:pt x="1578" y="345"/>
                    </a:lnTo>
                    <a:lnTo>
                      <a:pt x="1583" y="352"/>
                    </a:lnTo>
                    <a:lnTo>
                      <a:pt x="1592" y="365"/>
                    </a:lnTo>
                    <a:lnTo>
                      <a:pt x="1600" y="377"/>
                    </a:lnTo>
                    <a:lnTo>
                      <a:pt x="1603" y="382"/>
                    </a:lnTo>
                    <a:lnTo>
                      <a:pt x="1609" y="386"/>
                    </a:lnTo>
                    <a:lnTo>
                      <a:pt x="1614" y="390"/>
                    </a:lnTo>
                    <a:lnTo>
                      <a:pt x="1620" y="391"/>
                    </a:lnTo>
                    <a:lnTo>
                      <a:pt x="1628" y="391"/>
                    </a:lnTo>
                    <a:lnTo>
                      <a:pt x="1637" y="390"/>
                    </a:lnTo>
                    <a:lnTo>
                      <a:pt x="1647" y="387"/>
                    </a:lnTo>
                    <a:lnTo>
                      <a:pt x="1660" y="380"/>
                    </a:lnTo>
                    <a:lnTo>
                      <a:pt x="1666" y="378"/>
                    </a:lnTo>
                    <a:lnTo>
                      <a:pt x="1671" y="373"/>
                    </a:lnTo>
                    <a:lnTo>
                      <a:pt x="1677" y="366"/>
                    </a:lnTo>
                    <a:lnTo>
                      <a:pt x="1682" y="358"/>
                    </a:lnTo>
                    <a:lnTo>
                      <a:pt x="1694" y="342"/>
                    </a:lnTo>
                    <a:lnTo>
                      <a:pt x="1706" y="325"/>
                    </a:lnTo>
                    <a:lnTo>
                      <a:pt x="1712" y="317"/>
                    </a:lnTo>
                    <a:lnTo>
                      <a:pt x="1719" y="310"/>
                    </a:lnTo>
                    <a:lnTo>
                      <a:pt x="1725" y="304"/>
                    </a:lnTo>
                    <a:lnTo>
                      <a:pt x="1732" y="300"/>
                    </a:lnTo>
                    <a:lnTo>
                      <a:pt x="1738" y="298"/>
                    </a:lnTo>
                    <a:lnTo>
                      <a:pt x="1745" y="296"/>
                    </a:lnTo>
                    <a:lnTo>
                      <a:pt x="1751" y="299"/>
                    </a:lnTo>
                    <a:lnTo>
                      <a:pt x="1756" y="303"/>
                    </a:lnTo>
                    <a:lnTo>
                      <a:pt x="1768" y="314"/>
                    </a:lnTo>
                    <a:lnTo>
                      <a:pt x="1777" y="323"/>
                    </a:lnTo>
                    <a:lnTo>
                      <a:pt x="1784" y="333"/>
                    </a:lnTo>
                    <a:lnTo>
                      <a:pt x="1789" y="339"/>
                    </a:lnTo>
                    <a:lnTo>
                      <a:pt x="1791" y="345"/>
                    </a:lnTo>
                    <a:lnTo>
                      <a:pt x="1791" y="351"/>
                    </a:lnTo>
                    <a:lnTo>
                      <a:pt x="1790" y="355"/>
                    </a:lnTo>
                    <a:lnTo>
                      <a:pt x="1787" y="357"/>
                    </a:lnTo>
                    <a:lnTo>
                      <a:pt x="1784" y="360"/>
                    </a:lnTo>
                    <a:lnTo>
                      <a:pt x="1777" y="360"/>
                    </a:lnTo>
                    <a:lnTo>
                      <a:pt x="1771" y="360"/>
                    </a:lnTo>
                    <a:lnTo>
                      <a:pt x="1762" y="360"/>
                    </a:lnTo>
                    <a:lnTo>
                      <a:pt x="1742" y="356"/>
                    </a:lnTo>
                    <a:lnTo>
                      <a:pt x="1720" y="348"/>
                    </a:lnTo>
                    <a:lnTo>
                      <a:pt x="1720" y="367"/>
                    </a:lnTo>
                    <a:lnTo>
                      <a:pt x="1720" y="386"/>
                    </a:lnTo>
                    <a:lnTo>
                      <a:pt x="1721" y="405"/>
                    </a:lnTo>
                    <a:lnTo>
                      <a:pt x="1724" y="424"/>
                    </a:lnTo>
                    <a:lnTo>
                      <a:pt x="1723" y="436"/>
                    </a:lnTo>
                    <a:lnTo>
                      <a:pt x="1721" y="447"/>
                    </a:lnTo>
                    <a:lnTo>
                      <a:pt x="1717" y="454"/>
                    </a:lnTo>
                    <a:lnTo>
                      <a:pt x="1714" y="461"/>
                    </a:lnTo>
                    <a:lnTo>
                      <a:pt x="1708" y="466"/>
                    </a:lnTo>
                    <a:lnTo>
                      <a:pt x="1702" y="470"/>
                    </a:lnTo>
                    <a:lnTo>
                      <a:pt x="1694" y="474"/>
                    </a:lnTo>
                    <a:lnTo>
                      <a:pt x="1686" y="476"/>
                    </a:lnTo>
                    <a:lnTo>
                      <a:pt x="1670" y="479"/>
                    </a:lnTo>
                    <a:lnTo>
                      <a:pt x="1653" y="481"/>
                    </a:lnTo>
                    <a:lnTo>
                      <a:pt x="1635" y="484"/>
                    </a:lnTo>
                    <a:lnTo>
                      <a:pt x="1616" y="489"/>
                    </a:lnTo>
                    <a:lnTo>
                      <a:pt x="1609" y="493"/>
                    </a:lnTo>
                    <a:lnTo>
                      <a:pt x="1603" y="498"/>
                    </a:lnTo>
                    <a:lnTo>
                      <a:pt x="1601" y="504"/>
                    </a:lnTo>
                    <a:lnTo>
                      <a:pt x="1601" y="509"/>
                    </a:lnTo>
                    <a:lnTo>
                      <a:pt x="1602" y="515"/>
                    </a:lnTo>
                    <a:lnTo>
                      <a:pt x="1606" y="520"/>
                    </a:lnTo>
                    <a:lnTo>
                      <a:pt x="1611" y="526"/>
                    </a:lnTo>
                    <a:lnTo>
                      <a:pt x="1618" y="531"/>
                    </a:lnTo>
                    <a:lnTo>
                      <a:pt x="1625" y="535"/>
                    </a:lnTo>
                    <a:lnTo>
                      <a:pt x="1633" y="538"/>
                    </a:lnTo>
                    <a:lnTo>
                      <a:pt x="1642" y="542"/>
                    </a:lnTo>
                    <a:lnTo>
                      <a:pt x="1653" y="545"/>
                    </a:lnTo>
                    <a:lnTo>
                      <a:pt x="1663" y="546"/>
                    </a:lnTo>
                    <a:lnTo>
                      <a:pt x="1672" y="546"/>
                    </a:lnTo>
                    <a:lnTo>
                      <a:pt x="1682" y="545"/>
                    </a:lnTo>
                    <a:lnTo>
                      <a:pt x="1692" y="541"/>
                    </a:lnTo>
                    <a:lnTo>
                      <a:pt x="1707" y="536"/>
                    </a:lnTo>
                    <a:lnTo>
                      <a:pt x="1719" y="532"/>
                    </a:lnTo>
                    <a:lnTo>
                      <a:pt x="1727" y="529"/>
                    </a:lnTo>
                    <a:lnTo>
                      <a:pt x="1733" y="531"/>
                    </a:lnTo>
                    <a:lnTo>
                      <a:pt x="1747" y="537"/>
                    </a:lnTo>
                    <a:lnTo>
                      <a:pt x="1773" y="550"/>
                    </a:lnTo>
                    <a:lnTo>
                      <a:pt x="1785" y="554"/>
                    </a:lnTo>
                    <a:lnTo>
                      <a:pt x="1795" y="558"/>
                    </a:lnTo>
                    <a:lnTo>
                      <a:pt x="1804" y="559"/>
                    </a:lnTo>
                    <a:lnTo>
                      <a:pt x="1812" y="559"/>
                    </a:lnTo>
                    <a:lnTo>
                      <a:pt x="1817" y="558"/>
                    </a:lnTo>
                    <a:lnTo>
                      <a:pt x="1822" y="555"/>
                    </a:lnTo>
                    <a:lnTo>
                      <a:pt x="1828" y="553"/>
                    </a:lnTo>
                    <a:lnTo>
                      <a:pt x="1830" y="549"/>
                    </a:lnTo>
                    <a:lnTo>
                      <a:pt x="1837" y="538"/>
                    </a:lnTo>
                    <a:lnTo>
                      <a:pt x="1842" y="527"/>
                    </a:lnTo>
                    <a:lnTo>
                      <a:pt x="1848" y="514"/>
                    </a:lnTo>
                    <a:lnTo>
                      <a:pt x="1857" y="502"/>
                    </a:lnTo>
                    <a:lnTo>
                      <a:pt x="1861" y="500"/>
                    </a:lnTo>
                    <a:lnTo>
                      <a:pt x="1868" y="497"/>
                    </a:lnTo>
                    <a:lnTo>
                      <a:pt x="1877" y="496"/>
                    </a:lnTo>
                    <a:lnTo>
                      <a:pt x="1886" y="494"/>
                    </a:lnTo>
                    <a:lnTo>
                      <a:pt x="1908" y="494"/>
                    </a:lnTo>
                    <a:lnTo>
                      <a:pt x="1933" y="496"/>
                    </a:lnTo>
                    <a:lnTo>
                      <a:pt x="1957" y="497"/>
                    </a:lnTo>
                    <a:lnTo>
                      <a:pt x="1980" y="497"/>
                    </a:lnTo>
                    <a:lnTo>
                      <a:pt x="1992" y="496"/>
                    </a:lnTo>
                    <a:lnTo>
                      <a:pt x="2002" y="494"/>
                    </a:lnTo>
                    <a:lnTo>
                      <a:pt x="2012" y="492"/>
                    </a:lnTo>
                    <a:lnTo>
                      <a:pt x="2018" y="488"/>
                    </a:lnTo>
                    <a:lnTo>
                      <a:pt x="2024" y="484"/>
                    </a:lnTo>
                    <a:lnTo>
                      <a:pt x="2031" y="476"/>
                    </a:lnTo>
                    <a:lnTo>
                      <a:pt x="2036" y="469"/>
                    </a:lnTo>
                    <a:lnTo>
                      <a:pt x="2041" y="458"/>
                    </a:lnTo>
                    <a:lnTo>
                      <a:pt x="2053" y="437"/>
                    </a:lnTo>
                    <a:lnTo>
                      <a:pt x="2065" y="415"/>
                    </a:lnTo>
                    <a:lnTo>
                      <a:pt x="2071" y="405"/>
                    </a:lnTo>
                    <a:lnTo>
                      <a:pt x="2076" y="396"/>
                    </a:lnTo>
                    <a:lnTo>
                      <a:pt x="2083" y="387"/>
                    </a:lnTo>
                    <a:lnTo>
                      <a:pt x="2089" y="380"/>
                    </a:lnTo>
                    <a:lnTo>
                      <a:pt x="2096" y="377"/>
                    </a:lnTo>
                    <a:lnTo>
                      <a:pt x="2102" y="374"/>
                    </a:lnTo>
                    <a:lnTo>
                      <a:pt x="2106" y="374"/>
                    </a:lnTo>
                    <a:lnTo>
                      <a:pt x="2110" y="375"/>
                    </a:lnTo>
                    <a:lnTo>
                      <a:pt x="2113" y="377"/>
                    </a:lnTo>
                    <a:lnTo>
                      <a:pt x="2116" y="378"/>
                    </a:lnTo>
                    <a:lnTo>
                      <a:pt x="2136" y="386"/>
                    </a:lnTo>
                    <a:lnTo>
                      <a:pt x="2167" y="396"/>
                    </a:lnTo>
                    <a:lnTo>
                      <a:pt x="2180" y="401"/>
                    </a:lnTo>
                    <a:lnTo>
                      <a:pt x="2190" y="405"/>
                    </a:lnTo>
                    <a:lnTo>
                      <a:pt x="2193" y="406"/>
                    </a:lnTo>
                    <a:lnTo>
                      <a:pt x="2194" y="408"/>
                    </a:lnTo>
                    <a:lnTo>
                      <a:pt x="2193" y="409"/>
                    </a:lnTo>
                    <a:lnTo>
                      <a:pt x="2189" y="409"/>
                    </a:lnTo>
                    <a:lnTo>
                      <a:pt x="2161" y="409"/>
                    </a:lnTo>
                    <a:lnTo>
                      <a:pt x="2126" y="412"/>
                    </a:lnTo>
                    <a:lnTo>
                      <a:pt x="2109" y="415"/>
                    </a:lnTo>
                    <a:lnTo>
                      <a:pt x="2094" y="421"/>
                    </a:lnTo>
                    <a:lnTo>
                      <a:pt x="2088" y="423"/>
                    </a:lnTo>
                    <a:lnTo>
                      <a:pt x="2084" y="428"/>
                    </a:lnTo>
                    <a:lnTo>
                      <a:pt x="2080" y="434"/>
                    </a:lnTo>
                    <a:lnTo>
                      <a:pt x="2078" y="439"/>
                    </a:lnTo>
                    <a:lnTo>
                      <a:pt x="2074" y="453"/>
                    </a:lnTo>
                    <a:lnTo>
                      <a:pt x="2072" y="463"/>
                    </a:lnTo>
                    <a:lnTo>
                      <a:pt x="2074" y="471"/>
                    </a:lnTo>
                    <a:lnTo>
                      <a:pt x="2076" y="476"/>
                    </a:lnTo>
                    <a:lnTo>
                      <a:pt x="2080" y="479"/>
                    </a:lnTo>
                    <a:lnTo>
                      <a:pt x="2084" y="480"/>
                    </a:lnTo>
                    <a:lnTo>
                      <a:pt x="2091" y="480"/>
                    </a:lnTo>
                    <a:lnTo>
                      <a:pt x="2098" y="478"/>
                    </a:lnTo>
                    <a:lnTo>
                      <a:pt x="2129" y="463"/>
                    </a:lnTo>
                    <a:lnTo>
                      <a:pt x="2155" y="450"/>
                    </a:lnTo>
                    <a:lnTo>
                      <a:pt x="2164" y="449"/>
                    </a:lnTo>
                    <a:lnTo>
                      <a:pt x="2172" y="450"/>
                    </a:lnTo>
                    <a:lnTo>
                      <a:pt x="2179" y="452"/>
                    </a:lnTo>
                    <a:lnTo>
                      <a:pt x="2184" y="453"/>
                    </a:lnTo>
                    <a:lnTo>
                      <a:pt x="2190" y="453"/>
                    </a:lnTo>
                    <a:lnTo>
                      <a:pt x="2198" y="452"/>
                    </a:lnTo>
                    <a:lnTo>
                      <a:pt x="2206" y="447"/>
                    </a:lnTo>
                    <a:lnTo>
                      <a:pt x="2218" y="437"/>
                    </a:lnTo>
                    <a:lnTo>
                      <a:pt x="2225" y="430"/>
                    </a:lnTo>
                    <a:lnTo>
                      <a:pt x="2232" y="426"/>
                    </a:lnTo>
                    <a:lnTo>
                      <a:pt x="2234" y="424"/>
                    </a:lnTo>
                    <a:lnTo>
                      <a:pt x="2237" y="424"/>
                    </a:lnTo>
                    <a:lnTo>
                      <a:pt x="2240" y="426"/>
                    </a:lnTo>
                    <a:lnTo>
                      <a:pt x="2242" y="426"/>
                    </a:lnTo>
                    <a:lnTo>
                      <a:pt x="2247" y="430"/>
                    </a:lnTo>
                    <a:lnTo>
                      <a:pt x="2251" y="436"/>
                    </a:lnTo>
                    <a:lnTo>
                      <a:pt x="2256" y="444"/>
                    </a:lnTo>
                    <a:lnTo>
                      <a:pt x="2263" y="454"/>
                    </a:lnTo>
                    <a:lnTo>
                      <a:pt x="2269" y="466"/>
                    </a:lnTo>
                    <a:lnTo>
                      <a:pt x="2277" y="476"/>
                    </a:lnTo>
                    <a:lnTo>
                      <a:pt x="2286" y="485"/>
                    </a:lnTo>
                    <a:lnTo>
                      <a:pt x="2294" y="493"/>
                    </a:lnTo>
                    <a:lnTo>
                      <a:pt x="2313" y="510"/>
                    </a:lnTo>
                    <a:lnTo>
                      <a:pt x="2333" y="527"/>
                    </a:lnTo>
                    <a:lnTo>
                      <a:pt x="2339" y="533"/>
                    </a:lnTo>
                    <a:lnTo>
                      <a:pt x="2347" y="540"/>
                    </a:lnTo>
                    <a:lnTo>
                      <a:pt x="2354" y="544"/>
                    </a:lnTo>
                    <a:lnTo>
                      <a:pt x="2361" y="546"/>
                    </a:lnTo>
                    <a:lnTo>
                      <a:pt x="2369" y="548"/>
                    </a:lnTo>
                    <a:lnTo>
                      <a:pt x="2377" y="546"/>
                    </a:lnTo>
                    <a:lnTo>
                      <a:pt x="2383" y="542"/>
                    </a:lnTo>
                    <a:lnTo>
                      <a:pt x="2391" y="536"/>
                    </a:lnTo>
                    <a:lnTo>
                      <a:pt x="2396" y="531"/>
                    </a:lnTo>
                    <a:lnTo>
                      <a:pt x="2403" y="528"/>
                    </a:lnTo>
                    <a:lnTo>
                      <a:pt x="2409" y="527"/>
                    </a:lnTo>
                    <a:lnTo>
                      <a:pt x="2416" y="528"/>
                    </a:lnTo>
                    <a:lnTo>
                      <a:pt x="2421" y="531"/>
                    </a:lnTo>
                    <a:lnTo>
                      <a:pt x="2425" y="535"/>
                    </a:lnTo>
                    <a:lnTo>
                      <a:pt x="2427" y="541"/>
                    </a:lnTo>
                    <a:lnTo>
                      <a:pt x="2429" y="549"/>
                    </a:lnTo>
                    <a:lnTo>
                      <a:pt x="2433" y="573"/>
                    </a:lnTo>
                    <a:lnTo>
                      <a:pt x="2439" y="597"/>
                    </a:lnTo>
                    <a:lnTo>
                      <a:pt x="2440" y="608"/>
                    </a:lnTo>
                    <a:lnTo>
                      <a:pt x="2442" y="619"/>
                    </a:lnTo>
                    <a:lnTo>
                      <a:pt x="2440" y="624"/>
                    </a:lnTo>
                    <a:lnTo>
                      <a:pt x="2439" y="629"/>
                    </a:lnTo>
                    <a:lnTo>
                      <a:pt x="2436" y="634"/>
                    </a:lnTo>
                    <a:lnTo>
                      <a:pt x="2434" y="640"/>
                    </a:lnTo>
                    <a:lnTo>
                      <a:pt x="2431" y="645"/>
                    </a:lnTo>
                    <a:lnTo>
                      <a:pt x="2429" y="650"/>
                    </a:lnTo>
                    <a:lnTo>
                      <a:pt x="2427" y="655"/>
                    </a:lnTo>
                    <a:lnTo>
                      <a:pt x="2426" y="660"/>
                    </a:lnTo>
                    <a:lnTo>
                      <a:pt x="2426" y="665"/>
                    </a:lnTo>
                    <a:lnTo>
                      <a:pt x="2426" y="671"/>
                    </a:lnTo>
                    <a:lnTo>
                      <a:pt x="2427" y="676"/>
                    </a:lnTo>
                    <a:lnTo>
                      <a:pt x="2430" y="680"/>
                    </a:lnTo>
                    <a:lnTo>
                      <a:pt x="2435" y="689"/>
                    </a:lnTo>
                    <a:lnTo>
                      <a:pt x="2443" y="698"/>
                    </a:lnTo>
                    <a:lnTo>
                      <a:pt x="2452" y="706"/>
                    </a:lnTo>
                    <a:lnTo>
                      <a:pt x="2462" y="712"/>
                    </a:lnTo>
                    <a:lnTo>
                      <a:pt x="2482" y="722"/>
                    </a:lnTo>
                    <a:lnTo>
                      <a:pt x="2503" y="731"/>
                    </a:lnTo>
                    <a:lnTo>
                      <a:pt x="2523" y="742"/>
                    </a:lnTo>
                    <a:lnTo>
                      <a:pt x="2544" y="750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74" name="Freeform 72"/>
              <p:cNvSpPr>
                <a:spLocks/>
              </p:cNvSpPr>
              <p:nvPr/>
            </p:nvSpPr>
            <p:spPr bwMode="auto">
              <a:xfrm>
                <a:off x="7767023" y="3162970"/>
                <a:ext cx="41899" cy="74059"/>
              </a:xfrm>
              <a:custGeom>
                <a:avLst/>
                <a:gdLst/>
                <a:ahLst/>
                <a:cxnLst>
                  <a:cxn ang="0">
                    <a:pos x="92" y="114"/>
                  </a:cxn>
                  <a:cxn ang="0">
                    <a:pos x="74" y="162"/>
                  </a:cxn>
                  <a:cxn ang="0">
                    <a:pos x="74" y="162"/>
                  </a:cxn>
                  <a:cxn ang="0">
                    <a:pos x="61" y="154"/>
                  </a:cxn>
                  <a:cxn ang="0">
                    <a:pos x="46" y="148"/>
                  </a:cxn>
                  <a:cxn ang="0">
                    <a:pos x="38" y="145"/>
                  </a:cxn>
                  <a:cxn ang="0">
                    <a:pos x="31" y="141"/>
                  </a:cxn>
                  <a:cxn ang="0">
                    <a:pos x="26" y="136"/>
                  </a:cxn>
                  <a:cxn ang="0">
                    <a:pos x="22" y="130"/>
                  </a:cxn>
                  <a:cxn ang="0">
                    <a:pos x="20" y="123"/>
                  </a:cxn>
                  <a:cxn ang="0">
                    <a:pos x="18" y="117"/>
                  </a:cxn>
                  <a:cxn ang="0">
                    <a:pos x="18" y="109"/>
                  </a:cxn>
                  <a:cxn ang="0">
                    <a:pos x="21" y="104"/>
                  </a:cxn>
                  <a:cxn ang="0">
                    <a:pos x="25" y="99"/>
                  </a:cxn>
                  <a:cxn ang="0">
                    <a:pos x="29" y="96"/>
                  </a:cxn>
                  <a:cxn ang="0">
                    <a:pos x="34" y="95"/>
                  </a:cxn>
                  <a:cxn ang="0">
                    <a:pos x="38" y="94"/>
                  </a:cxn>
                  <a:cxn ang="0">
                    <a:pos x="47" y="94"/>
                  </a:cxn>
                  <a:cxn ang="0">
                    <a:pos x="58" y="92"/>
                  </a:cxn>
                  <a:cxn ang="0">
                    <a:pos x="62" y="90"/>
                  </a:cxn>
                  <a:cxn ang="0">
                    <a:pos x="65" y="87"/>
                  </a:cxn>
                  <a:cxn ang="0">
                    <a:pos x="65" y="82"/>
                  </a:cxn>
                  <a:cxn ang="0">
                    <a:pos x="64" y="78"/>
                  </a:cxn>
                  <a:cxn ang="0">
                    <a:pos x="56" y="66"/>
                  </a:cxn>
                  <a:cxn ang="0">
                    <a:pos x="46" y="55"/>
                  </a:cxn>
                  <a:cxn ang="0">
                    <a:pos x="21" y="31"/>
                  </a:cxn>
                  <a:cxn ang="0">
                    <a:pos x="7" y="18"/>
                  </a:cxn>
                  <a:cxn ang="0">
                    <a:pos x="1" y="12"/>
                  </a:cxn>
                  <a:cxn ang="0">
                    <a:pos x="0" y="7"/>
                  </a:cxn>
                  <a:cxn ang="0">
                    <a:pos x="0" y="3"/>
                  </a:cxn>
                  <a:cxn ang="0">
                    <a:pos x="3" y="0"/>
                  </a:cxn>
                  <a:cxn ang="0">
                    <a:pos x="7" y="0"/>
                  </a:cxn>
                  <a:cxn ang="0">
                    <a:pos x="12" y="2"/>
                  </a:cxn>
                  <a:cxn ang="0">
                    <a:pos x="17" y="3"/>
                  </a:cxn>
                  <a:cxn ang="0">
                    <a:pos x="24" y="7"/>
                  </a:cxn>
                  <a:cxn ang="0">
                    <a:pos x="33" y="16"/>
                  </a:cxn>
                  <a:cxn ang="0">
                    <a:pos x="46" y="29"/>
                  </a:cxn>
                  <a:cxn ang="0">
                    <a:pos x="51" y="35"/>
                  </a:cxn>
                  <a:cxn ang="0">
                    <a:pos x="57" y="40"/>
                  </a:cxn>
                  <a:cxn ang="0">
                    <a:pos x="62" y="44"/>
                  </a:cxn>
                  <a:cxn ang="0">
                    <a:pos x="68" y="47"/>
                  </a:cxn>
                  <a:cxn ang="0">
                    <a:pos x="79" y="87"/>
                  </a:cxn>
                  <a:cxn ang="0">
                    <a:pos x="86" y="100"/>
                  </a:cxn>
                  <a:cxn ang="0">
                    <a:pos x="92" y="114"/>
                  </a:cxn>
                  <a:cxn ang="0">
                    <a:pos x="92" y="114"/>
                  </a:cxn>
                </a:cxnLst>
                <a:rect l="0" t="0" r="r" b="b"/>
                <a:pathLst>
                  <a:path w="92" h="162">
                    <a:moveTo>
                      <a:pt x="92" y="114"/>
                    </a:moveTo>
                    <a:lnTo>
                      <a:pt x="74" y="162"/>
                    </a:lnTo>
                    <a:lnTo>
                      <a:pt x="74" y="162"/>
                    </a:lnTo>
                    <a:lnTo>
                      <a:pt x="61" y="154"/>
                    </a:lnTo>
                    <a:lnTo>
                      <a:pt x="46" y="148"/>
                    </a:lnTo>
                    <a:lnTo>
                      <a:pt x="38" y="145"/>
                    </a:lnTo>
                    <a:lnTo>
                      <a:pt x="31" y="141"/>
                    </a:lnTo>
                    <a:lnTo>
                      <a:pt x="26" y="136"/>
                    </a:lnTo>
                    <a:lnTo>
                      <a:pt x="22" y="130"/>
                    </a:lnTo>
                    <a:lnTo>
                      <a:pt x="20" y="123"/>
                    </a:lnTo>
                    <a:lnTo>
                      <a:pt x="18" y="117"/>
                    </a:lnTo>
                    <a:lnTo>
                      <a:pt x="18" y="109"/>
                    </a:lnTo>
                    <a:lnTo>
                      <a:pt x="21" y="104"/>
                    </a:lnTo>
                    <a:lnTo>
                      <a:pt x="25" y="99"/>
                    </a:lnTo>
                    <a:lnTo>
                      <a:pt x="29" y="96"/>
                    </a:lnTo>
                    <a:lnTo>
                      <a:pt x="34" y="95"/>
                    </a:lnTo>
                    <a:lnTo>
                      <a:pt x="38" y="94"/>
                    </a:lnTo>
                    <a:lnTo>
                      <a:pt x="47" y="94"/>
                    </a:lnTo>
                    <a:lnTo>
                      <a:pt x="58" y="92"/>
                    </a:lnTo>
                    <a:lnTo>
                      <a:pt x="62" y="90"/>
                    </a:lnTo>
                    <a:lnTo>
                      <a:pt x="65" y="87"/>
                    </a:lnTo>
                    <a:lnTo>
                      <a:pt x="65" y="82"/>
                    </a:lnTo>
                    <a:lnTo>
                      <a:pt x="64" y="78"/>
                    </a:lnTo>
                    <a:lnTo>
                      <a:pt x="56" y="66"/>
                    </a:lnTo>
                    <a:lnTo>
                      <a:pt x="46" y="55"/>
                    </a:lnTo>
                    <a:lnTo>
                      <a:pt x="21" y="31"/>
                    </a:lnTo>
                    <a:lnTo>
                      <a:pt x="7" y="18"/>
                    </a:lnTo>
                    <a:lnTo>
                      <a:pt x="1" y="12"/>
                    </a:lnTo>
                    <a:lnTo>
                      <a:pt x="0" y="7"/>
                    </a:lnTo>
                    <a:lnTo>
                      <a:pt x="0" y="3"/>
                    </a:lnTo>
                    <a:lnTo>
                      <a:pt x="3" y="0"/>
                    </a:lnTo>
                    <a:lnTo>
                      <a:pt x="7" y="0"/>
                    </a:lnTo>
                    <a:lnTo>
                      <a:pt x="12" y="2"/>
                    </a:lnTo>
                    <a:lnTo>
                      <a:pt x="17" y="3"/>
                    </a:lnTo>
                    <a:lnTo>
                      <a:pt x="24" y="7"/>
                    </a:lnTo>
                    <a:lnTo>
                      <a:pt x="33" y="16"/>
                    </a:lnTo>
                    <a:lnTo>
                      <a:pt x="46" y="29"/>
                    </a:lnTo>
                    <a:lnTo>
                      <a:pt x="51" y="35"/>
                    </a:lnTo>
                    <a:lnTo>
                      <a:pt x="57" y="40"/>
                    </a:lnTo>
                    <a:lnTo>
                      <a:pt x="62" y="44"/>
                    </a:lnTo>
                    <a:lnTo>
                      <a:pt x="68" y="47"/>
                    </a:lnTo>
                    <a:lnTo>
                      <a:pt x="79" y="87"/>
                    </a:lnTo>
                    <a:lnTo>
                      <a:pt x="86" y="100"/>
                    </a:lnTo>
                    <a:lnTo>
                      <a:pt x="92" y="114"/>
                    </a:lnTo>
                    <a:lnTo>
                      <a:pt x="92" y="114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75" name="Freeform 73"/>
              <p:cNvSpPr>
                <a:spLocks/>
              </p:cNvSpPr>
              <p:nvPr/>
            </p:nvSpPr>
            <p:spPr bwMode="auto">
              <a:xfrm>
                <a:off x="7695978" y="3060011"/>
                <a:ext cx="74690" cy="90315"/>
              </a:xfrm>
              <a:custGeom>
                <a:avLst/>
                <a:gdLst/>
                <a:ahLst/>
                <a:cxnLst>
                  <a:cxn ang="0">
                    <a:pos x="8" y="134"/>
                  </a:cxn>
                  <a:cxn ang="0">
                    <a:pos x="3" y="125"/>
                  </a:cxn>
                  <a:cxn ang="0">
                    <a:pos x="0" y="105"/>
                  </a:cxn>
                  <a:cxn ang="0">
                    <a:pos x="1" y="84"/>
                  </a:cxn>
                  <a:cxn ang="0">
                    <a:pos x="7" y="74"/>
                  </a:cxn>
                  <a:cxn ang="0">
                    <a:pos x="17" y="70"/>
                  </a:cxn>
                  <a:cxn ang="0">
                    <a:pos x="31" y="74"/>
                  </a:cxn>
                  <a:cxn ang="0">
                    <a:pos x="56" y="88"/>
                  </a:cxn>
                  <a:cxn ang="0">
                    <a:pos x="77" y="112"/>
                  </a:cxn>
                  <a:cxn ang="0">
                    <a:pos x="84" y="129"/>
                  </a:cxn>
                  <a:cxn ang="0">
                    <a:pos x="96" y="138"/>
                  </a:cxn>
                  <a:cxn ang="0">
                    <a:pos x="110" y="141"/>
                  </a:cxn>
                  <a:cxn ang="0">
                    <a:pos x="118" y="140"/>
                  </a:cxn>
                  <a:cxn ang="0">
                    <a:pos x="122" y="132"/>
                  </a:cxn>
                  <a:cxn ang="0">
                    <a:pos x="118" y="107"/>
                  </a:cxn>
                  <a:cxn ang="0">
                    <a:pos x="113" y="87"/>
                  </a:cxn>
                  <a:cxn ang="0">
                    <a:pos x="110" y="78"/>
                  </a:cxn>
                  <a:cxn ang="0">
                    <a:pos x="101" y="69"/>
                  </a:cxn>
                  <a:cxn ang="0">
                    <a:pos x="75" y="57"/>
                  </a:cxn>
                  <a:cxn ang="0">
                    <a:pos x="49" y="46"/>
                  </a:cxn>
                  <a:cxn ang="0">
                    <a:pos x="34" y="35"/>
                  </a:cxn>
                  <a:cxn ang="0">
                    <a:pos x="27" y="27"/>
                  </a:cxn>
                  <a:cxn ang="0">
                    <a:pos x="34" y="18"/>
                  </a:cxn>
                  <a:cxn ang="0">
                    <a:pos x="62" y="4"/>
                  </a:cxn>
                  <a:cxn ang="0">
                    <a:pos x="75" y="5"/>
                  </a:cxn>
                  <a:cxn ang="0">
                    <a:pos x="78" y="16"/>
                  </a:cxn>
                  <a:cxn ang="0">
                    <a:pos x="80" y="27"/>
                  </a:cxn>
                  <a:cxn ang="0">
                    <a:pos x="88" y="39"/>
                  </a:cxn>
                  <a:cxn ang="0">
                    <a:pos x="109" y="47"/>
                  </a:cxn>
                  <a:cxn ang="0">
                    <a:pos x="137" y="52"/>
                  </a:cxn>
                  <a:cxn ang="0">
                    <a:pos x="153" y="59"/>
                  </a:cxn>
                  <a:cxn ang="0">
                    <a:pos x="156" y="66"/>
                  </a:cxn>
                  <a:cxn ang="0">
                    <a:pos x="154" y="79"/>
                  </a:cxn>
                  <a:cxn ang="0">
                    <a:pos x="152" y="96"/>
                  </a:cxn>
                  <a:cxn ang="0">
                    <a:pos x="156" y="112"/>
                  </a:cxn>
                  <a:cxn ang="0">
                    <a:pos x="161" y="126"/>
                  </a:cxn>
                  <a:cxn ang="0">
                    <a:pos x="166" y="140"/>
                  </a:cxn>
                  <a:cxn ang="0">
                    <a:pos x="166" y="157"/>
                  </a:cxn>
                  <a:cxn ang="0">
                    <a:pos x="159" y="167"/>
                  </a:cxn>
                  <a:cxn ang="0">
                    <a:pos x="150" y="170"/>
                  </a:cxn>
                  <a:cxn ang="0">
                    <a:pos x="137" y="167"/>
                  </a:cxn>
                  <a:cxn ang="0">
                    <a:pos x="126" y="162"/>
                  </a:cxn>
                  <a:cxn ang="0">
                    <a:pos x="115" y="164"/>
                  </a:cxn>
                  <a:cxn ang="0">
                    <a:pos x="104" y="171"/>
                  </a:cxn>
                  <a:cxn ang="0">
                    <a:pos x="92" y="186"/>
                  </a:cxn>
                  <a:cxn ang="0">
                    <a:pos x="79" y="192"/>
                  </a:cxn>
                  <a:cxn ang="0">
                    <a:pos x="58" y="197"/>
                  </a:cxn>
                  <a:cxn ang="0">
                    <a:pos x="34" y="196"/>
                  </a:cxn>
                  <a:cxn ang="0">
                    <a:pos x="22" y="188"/>
                  </a:cxn>
                  <a:cxn ang="0">
                    <a:pos x="17" y="175"/>
                  </a:cxn>
                  <a:cxn ang="0">
                    <a:pos x="14" y="161"/>
                  </a:cxn>
                  <a:cxn ang="0">
                    <a:pos x="11" y="135"/>
                  </a:cxn>
                </a:cxnLst>
                <a:rect l="0" t="0" r="r" b="b"/>
                <a:pathLst>
                  <a:path w="166" h="197">
                    <a:moveTo>
                      <a:pt x="11" y="135"/>
                    </a:moveTo>
                    <a:lnTo>
                      <a:pt x="8" y="134"/>
                    </a:lnTo>
                    <a:lnTo>
                      <a:pt x="5" y="130"/>
                    </a:lnTo>
                    <a:lnTo>
                      <a:pt x="3" y="125"/>
                    </a:lnTo>
                    <a:lnTo>
                      <a:pt x="1" y="119"/>
                    </a:lnTo>
                    <a:lnTo>
                      <a:pt x="0" y="105"/>
                    </a:lnTo>
                    <a:lnTo>
                      <a:pt x="0" y="91"/>
                    </a:lnTo>
                    <a:lnTo>
                      <a:pt x="1" y="84"/>
                    </a:lnTo>
                    <a:lnTo>
                      <a:pt x="4" y="79"/>
                    </a:lnTo>
                    <a:lnTo>
                      <a:pt x="7" y="74"/>
                    </a:lnTo>
                    <a:lnTo>
                      <a:pt x="12" y="72"/>
                    </a:lnTo>
                    <a:lnTo>
                      <a:pt x="17" y="70"/>
                    </a:lnTo>
                    <a:lnTo>
                      <a:pt x="23" y="70"/>
                    </a:lnTo>
                    <a:lnTo>
                      <a:pt x="31" y="74"/>
                    </a:lnTo>
                    <a:lnTo>
                      <a:pt x="40" y="81"/>
                    </a:lnTo>
                    <a:lnTo>
                      <a:pt x="56" y="88"/>
                    </a:lnTo>
                    <a:lnTo>
                      <a:pt x="69" y="96"/>
                    </a:lnTo>
                    <a:lnTo>
                      <a:pt x="77" y="112"/>
                    </a:lnTo>
                    <a:lnTo>
                      <a:pt x="82" y="123"/>
                    </a:lnTo>
                    <a:lnTo>
                      <a:pt x="84" y="129"/>
                    </a:lnTo>
                    <a:lnTo>
                      <a:pt x="90" y="134"/>
                    </a:lnTo>
                    <a:lnTo>
                      <a:pt x="96" y="138"/>
                    </a:lnTo>
                    <a:lnTo>
                      <a:pt x="106" y="141"/>
                    </a:lnTo>
                    <a:lnTo>
                      <a:pt x="110" y="141"/>
                    </a:lnTo>
                    <a:lnTo>
                      <a:pt x="114" y="141"/>
                    </a:lnTo>
                    <a:lnTo>
                      <a:pt x="118" y="140"/>
                    </a:lnTo>
                    <a:lnTo>
                      <a:pt x="119" y="139"/>
                    </a:lnTo>
                    <a:lnTo>
                      <a:pt x="122" y="132"/>
                    </a:lnTo>
                    <a:lnTo>
                      <a:pt x="122" y="125"/>
                    </a:lnTo>
                    <a:lnTo>
                      <a:pt x="118" y="107"/>
                    </a:lnTo>
                    <a:lnTo>
                      <a:pt x="114" y="94"/>
                    </a:lnTo>
                    <a:lnTo>
                      <a:pt x="113" y="87"/>
                    </a:lnTo>
                    <a:lnTo>
                      <a:pt x="112" y="82"/>
                    </a:lnTo>
                    <a:lnTo>
                      <a:pt x="110" y="78"/>
                    </a:lnTo>
                    <a:lnTo>
                      <a:pt x="108" y="74"/>
                    </a:lnTo>
                    <a:lnTo>
                      <a:pt x="101" y="69"/>
                    </a:lnTo>
                    <a:lnTo>
                      <a:pt x="93" y="64"/>
                    </a:lnTo>
                    <a:lnTo>
                      <a:pt x="75" y="57"/>
                    </a:lnTo>
                    <a:lnTo>
                      <a:pt x="57" y="50"/>
                    </a:lnTo>
                    <a:lnTo>
                      <a:pt x="49" y="46"/>
                    </a:lnTo>
                    <a:lnTo>
                      <a:pt x="39" y="39"/>
                    </a:lnTo>
                    <a:lnTo>
                      <a:pt x="34" y="35"/>
                    </a:lnTo>
                    <a:lnTo>
                      <a:pt x="30" y="31"/>
                    </a:lnTo>
                    <a:lnTo>
                      <a:pt x="27" y="27"/>
                    </a:lnTo>
                    <a:lnTo>
                      <a:pt x="27" y="25"/>
                    </a:lnTo>
                    <a:lnTo>
                      <a:pt x="34" y="18"/>
                    </a:lnTo>
                    <a:lnTo>
                      <a:pt x="48" y="11"/>
                    </a:lnTo>
                    <a:lnTo>
                      <a:pt x="62" y="4"/>
                    </a:lnTo>
                    <a:lnTo>
                      <a:pt x="71" y="0"/>
                    </a:lnTo>
                    <a:lnTo>
                      <a:pt x="75" y="5"/>
                    </a:lnTo>
                    <a:lnTo>
                      <a:pt x="77" y="11"/>
                    </a:lnTo>
                    <a:lnTo>
                      <a:pt x="78" y="16"/>
                    </a:lnTo>
                    <a:lnTo>
                      <a:pt x="79" y="22"/>
                    </a:lnTo>
                    <a:lnTo>
                      <a:pt x="80" y="27"/>
                    </a:lnTo>
                    <a:lnTo>
                      <a:pt x="83" y="34"/>
                    </a:lnTo>
                    <a:lnTo>
                      <a:pt x="88" y="39"/>
                    </a:lnTo>
                    <a:lnTo>
                      <a:pt x="96" y="43"/>
                    </a:lnTo>
                    <a:lnTo>
                      <a:pt x="109" y="47"/>
                    </a:lnTo>
                    <a:lnTo>
                      <a:pt x="123" y="50"/>
                    </a:lnTo>
                    <a:lnTo>
                      <a:pt x="137" y="52"/>
                    </a:lnTo>
                    <a:lnTo>
                      <a:pt x="150" y="56"/>
                    </a:lnTo>
                    <a:lnTo>
                      <a:pt x="153" y="59"/>
                    </a:lnTo>
                    <a:lnTo>
                      <a:pt x="156" y="62"/>
                    </a:lnTo>
                    <a:lnTo>
                      <a:pt x="156" y="66"/>
                    </a:lnTo>
                    <a:lnTo>
                      <a:pt x="156" y="70"/>
                    </a:lnTo>
                    <a:lnTo>
                      <a:pt x="154" y="79"/>
                    </a:lnTo>
                    <a:lnTo>
                      <a:pt x="153" y="87"/>
                    </a:lnTo>
                    <a:lnTo>
                      <a:pt x="152" y="96"/>
                    </a:lnTo>
                    <a:lnTo>
                      <a:pt x="153" y="104"/>
                    </a:lnTo>
                    <a:lnTo>
                      <a:pt x="156" y="112"/>
                    </a:lnTo>
                    <a:lnTo>
                      <a:pt x="158" y="119"/>
                    </a:lnTo>
                    <a:lnTo>
                      <a:pt x="161" y="126"/>
                    </a:lnTo>
                    <a:lnTo>
                      <a:pt x="163" y="134"/>
                    </a:lnTo>
                    <a:lnTo>
                      <a:pt x="166" y="140"/>
                    </a:lnTo>
                    <a:lnTo>
                      <a:pt x="166" y="149"/>
                    </a:lnTo>
                    <a:lnTo>
                      <a:pt x="166" y="157"/>
                    </a:lnTo>
                    <a:lnTo>
                      <a:pt x="163" y="164"/>
                    </a:lnTo>
                    <a:lnTo>
                      <a:pt x="159" y="167"/>
                    </a:lnTo>
                    <a:lnTo>
                      <a:pt x="156" y="169"/>
                    </a:lnTo>
                    <a:lnTo>
                      <a:pt x="150" y="170"/>
                    </a:lnTo>
                    <a:lnTo>
                      <a:pt x="144" y="169"/>
                    </a:lnTo>
                    <a:lnTo>
                      <a:pt x="137" y="167"/>
                    </a:lnTo>
                    <a:lnTo>
                      <a:pt x="131" y="165"/>
                    </a:lnTo>
                    <a:lnTo>
                      <a:pt x="126" y="162"/>
                    </a:lnTo>
                    <a:lnTo>
                      <a:pt x="121" y="162"/>
                    </a:lnTo>
                    <a:lnTo>
                      <a:pt x="115" y="164"/>
                    </a:lnTo>
                    <a:lnTo>
                      <a:pt x="112" y="165"/>
                    </a:lnTo>
                    <a:lnTo>
                      <a:pt x="104" y="171"/>
                    </a:lnTo>
                    <a:lnTo>
                      <a:pt x="97" y="179"/>
                    </a:lnTo>
                    <a:lnTo>
                      <a:pt x="92" y="186"/>
                    </a:lnTo>
                    <a:lnTo>
                      <a:pt x="87" y="189"/>
                    </a:lnTo>
                    <a:lnTo>
                      <a:pt x="79" y="192"/>
                    </a:lnTo>
                    <a:lnTo>
                      <a:pt x="73" y="195"/>
                    </a:lnTo>
                    <a:lnTo>
                      <a:pt x="58" y="197"/>
                    </a:lnTo>
                    <a:lnTo>
                      <a:pt x="43" y="197"/>
                    </a:lnTo>
                    <a:lnTo>
                      <a:pt x="34" y="196"/>
                    </a:lnTo>
                    <a:lnTo>
                      <a:pt x="27" y="193"/>
                    </a:lnTo>
                    <a:lnTo>
                      <a:pt x="22" y="188"/>
                    </a:lnTo>
                    <a:lnTo>
                      <a:pt x="18" y="183"/>
                    </a:lnTo>
                    <a:lnTo>
                      <a:pt x="17" y="175"/>
                    </a:lnTo>
                    <a:lnTo>
                      <a:pt x="16" y="169"/>
                    </a:lnTo>
                    <a:lnTo>
                      <a:pt x="14" y="161"/>
                    </a:lnTo>
                    <a:lnTo>
                      <a:pt x="14" y="152"/>
                    </a:lnTo>
                    <a:lnTo>
                      <a:pt x="11" y="135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76" name="Freeform 74"/>
              <p:cNvSpPr>
                <a:spLocks/>
              </p:cNvSpPr>
              <p:nvPr/>
            </p:nvSpPr>
            <p:spPr bwMode="auto">
              <a:xfrm>
                <a:off x="6648505" y="2931763"/>
                <a:ext cx="1229642" cy="1627481"/>
              </a:xfrm>
              <a:custGeom>
                <a:avLst/>
                <a:gdLst/>
                <a:ahLst/>
                <a:cxnLst>
                  <a:cxn ang="0">
                    <a:pos x="2500" y="1133"/>
                  </a:cxn>
                  <a:cxn ang="0">
                    <a:pos x="2606" y="1355"/>
                  </a:cxn>
                  <a:cxn ang="0">
                    <a:pos x="2635" y="1629"/>
                  </a:cxn>
                  <a:cxn ang="0">
                    <a:pos x="2671" y="1922"/>
                  </a:cxn>
                  <a:cxn ang="0">
                    <a:pos x="2503" y="1985"/>
                  </a:cxn>
                  <a:cxn ang="0">
                    <a:pos x="2205" y="2109"/>
                  </a:cxn>
                  <a:cxn ang="0">
                    <a:pos x="1912" y="2247"/>
                  </a:cxn>
                  <a:cxn ang="0">
                    <a:pos x="1887" y="2378"/>
                  </a:cxn>
                  <a:cxn ang="0">
                    <a:pos x="2012" y="2640"/>
                  </a:cxn>
                  <a:cxn ang="0">
                    <a:pos x="2215" y="2925"/>
                  </a:cxn>
                  <a:cxn ang="0">
                    <a:pos x="2140" y="3136"/>
                  </a:cxn>
                  <a:cxn ang="0">
                    <a:pos x="1996" y="3271"/>
                  </a:cxn>
                  <a:cxn ang="0">
                    <a:pos x="1948" y="3528"/>
                  </a:cxn>
                  <a:cxn ang="0">
                    <a:pos x="1800" y="3493"/>
                  </a:cxn>
                  <a:cxn ang="0">
                    <a:pos x="1653" y="3523"/>
                  </a:cxn>
                  <a:cxn ang="0">
                    <a:pos x="1326" y="3572"/>
                  </a:cxn>
                  <a:cxn ang="0">
                    <a:pos x="1168" y="3491"/>
                  </a:cxn>
                  <a:cxn ang="0">
                    <a:pos x="1070" y="3585"/>
                  </a:cxn>
                  <a:cxn ang="0">
                    <a:pos x="664" y="3308"/>
                  </a:cxn>
                  <a:cxn ang="0">
                    <a:pos x="562" y="3395"/>
                  </a:cxn>
                  <a:cxn ang="0">
                    <a:pos x="387" y="3365"/>
                  </a:cxn>
                  <a:cxn ang="0">
                    <a:pos x="277" y="3278"/>
                  </a:cxn>
                  <a:cxn ang="0">
                    <a:pos x="406" y="2940"/>
                  </a:cxn>
                  <a:cxn ang="0">
                    <a:pos x="382" y="2636"/>
                  </a:cxn>
                  <a:cxn ang="0">
                    <a:pos x="151" y="2510"/>
                  </a:cxn>
                  <a:cxn ang="0">
                    <a:pos x="75" y="2305"/>
                  </a:cxn>
                  <a:cxn ang="0">
                    <a:pos x="5" y="2085"/>
                  </a:cxn>
                  <a:cxn ang="0">
                    <a:pos x="16" y="1792"/>
                  </a:cxn>
                  <a:cxn ang="0">
                    <a:pos x="132" y="1518"/>
                  </a:cxn>
                  <a:cxn ang="0">
                    <a:pos x="84" y="1369"/>
                  </a:cxn>
                  <a:cxn ang="0">
                    <a:pos x="331" y="1314"/>
                  </a:cxn>
                  <a:cxn ang="0">
                    <a:pos x="414" y="1184"/>
                  </a:cxn>
                  <a:cxn ang="0">
                    <a:pos x="423" y="1044"/>
                  </a:cxn>
                  <a:cxn ang="0">
                    <a:pos x="533" y="870"/>
                  </a:cxn>
                  <a:cxn ang="0">
                    <a:pos x="548" y="699"/>
                  </a:cxn>
                  <a:cxn ang="0">
                    <a:pos x="594" y="554"/>
                  </a:cxn>
                  <a:cxn ang="0">
                    <a:pos x="864" y="607"/>
                  </a:cxn>
                  <a:cxn ang="0">
                    <a:pos x="901" y="708"/>
                  </a:cxn>
                  <a:cxn ang="0">
                    <a:pos x="961" y="715"/>
                  </a:cxn>
                  <a:cxn ang="0">
                    <a:pos x="984" y="546"/>
                  </a:cxn>
                  <a:cxn ang="0">
                    <a:pos x="1177" y="557"/>
                  </a:cxn>
                  <a:cxn ang="0">
                    <a:pos x="1138" y="496"/>
                  </a:cxn>
                  <a:cxn ang="0">
                    <a:pos x="1101" y="380"/>
                  </a:cxn>
                  <a:cxn ang="0">
                    <a:pos x="1061" y="333"/>
                  </a:cxn>
                  <a:cxn ang="0">
                    <a:pos x="1146" y="233"/>
                  </a:cxn>
                  <a:cxn ang="0">
                    <a:pos x="1226" y="64"/>
                  </a:cxn>
                  <a:cxn ang="0">
                    <a:pos x="1410" y="73"/>
                  </a:cxn>
                  <a:cxn ang="0">
                    <a:pos x="1454" y="225"/>
                  </a:cxn>
                  <a:cxn ang="0">
                    <a:pos x="1469" y="303"/>
                  </a:cxn>
                  <a:cxn ang="0">
                    <a:pos x="1563" y="335"/>
                  </a:cxn>
                  <a:cxn ang="0">
                    <a:pos x="1706" y="325"/>
                  </a:cxn>
                  <a:cxn ang="0">
                    <a:pos x="1771" y="360"/>
                  </a:cxn>
                  <a:cxn ang="0">
                    <a:pos x="1616" y="489"/>
                  </a:cxn>
                  <a:cxn ang="0">
                    <a:pos x="1727" y="529"/>
                  </a:cxn>
                  <a:cxn ang="0">
                    <a:pos x="1886" y="494"/>
                  </a:cxn>
                  <a:cxn ang="0">
                    <a:pos x="2096" y="377"/>
                  </a:cxn>
                  <a:cxn ang="0">
                    <a:pos x="2084" y="428"/>
                  </a:cxn>
                  <a:cxn ang="0">
                    <a:pos x="2206" y="447"/>
                  </a:cxn>
                  <a:cxn ang="0">
                    <a:pos x="2347" y="540"/>
                  </a:cxn>
                  <a:cxn ang="0">
                    <a:pos x="2440" y="624"/>
                  </a:cxn>
                  <a:cxn ang="0">
                    <a:pos x="2544" y="750"/>
                  </a:cxn>
                </a:cxnLst>
                <a:rect l="0" t="0" r="r" b="b"/>
                <a:pathLst>
                  <a:path w="2701" h="3602">
                    <a:moveTo>
                      <a:pt x="2544" y="750"/>
                    </a:moveTo>
                    <a:lnTo>
                      <a:pt x="2557" y="834"/>
                    </a:lnTo>
                    <a:lnTo>
                      <a:pt x="2566" y="878"/>
                    </a:lnTo>
                    <a:lnTo>
                      <a:pt x="2576" y="925"/>
                    </a:lnTo>
                    <a:lnTo>
                      <a:pt x="2580" y="948"/>
                    </a:lnTo>
                    <a:lnTo>
                      <a:pt x="2583" y="970"/>
                    </a:lnTo>
                    <a:lnTo>
                      <a:pt x="2583" y="982"/>
                    </a:lnTo>
                    <a:lnTo>
                      <a:pt x="2583" y="993"/>
                    </a:lnTo>
                    <a:lnTo>
                      <a:pt x="2582" y="1004"/>
                    </a:lnTo>
                    <a:lnTo>
                      <a:pt x="2579" y="1014"/>
                    </a:lnTo>
                    <a:lnTo>
                      <a:pt x="2572" y="1032"/>
                    </a:lnTo>
                    <a:lnTo>
                      <a:pt x="2565" y="1049"/>
                    </a:lnTo>
                    <a:lnTo>
                      <a:pt x="2554" y="1066"/>
                    </a:lnTo>
                    <a:lnTo>
                      <a:pt x="2543" y="1080"/>
                    </a:lnTo>
                    <a:lnTo>
                      <a:pt x="2513" y="1108"/>
                    </a:lnTo>
                    <a:lnTo>
                      <a:pt x="2497" y="1123"/>
                    </a:lnTo>
                    <a:lnTo>
                      <a:pt x="2497" y="1125"/>
                    </a:lnTo>
                    <a:lnTo>
                      <a:pt x="2497" y="1129"/>
                    </a:lnTo>
                    <a:lnTo>
                      <a:pt x="2500" y="1133"/>
                    </a:lnTo>
                    <a:lnTo>
                      <a:pt x="2503" y="1138"/>
                    </a:lnTo>
                    <a:lnTo>
                      <a:pt x="2515" y="1151"/>
                    </a:lnTo>
                    <a:lnTo>
                      <a:pt x="2535" y="1169"/>
                    </a:lnTo>
                    <a:lnTo>
                      <a:pt x="2569" y="1197"/>
                    </a:lnTo>
                    <a:lnTo>
                      <a:pt x="2606" y="1229"/>
                    </a:lnTo>
                    <a:lnTo>
                      <a:pt x="2615" y="1237"/>
                    </a:lnTo>
                    <a:lnTo>
                      <a:pt x="2622" y="1246"/>
                    </a:lnTo>
                    <a:lnTo>
                      <a:pt x="2628" y="1255"/>
                    </a:lnTo>
                    <a:lnTo>
                      <a:pt x="2632" y="1264"/>
                    </a:lnTo>
                    <a:lnTo>
                      <a:pt x="2636" y="1273"/>
                    </a:lnTo>
                    <a:lnTo>
                      <a:pt x="2636" y="1283"/>
                    </a:lnTo>
                    <a:lnTo>
                      <a:pt x="2635" y="1292"/>
                    </a:lnTo>
                    <a:lnTo>
                      <a:pt x="2631" y="1303"/>
                    </a:lnTo>
                    <a:lnTo>
                      <a:pt x="2622" y="1317"/>
                    </a:lnTo>
                    <a:lnTo>
                      <a:pt x="2611" y="1331"/>
                    </a:lnTo>
                    <a:lnTo>
                      <a:pt x="2607" y="1339"/>
                    </a:lnTo>
                    <a:lnTo>
                      <a:pt x="2606" y="1347"/>
                    </a:lnTo>
                    <a:lnTo>
                      <a:pt x="2606" y="1351"/>
                    </a:lnTo>
                    <a:lnTo>
                      <a:pt x="2606" y="1355"/>
                    </a:lnTo>
                    <a:lnTo>
                      <a:pt x="2607" y="1360"/>
                    </a:lnTo>
                    <a:lnTo>
                      <a:pt x="2610" y="1364"/>
                    </a:lnTo>
                    <a:lnTo>
                      <a:pt x="2622" y="1384"/>
                    </a:lnTo>
                    <a:lnTo>
                      <a:pt x="2627" y="1399"/>
                    </a:lnTo>
                    <a:lnTo>
                      <a:pt x="2628" y="1406"/>
                    </a:lnTo>
                    <a:lnTo>
                      <a:pt x="2628" y="1415"/>
                    </a:lnTo>
                    <a:lnTo>
                      <a:pt x="2627" y="1427"/>
                    </a:lnTo>
                    <a:lnTo>
                      <a:pt x="2624" y="1444"/>
                    </a:lnTo>
                    <a:lnTo>
                      <a:pt x="2626" y="1462"/>
                    </a:lnTo>
                    <a:lnTo>
                      <a:pt x="2629" y="1479"/>
                    </a:lnTo>
                    <a:lnTo>
                      <a:pt x="2633" y="1497"/>
                    </a:lnTo>
                    <a:lnTo>
                      <a:pt x="2637" y="1515"/>
                    </a:lnTo>
                    <a:lnTo>
                      <a:pt x="2637" y="1533"/>
                    </a:lnTo>
                    <a:lnTo>
                      <a:pt x="2637" y="1551"/>
                    </a:lnTo>
                    <a:lnTo>
                      <a:pt x="2635" y="1568"/>
                    </a:lnTo>
                    <a:lnTo>
                      <a:pt x="2633" y="1585"/>
                    </a:lnTo>
                    <a:lnTo>
                      <a:pt x="2633" y="1603"/>
                    </a:lnTo>
                    <a:lnTo>
                      <a:pt x="2633" y="1620"/>
                    </a:lnTo>
                    <a:lnTo>
                      <a:pt x="2635" y="1629"/>
                    </a:lnTo>
                    <a:lnTo>
                      <a:pt x="2636" y="1638"/>
                    </a:lnTo>
                    <a:lnTo>
                      <a:pt x="2639" y="1647"/>
                    </a:lnTo>
                    <a:lnTo>
                      <a:pt x="2642" y="1658"/>
                    </a:lnTo>
                    <a:lnTo>
                      <a:pt x="2654" y="1684"/>
                    </a:lnTo>
                    <a:lnTo>
                      <a:pt x="2666" y="1711"/>
                    </a:lnTo>
                    <a:lnTo>
                      <a:pt x="2679" y="1738"/>
                    </a:lnTo>
                    <a:lnTo>
                      <a:pt x="2689" y="1764"/>
                    </a:lnTo>
                    <a:lnTo>
                      <a:pt x="2693" y="1778"/>
                    </a:lnTo>
                    <a:lnTo>
                      <a:pt x="2697" y="1792"/>
                    </a:lnTo>
                    <a:lnTo>
                      <a:pt x="2699" y="1805"/>
                    </a:lnTo>
                    <a:lnTo>
                      <a:pt x="2701" y="1820"/>
                    </a:lnTo>
                    <a:lnTo>
                      <a:pt x="2701" y="1835"/>
                    </a:lnTo>
                    <a:lnTo>
                      <a:pt x="2699" y="1849"/>
                    </a:lnTo>
                    <a:lnTo>
                      <a:pt x="2697" y="1865"/>
                    </a:lnTo>
                    <a:lnTo>
                      <a:pt x="2693" y="1881"/>
                    </a:lnTo>
                    <a:lnTo>
                      <a:pt x="2689" y="1892"/>
                    </a:lnTo>
                    <a:lnTo>
                      <a:pt x="2684" y="1903"/>
                    </a:lnTo>
                    <a:lnTo>
                      <a:pt x="2677" y="1913"/>
                    </a:lnTo>
                    <a:lnTo>
                      <a:pt x="2671" y="1922"/>
                    </a:lnTo>
                    <a:lnTo>
                      <a:pt x="2655" y="1941"/>
                    </a:lnTo>
                    <a:lnTo>
                      <a:pt x="2639" y="1961"/>
                    </a:lnTo>
                    <a:lnTo>
                      <a:pt x="2623" y="1979"/>
                    </a:lnTo>
                    <a:lnTo>
                      <a:pt x="2607" y="1998"/>
                    </a:lnTo>
                    <a:lnTo>
                      <a:pt x="2601" y="2009"/>
                    </a:lnTo>
                    <a:lnTo>
                      <a:pt x="2595" y="2019"/>
                    </a:lnTo>
                    <a:lnTo>
                      <a:pt x="2589" y="2030"/>
                    </a:lnTo>
                    <a:lnTo>
                      <a:pt x="2584" y="2041"/>
                    </a:lnTo>
                    <a:lnTo>
                      <a:pt x="2584" y="2041"/>
                    </a:lnTo>
                    <a:lnTo>
                      <a:pt x="2549" y="2017"/>
                    </a:lnTo>
                    <a:lnTo>
                      <a:pt x="2544" y="2004"/>
                    </a:lnTo>
                    <a:lnTo>
                      <a:pt x="2539" y="1993"/>
                    </a:lnTo>
                    <a:lnTo>
                      <a:pt x="2536" y="1989"/>
                    </a:lnTo>
                    <a:lnTo>
                      <a:pt x="2534" y="1987"/>
                    </a:lnTo>
                    <a:lnTo>
                      <a:pt x="2530" y="1984"/>
                    </a:lnTo>
                    <a:lnTo>
                      <a:pt x="2526" y="1983"/>
                    </a:lnTo>
                    <a:lnTo>
                      <a:pt x="2519" y="1982"/>
                    </a:lnTo>
                    <a:lnTo>
                      <a:pt x="2512" y="1983"/>
                    </a:lnTo>
                    <a:lnTo>
                      <a:pt x="2503" y="1985"/>
                    </a:lnTo>
                    <a:lnTo>
                      <a:pt x="2493" y="1991"/>
                    </a:lnTo>
                    <a:lnTo>
                      <a:pt x="2475" y="2002"/>
                    </a:lnTo>
                    <a:lnTo>
                      <a:pt x="2457" y="2014"/>
                    </a:lnTo>
                    <a:lnTo>
                      <a:pt x="2448" y="2020"/>
                    </a:lnTo>
                    <a:lnTo>
                      <a:pt x="2439" y="2024"/>
                    </a:lnTo>
                    <a:lnTo>
                      <a:pt x="2430" y="2028"/>
                    </a:lnTo>
                    <a:lnTo>
                      <a:pt x="2421" y="2030"/>
                    </a:lnTo>
                    <a:lnTo>
                      <a:pt x="2408" y="2031"/>
                    </a:lnTo>
                    <a:lnTo>
                      <a:pt x="2396" y="2032"/>
                    </a:lnTo>
                    <a:lnTo>
                      <a:pt x="2385" y="2036"/>
                    </a:lnTo>
                    <a:lnTo>
                      <a:pt x="2373" y="2039"/>
                    </a:lnTo>
                    <a:lnTo>
                      <a:pt x="2352" y="2048"/>
                    </a:lnTo>
                    <a:lnTo>
                      <a:pt x="2332" y="2058"/>
                    </a:lnTo>
                    <a:lnTo>
                      <a:pt x="2312" y="2068"/>
                    </a:lnTo>
                    <a:lnTo>
                      <a:pt x="2291" y="2079"/>
                    </a:lnTo>
                    <a:lnTo>
                      <a:pt x="2269" y="2088"/>
                    </a:lnTo>
                    <a:lnTo>
                      <a:pt x="2246" y="2096"/>
                    </a:lnTo>
                    <a:lnTo>
                      <a:pt x="2225" y="2102"/>
                    </a:lnTo>
                    <a:lnTo>
                      <a:pt x="2205" y="2109"/>
                    </a:lnTo>
                    <a:lnTo>
                      <a:pt x="2185" y="2116"/>
                    </a:lnTo>
                    <a:lnTo>
                      <a:pt x="2167" y="2127"/>
                    </a:lnTo>
                    <a:lnTo>
                      <a:pt x="2149" y="2136"/>
                    </a:lnTo>
                    <a:lnTo>
                      <a:pt x="2131" y="2147"/>
                    </a:lnTo>
                    <a:lnTo>
                      <a:pt x="2113" y="2159"/>
                    </a:lnTo>
                    <a:lnTo>
                      <a:pt x="2094" y="2171"/>
                    </a:lnTo>
                    <a:lnTo>
                      <a:pt x="2083" y="2178"/>
                    </a:lnTo>
                    <a:lnTo>
                      <a:pt x="2071" y="2184"/>
                    </a:lnTo>
                    <a:lnTo>
                      <a:pt x="2058" y="2188"/>
                    </a:lnTo>
                    <a:lnTo>
                      <a:pt x="2045" y="2191"/>
                    </a:lnTo>
                    <a:lnTo>
                      <a:pt x="2018" y="2197"/>
                    </a:lnTo>
                    <a:lnTo>
                      <a:pt x="1991" y="2202"/>
                    </a:lnTo>
                    <a:lnTo>
                      <a:pt x="1977" y="2206"/>
                    </a:lnTo>
                    <a:lnTo>
                      <a:pt x="1964" y="2210"/>
                    </a:lnTo>
                    <a:lnTo>
                      <a:pt x="1952" y="2213"/>
                    </a:lnTo>
                    <a:lnTo>
                      <a:pt x="1940" y="2220"/>
                    </a:lnTo>
                    <a:lnTo>
                      <a:pt x="1930" y="2228"/>
                    </a:lnTo>
                    <a:lnTo>
                      <a:pt x="1920" y="2235"/>
                    </a:lnTo>
                    <a:lnTo>
                      <a:pt x="1912" y="2247"/>
                    </a:lnTo>
                    <a:lnTo>
                      <a:pt x="1905" y="2260"/>
                    </a:lnTo>
                    <a:lnTo>
                      <a:pt x="1901" y="2268"/>
                    </a:lnTo>
                    <a:lnTo>
                      <a:pt x="1896" y="2274"/>
                    </a:lnTo>
                    <a:lnTo>
                      <a:pt x="1892" y="2278"/>
                    </a:lnTo>
                    <a:lnTo>
                      <a:pt x="1887" y="2282"/>
                    </a:lnTo>
                    <a:lnTo>
                      <a:pt x="1877" y="2287"/>
                    </a:lnTo>
                    <a:lnTo>
                      <a:pt x="1866" y="2290"/>
                    </a:lnTo>
                    <a:lnTo>
                      <a:pt x="1857" y="2292"/>
                    </a:lnTo>
                    <a:lnTo>
                      <a:pt x="1848" y="2295"/>
                    </a:lnTo>
                    <a:lnTo>
                      <a:pt x="1846" y="2298"/>
                    </a:lnTo>
                    <a:lnTo>
                      <a:pt x="1842" y="2302"/>
                    </a:lnTo>
                    <a:lnTo>
                      <a:pt x="1841" y="2305"/>
                    </a:lnTo>
                    <a:lnTo>
                      <a:pt x="1839" y="2311"/>
                    </a:lnTo>
                    <a:lnTo>
                      <a:pt x="1848" y="2327"/>
                    </a:lnTo>
                    <a:lnTo>
                      <a:pt x="1859" y="2340"/>
                    </a:lnTo>
                    <a:lnTo>
                      <a:pt x="1869" y="2353"/>
                    </a:lnTo>
                    <a:lnTo>
                      <a:pt x="1879" y="2365"/>
                    </a:lnTo>
                    <a:lnTo>
                      <a:pt x="1883" y="2371"/>
                    </a:lnTo>
                    <a:lnTo>
                      <a:pt x="1887" y="2378"/>
                    </a:lnTo>
                    <a:lnTo>
                      <a:pt x="1890" y="2384"/>
                    </a:lnTo>
                    <a:lnTo>
                      <a:pt x="1892" y="2392"/>
                    </a:lnTo>
                    <a:lnTo>
                      <a:pt x="1895" y="2401"/>
                    </a:lnTo>
                    <a:lnTo>
                      <a:pt x="1895" y="2409"/>
                    </a:lnTo>
                    <a:lnTo>
                      <a:pt x="1895" y="2419"/>
                    </a:lnTo>
                    <a:lnTo>
                      <a:pt x="1894" y="2431"/>
                    </a:lnTo>
                    <a:lnTo>
                      <a:pt x="1891" y="2454"/>
                    </a:lnTo>
                    <a:lnTo>
                      <a:pt x="1888" y="2474"/>
                    </a:lnTo>
                    <a:lnTo>
                      <a:pt x="1887" y="2491"/>
                    </a:lnTo>
                    <a:lnTo>
                      <a:pt x="1888" y="2505"/>
                    </a:lnTo>
                    <a:lnTo>
                      <a:pt x="1891" y="2513"/>
                    </a:lnTo>
                    <a:lnTo>
                      <a:pt x="1894" y="2519"/>
                    </a:lnTo>
                    <a:lnTo>
                      <a:pt x="1896" y="2526"/>
                    </a:lnTo>
                    <a:lnTo>
                      <a:pt x="1901" y="2533"/>
                    </a:lnTo>
                    <a:lnTo>
                      <a:pt x="1914" y="2548"/>
                    </a:lnTo>
                    <a:lnTo>
                      <a:pt x="1933" y="2565"/>
                    </a:lnTo>
                    <a:lnTo>
                      <a:pt x="1956" y="2585"/>
                    </a:lnTo>
                    <a:lnTo>
                      <a:pt x="1983" y="2611"/>
                    </a:lnTo>
                    <a:lnTo>
                      <a:pt x="2012" y="2640"/>
                    </a:lnTo>
                    <a:lnTo>
                      <a:pt x="2040" y="2669"/>
                    </a:lnTo>
                    <a:lnTo>
                      <a:pt x="2053" y="2686"/>
                    </a:lnTo>
                    <a:lnTo>
                      <a:pt x="2066" y="2702"/>
                    </a:lnTo>
                    <a:lnTo>
                      <a:pt x="2079" y="2717"/>
                    </a:lnTo>
                    <a:lnTo>
                      <a:pt x="2089" y="2734"/>
                    </a:lnTo>
                    <a:lnTo>
                      <a:pt x="2100" y="2750"/>
                    </a:lnTo>
                    <a:lnTo>
                      <a:pt x="2107" y="2764"/>
                    </a:lnTo>
                    <a:lnTo>
                      <a:pt x="2115" y="2780"/>
                    </a:lnTo>
                    <a:lnTo>
                      <a:pt x="2119" y="2794"/>
                    </a:lnTo>
                    <a:lnTo>
                      <a:pt x="2127" y="2820"/>
                    </a:lnTo>
                    <a:lnTo>
                      <a:pt x="2133" y="2839"/>
                    </a:lnTo>
                    <a:lnTo>
                      <a:pt x="2141" y="2855"/>
                    </a:lnTo>
                    <a:lnTo>
                      <a:pt x="2150" y="2868"/>
                    </a:lnTo>
                    <a:lnTo>
                      <a:pt x="2161" y="2879"/>
                    </a:lnTo>
                    <a:lnTo>
                      <a:pt x="2173" y="2890"/>
                    </a:lnTo>
                    <a:lnTo>
                      <a:pt x="2192" y="2901"/>
                    </a:lnTo>
                    <a:lnTo>
                      <a:pt x="2212" y="2916"/>
                    </a:lnTo>
                    <a:lnTo>
                      <a:pt x="2214" y="2919"/>
                    </a:lnTo>
                    <a:lnTo>
                      <a:pt x="2215" y="2925"/>
                    </a:lnTo>
                    <a:lnTo>
                      <a:pt x="2256" y="3014"/>
                    </a:lnTo>
                    <a:lnTo>
                      <a:pt x="2256" y="3014"/>
                    </a:lnTo>
                    <a:lnTo>
                      <a:pt x="2247" y="3026"/>
                    </a:lnTo>
                    <a:lnTo>
                      <a:pt x="2240" y="3037"/>
                    </a:lnTo>
                    <a:lnTo>
                      <a:pt x="2236" y="3048"/>
                    </a:lnTo>
                    <a:lnTo>
                      <a:pt x="2232" y="3059"/>
                    </a:lnTo>
                    <a:lnTo>
                      <a:pt x="2230" y="3079"/>
                    </a:lnTo>
                    <a:lnTo>
                      <a:pt x="2230" y="3097"/>
                    </a:lnTo>
                    <a:lnTo>
                      <a:pt x="2229" y="3105"/>
                    </a:lnTo>
                    <a:lnTo>
                      <a:pt x="2227" y="3112"/>
                    </a:lnTo>
                    <a:lnTo>
                      <a:pt x="2223" y="3118"/>
                    </a:lnTo>
                    <a:lnTo>
                      <a:pt x="2216" y="3123"/>
                    </a:lnTo>
                    <a:lnTo>
                      <a:pt x="2208" y="3128"/>
                    </a:lnTo>
                    <a:lnTo>
                      <a:pt x="2195" y="3131"/>
                    </a:lnTo>
                    <a:lnTo>
                      <a:pt x="2180" y="3133"/>
                    </a:lnTo>
                    <a:lnTo>
                      <a:pt x="2159" y="3133"/>
                    </a:lnTo>
                    <a:lnTo>
                      <a:pt x="2151" y="3133"/>
                    </a:lnTo>
                    <a:lnTo>
                      <a:pt x="2146" y="3134"/>
                    </a:lnTo>
                    <a:lnTo>
                      <a:pt x="2140" y="3136"/>
                    </a:lnTo>
                    <a:lnTo>
                      <a:pt x="2135" y="3138"/>
                    </a:lnTo>
                    <a:lnTo>
                      <a:pt x="2127" y="3144"/>
                    </a:lnTo>
                    <a:lnTo>
                      <a:pt x="2119" y="3151"/>
                    </a:lnTo>
                    <a:lnTo>
                      <a:pt x="2114" y="3160"/>
                    </a:lnTo>
                    <a:lnTo>
                      <a:pt x="2110" y="3171"/>
                    </a:lnTo>
                    <a:lnTo>
                      <a:pt x="2106" y="3182"/>
                    </a:lnTo>
                    <a:lnTo>
                      <a:pt x="2102" y="3194"/>
                    </a:lnTo>
                    <a:lnTo>
                      <a:pt x="2098" y="3206"/>
                    </a:lnTo>
                    <a:lnTo>
                      <a:pt x="2094" y="3217"/>
                    </a:lnTo>
                    <a:lnTo>
                      <a:pt x="2089" y="3229"/>
                    </a:lnTo>
                    <a:lnTo>
                      <a:pt x="2083" y="3239"/>
                    </a:lnTo>
                    <a:lnTo>
                      <a:pt x="2075" y="3248"/>
                    </a:lnTo>
                    <a:lnTo>
                      <a:pt x="2065" y="3256"/>
                    </a:lnTo>
                    <a:lnTo>
                      <a:pt x="2059" y="3260"/>
                    </a:lnTo>
                    <a:lnTo>
                      <a:pt x="2053" y="3263"/>
                    </a:lnTo>
                    <a:lnTo>
                      <a:pt x="2045" y="3265"/>
                    </a:lnTo>
                    <a:lnTo>
                      <a:pt x="2037" y="3268"/>
                    </a:lnTo>
                    <a:lnTo>
                      <a:pt x="2017" y="3271"/>
                    </a:lnTo>
                    <a:lnTo>
                      <a:pt x="1996" y="3271"/>
                    </a:lnTo>
                    <a:lnTo>
                      <a:pt x="1974" y="3271"/>
                    </a:lnTo>
                    <a:lnTo>
                      <a:pt x="1953" y="3268"/>
                    </a:lnTo>
                    <a:lnTo>
                      <a:pt x="1931" y="3267"/>
                    </a:lnTo>
                    <a:lnTo>
                      <a:pt x="1910" y="3267"/>
                    </a:lnTo>
                    <a:lnTo>
                      <a:pt x="1891" y="3268"/>
                    </a:lnTo>
                    <a:lnTo>
                      <a:pt x="1873" y="3271"/>
                    </a:lnTo>
                    <a:lnTo>
                      <a:pt x="1872" y="3277"/>
                    </a:lnTo>
                    <a:lnTo>
                      <a:pt x="1872" y="3285"/>
                    </a:lnTo>
                    <a:lnTo>
                      <a:pt x="1873" y="3293"/>
                    </a:lnTo>
                    <a:lnTo>
                      <a:pt x="1874" y="3302"/>
                    </a:lnTo>
                    <a:lnTo>
                      <a:pt x="1879" y="3322"/>
                    </a:lnTo>
                    <a:lnTo>
                      <a:pt x="1887" y="3344"/>
                    </a:lnTo>
                    <a:lnTo>
                      <a:pt x="1907" y="3396"/>
                    </a:lnTo>
                    <a:lnTo>
                      <a:pt x="1927" y="3449"/>
                    </a:lnTo>
                    <a:lnTo>
                      <a:pt x="1936" y="3474"/>
                    </a:lnTo>
                    <a:lnTo>
                      <a:pt x="1943" y="3497"/>
                    </a:lnTo>
                    <a:lnTo>
                      <a:pt x="1945" y="3509"/>
                    </a:lnTo>
                    <a:lnTo>
                      <a:pt x="1947" y="3519"/>
                    </a:lnTo>
                    <a:lnTo>
                      <a:pt x="1948" y="3528"/>
                    </a:lnTo>
                    <a:lnTo>
                      <a:pt x="1948" y="3536"/>
                    </a:lnTo>
                    <a:lnTo>
                      <a:pt x="1945" y="3544"/>
                    </a:lnTo>
                    <a:lnTo>
                      <a:pt x="1943" y="3550"/>
                    </a:lnTo>
                    <a:lnTo>
                      <a:pt x="1939" y="3557"/>
                    </a:lnTo>
                    <a:lnTo>
                      <a:pt x="1934" y="3561"/>
                    </a:lnTo>
                    <a:lnTo>
                      <a:pt x="1927" y="3563"/>
                    </a:lnTo>
                    <a:lnTo>
                      <a:pt x="1920" y="3565"/>
                    </a:lnTo>
                    <a:lnTo>
                      <a:pt x="1909" y="3565"/>
                    </a:lnTo>
                    <a:lnTo>
                      <a:pt x="1898" y="3563"/>
                    </a:lnTo>
                    <a:lnTo>
                      <a:pt x="1888" y="3557"/>
                    </a:lnTo>
                    <a:lnTo>
                      <a:pt x="1879" y="3549"/>
                    </a:lnTo>
                    <a:lnTo>
                      <a:pt x="1873" y="3541"/>
                    </a:lnTo>
                    <a:lnTo>
                      <a:pt x="1865" y="3532"/>
                    </a:lnTo>
                    <a:lnTo>
                      <a:pt x="1859" y="3524"/>
                    </a:lnTo>
                    <a:lnTo>
                      <a:pt x="1851" y="3517"/>
                    </a:lnTo>
                    <a:lnTo>
                      <a:pt x="1842" y="3509"/>
                    </a:lnTo>
                    <a:lnTo>
                      <a:pt x="1833" y="3505"/>
                    </a:lnTo>
                    <a:lnTo>
                      <a:pt x="1816" y="3499"/>
                    </a:lnTo>
                    <a:lnTo>
                      <a:pt x="1800" y="3493"/>
                    </a:lnTo>
                    <a:lnTo>
                      <a:pt x="1786" y="3491"/>
                    </a:lnTo>
                    <a:lnTo>
                      <a:pt x="1768" y="3489"/>
                    </a:lnTo>
                    <a:lnTo>
                      <a:pt x="1763" y="3488"/>
                    </a:lnTo>
                    <a:lnTo>
                      <a:pt x="1756" y="3487"/>
                    </a:lnTo>
                    <a:lnTo>
                      <a:pt x="1751" y="3484"/>
                    </a:lnTo>
                    <a:lnTo>
                      <a:pt x="1746" y="3480"/>
                    </a:lnTo>
                    <a:lnTo>
                      <a:pt x="1736" y="3474"/>
                    </a:lnTo>
                    <a:lnTo>
                      <a:pt x="1727" y="3467"/>
                    </a:lnTo>
                    <a:lnTo>
                      <a:pt x="1721" y="3465"/>
                    </a:lnTo>
                    <a:lnTo>
                      <a:pt x="1716" y="3464"/>
                    </a:lnTo>
                    <a:lnTo>
                      <a:pt x="1711" y="3464"/>
                    </a:lnTo>
                    <a:lnTo>
                      <a:pt x="1706" y="3465"/>
                    </a:lnTo>
                    <a:lnTo>
                      <a:pt x="1695" y="3470"/>
                    </a:lnTo>
                    <a:lnTo>
                      <a:pt x="1688" y="3476"/>
                    </a:lnTo>
                    <a:lnTo>
                      <a:pt x="1680" y="3483"/>
                    </a:lnTo>
                    <a:lnTo>
                      <a:pt x="1675" y="3491"/>
                    </a:lnTo>
                    <a:lnTo>
                      <a:pt x="1668" y="3499"/>
                    </a:lnTo>
                    <a:lnTo>
                      <a:pt x="1663" y="3506"/>
                    </a:lnTo>
                    <a:lnTo>
                      <a:pt x="1653" y="3523"/>
                    </a:lnTo>
                    <a:lnTo>
                      <a:pt x="1640" y="3537"/>
                    </a:lnTo>
                    <a:lnTo>
                      <a:pt x="1627" y="3544"/>
                    </a:lnTo>
                    <a:lnTo>
                      <a:pt x="1614" y="3548"/>
                    </a:lnTo>
                    <a:lnTo>
                      <a:pt x="1601" y="3552"/>
                    </a:lnTo>
                    <a:lnTo>
                      <a:pt x="1587" y="3553"/>
                    </a:lnTo>
                    <a:lnTo>
                      <a:pt x="1561" y="3553"/>
                    </a:lnTo>
                    <a:lnTo>
                      <a:pt x="1533" y="3552"/>
                    </a:lnTo>
                    <a:lnTo>
                      <a:pt x="1506" y="3549"/>
                    </a:lnTo>
                    <a:lnTo>
                      <a:pt x="1480" y="3548"/>
                    </a:lnTo>
                    <a:lnTo>
                      <a:pt x="1466" y="3548"/>
                    </a:lnTo>
                    <a:lnTo>
                      <a:pt x="1453" y="3548"/>
                    </a:lnTo>
                    <a:lnTo>
                      <a:pt x="1440" y="3550"/>
                    </a:lnTo>
                    <a:lnTo>
                      <a:pt x="1427" y="3554"/>
                    </a:lnTo>
                    <a:lnTo>
                      <a:pt x="1401" y="3561"/>
                    </a:lnTo>
                    <a:lnTo>
                      <a:pt x="1377" y="3567"/>
                    </a:lnTo>
                    <a:lnTo>
                      <a:pt x="1364" y="3568"/>
                    </a:lnTo>
                    <a:lnTo>
                      <a:pt x="1351" y="3571"/>
                    </a:lnTo>
                    <a:lnTo>
                      <a:pt x="1339" y="3571"/>
                    </a:lnTo>
                    <a:lnTo>
                      <a:pt x="1326" y="3572"/>
                    </a:lnTo>
                    <a:lnTo>
                      <a:pt x="1315" y="3571"/>
                    </a:lnTo>
                    <a:lnTo>
                      <a:pt x="1303" y="3568"/>
                    </a:lnTo>
                    <a:lnTo>
                      <a:pt x="1291" y="3566"/>
                    </a:lnTo>
                    <a:lnTo>
                      <a:pt x="1280" y="3561"/>
                    </a:lnTo>
                    <a:lnTo>
                      <a:pt x="1269" y="3554"/>
                    </a:lnTo>
                    <a:lnTo>
                      <a:pt x="1259" y="3546"/>
                    </a:lnTo>
                    <a:lnTo>
                      <a:pt x="1250" y="3537"/>
                    </a:lnTo>
                    <a:lnTo>
                      <a:pt x="1241" y="3526"/>
                    </a:lnTo>
                    <a:lnTo>
                      <a:pt x="1236" y="3518"/>
                    </a:lnTo>
                    <a:lnTo>
                      <a:pt x="1229" y="3510"/>
                    </a:lnTo>
                    <a:lnTo>
                      <a:pt x="1221" y="3502"/>
                    </a:lnTo>
                    <a:lnTo>
                      <a:pt x="1214" y="3496"/>
                    </a:lnTo>
                    <a:lnTo>
                      <a:pt x="1204" y="3491"/>
                    </a:lnTo>
                    <a:lnTo>
                      <a:pt x="1195" y="3488"/>
                    </a:lnTo>
                    <a:lnTo>
                      <a:pt x="1190" y="3487"/>
                    </a:lnTo>
                    <a:lnTo>
                      <a:pt x="1185" y="3487"/>
                    </a:lnTo>
                    <a:lnTo>
                      <a:pt x="1180" y="3487"/>
                    </a:lnTo>
                    <a:lnTo>
                      <a:pt x="1175" y="3488"/>
                    </a:lnTo>
                    <a:lnTo>
                      <a:pt x="1168" y="3491"/>
                    </a:lnTo>
                    <a:lnTo>
                      <a:pt x="1163" y="3495"/>
                    </a:lnTo>
                    <a:lnTo>
                      <a:pt x="1159" y="3500"/>
                    </a:lnTo>
                    <a:lnTo>
                      <a:pt x="1157" y="3508"/>
                    </a:lnTo>
                    <a:lnTo>
                      <a:pt x="1153" y="3523"/>
                    </a:lnTo>
                    <a:lnTo>
                      <a:pt x="1150" y="3540"/>
                    </a:lnTo>
                    <a:lnTo>
                      <a:pt x="1149" y="3558"/>
                    </a:lnTo>
                    <a:lnTo>
                      <a:pt x="1146" y="3575"/>
                    </a:lnTo>
                    <a:lnTo>
                      <a:pt x="1145" y="3581"/>
                    </a:lnTo>
                    <a:lnTo>
                      <a:pt x="1142" y="3588"/>
                    </a:lnTo>
                    <a:lnTo>
                      <a:pt x="1138" y="3593"/>
                    </a:lnTo>
                    <a:lnTo>
                      <a:pt x="1134" y="3597"/>
                    </a:lnTo>
                    <a:lnTo>
                      <a:pt x="1127" y="3601"/>
                    </a:lnTo>
                    <a:lnTo>
                      <a:pt x="1119" y="3602"/>
                    </a:lnTo>
                    <a:lnTo>
                      <a:pt x="1110" y="3602"/>
                    </a:lnTo>
                    <a:lnTo>
                      <a:pt x="1102" y="3601"/>
                    </a:lnTo>
                    <a:lnTo>
                      <a:pt x="1094" y="3598"/>
                    </a:lnTo>
                    <a:lnTo>
                      <a:pt x="1085" y="3596"/>
                    </a:lnTo>
                    <a:lnTo>
                      <a:pt x="1077" y="3590"/>
                    </a:lnTo>
                    <a:lnTo>
                      <a:pt x="1070" y="3585"/>
                    </a:lnTo>
                    <a:lnTo>
                      <a:pt x="1039" y="3563"/>
                    </a:lnTo>
                    <a:lnTo>
                      <a:pt x="1013" y="3544"/>
                    </a:lnTo>
                    <a:lnTo>
                      <a:pt x="997" y="3532"/>
                    </a:lnTo>
                    <a:lnTo>
                      <a:pt x="976" y="3513"/>
                    </a:lnTo>
                    <a:lnTo>
                      <a:pt x="956" y="3493"/>
                    </a:lnTo>
                    <a:lnTo>
                      <a:pt x="941" y="3478"/>
                    </a:lnTo>
                    <a:lnTo>
                      <a:pt x="886" y="3488"/>
                    </a:lnTo>
                    <a:lnTo>
                      <a:pt x="886" y="3488"/>
                    </a:lnTo>
                    <a:lnTo>
                      <a:pt x="878" y="3449"/>
                    </a:lnTo>
                    <a:lnTo>
                      <a:pt x="800" y="3374"/>
                    </a:lnTo>
                    <a:lnTo>
                      <a:pt x="787" y="3364"/>
                    </a:lnTo>
                    <a:lnTo>
                      <a:pt x="774" y="3356"/>
                    </a:lnTo>
                    <a:lnTo>
                      <a:pt x="760" y="3350"/>
                    </a:lnTo>
                    <a:lnTo>
                      <a:pt x="745" y="3344"/>
                    </a:lnTo>
                    <a:lnTo>
                      <a:pt x="729" y="3339"/>
                    </a:lnTo>
                    <a:lnTo>
                      <a:pt x="713" y="3335"/>
                    </a:lnTo>
                    <a:lnTo>
                      <a:pt x="699" y="3329"/>
                    </a:lnTo>
                    <a:lnTo>
                      <a:pt x="684" y="3322"/>
                    </a:lnTo>
                    <a:lnTo>
                      <a:pt x="664" y="3308"/>
                    </a:lnTo>
                    <a:lnTo>
                      <a:pt x="646" y="3293"/>
                    </a:lnTo>
                    <a:lnTo>
                      <a:pt x="636" y="3285"/>
                    </a:lnTo>
                    <a:lnTo>
                      <a:pt x="625" y="3278"/>
                    </a:lnTo>
                    <a:lnTo>
                      <a:pt x="619" y="3277"/>
                    </a:lnTo>
                    <a:lnTo>
                      <a:pt x="614" y="3274"/>
                    </a:lnTo>
                    <a:lnTo>
                      <a:pt x="607" y="3274"/>
                    </a:lnTo>
                    <a:lnTo>
                      <a:pt x="601" y="3273"/>
                    </a:lnTo>
                    <a:lnTo>
                      <a:pt x="590" y="3274"/>
                    </a:lnTo>
                    <a:lnTo>
                      <a:pt x="581" y="3277"/>
                    </a:lnTo>
                    <a:lnTo>
                      <a:pt x="575" y="3281"/>
                    </a:lnTo>
                    <a:lnTo>
                      <a:pt x="570" y="3286"/>
                    </a:lnTo>
                    <a:lnTo>
                      <a:pt x="566" y="3293"/>
                    </a:lnTo>
                    <a:lnTo>
                      <a:pt x="563" y="3299"/>
                    </a:lnTo>
                    <a:lnTo>
                      <a:pt x="562" y="3307"/>
                    </a:lnTo>
                    <a:lnTo>
                      <a:pt x="562" y="3316"/>
                    </a:lnTo>
                    <a:lnTo>
                      <a:pt x="566" y="3352"/>
                    </a:lnTo>
                    <a:lnTo>
                      <a:pt x="568" y="3385"/>
                    </a:lnTo>
                    <a:lnTo>
                      <a:pt x="564" y="3390"/>
                    </a:lnTo>
                    <a:lnTo>
                      <a:pt x="562" y="3395"/>
                    </a:lnTo>
                    <a:lnTo>
                      <a:pt x="557" y="3400"/>
                    </a:lnTo>
                    <a:lnTo>
                      <a:pt x="552" y="3405"/>
                    </a:lnTo>
                    <a:lnTo>
                      <a:pt x="545" y="3409"/>
                    </a:lnTo>
                    <a:lnTo>
                      <a:pt x="537" y="3412"/>
                    </a:lnTo>
                    <a:lnTo>
                      <a:pt x="529" y="3412"/>
                    </a:lnTo>
                    <a:lnTo>
                      <a:pt x="520" y="3410"/>
                    </a:lnTo>
                    <a:lnTo>
                      <a:pt x="513" y="3407"/>
                    </a:lnTo>
                    <a:lnTo>
                      <a:pt x="504" y="3403"/>
                    </a:lnTo>
                    <a:lnTo>
                      <a:pt x="495" y="3399"/>
                    </a:lnTo>
                    <a:lnTo>
                      <a:pt x="485" y="3392"/>
                    </a:lnTo>
                    <a:lnTo>
                      <a:pt x="469" y="3382"/>
                    </a:lnTo>
                    <a:lnTo>
                      <a:pt x="452" y="3370"/>
                    </a:lnTo>
                    <a:lnTo>
                      <a:pt x="443" y="3366"/>
                    </a:lnTo>
                    <a:lnTo>
                      <a:pt x="435" y="3362"/>
                    </a:lnTo>
                    <a:lnTo>
                      <a:pt x="428" y="3360"/>
                    </a:lnTo>
                    <a:lnTo>
                      <a:pt x="421" y="3360"/>
                    </a:lnTo>
                    <a:lnTo>
                      <a:pt x="409" y="3360"/>
                    </a:lnTo>
                    <a:lnTo>
                      <a:pt x="399" y="3362"/>
                    </a:lnTo>
                    <a:lnTo>
                      <a:pt x="387" y="3365"/>
                    </a:lnTo>
                    <a:lnTo>
                      <a:pt x="375" y="3368"/>
                    </a:lnTo>
                    <a:lnTo>
                      <a:pt x="353" y="3374"/>
                    </a:lnTo>
                    <a:lnTo>
                      <a:pt x="331" y="3378"/>
                    </a:lnTo>
                    <a:lnTo>
                      <a:pt x="323" y="3378"/>
                    </a:lnTo>
                    <a:lnTo>
                      <a:pt x="316" y="3375"/>
                    </a:lnTo>
                    <a:lnTo>
                      <a:pt x="309" y="3373"/>
                    </a:lnTo>
                    <a:lnTo>
                      <a:pt x="303" y="3369"/>
                    </a:lnTo>
                    <a:lnTo>
                      <a:pt x="298" y="3364"/>
                    </a:lnTo>
                    <a:lnTo>
                      <a:pt x="294" y="3357"/>
                    </a:lnTo>
                    <a:lnTo>
                      <a:pt x="289" y="3351"/>
                    </a:lnTo>
                    <a:lnTo>
                      <a:pt x="286" y="3343"/>
                    </a:lnTo>
                    <a:lnTo>
                      <a:pt x="286" y="3343"/>
                    </a:lnTo>
                    <a:lnTo>
                      <a:pt x="282" y="3334"/>
                    </a:lnTo>
                    <a:lnTo>
                      <a:pt x="279" y="3324"/>
                    </a:lnTo>
                    <a:lnTo>
                      <a:pt x="278" y="3315"/>
                    </a:lnTo>
                    <a:lnTo>
                      <a:pt x="277" y="3304"/>
                    </a:lnTo>
                    <a:lnTo>
                      <a:pt x="276" y="3295"/>
                    </a:lnTo>
                    <a:lnTo>
                      <a:pt x="276" y="3286"/>
                    </a:lnTo>
                    <a:lnTo>
                      <a:pt x="277" y="3278"/>
                    </a:lnTo>
                    <a:lnTo>
                      <a:pt x="278" y="3271"/>
                    </a:lnTo>
                    <a:lnTo>
                      <a:pt x="286" y="3233"/>
                    </a:lnTo>
                    <a:lnTo>
                      <a:pt x="291" y="3198"/>
                    </a:lnTo>
                    <a:lnTo>
                      <a:pt x="294" y="3181"/>
                    </a:lnTo>
                    <a:lnTo>
                      <a:pt x="298" y="3164"/>
                    </a:lnTo>
                    <a:lnTo>
                      <a:pt x="304" y="3147"/>
                    </a:lnTo>
                    <a:lnTo>
                      <a:pt x="313" y="3131"/>
                    </a:lnTo>
                    <a:lnTo>
                      <a:pt x="330" y="3105"/>
                    </a:lnTo>
                    <a:lnTo>
                      <a:pt x="347" y="3080"/>
                    </a:lnTo>
                    <a:lnTo>
                      <a:pt x="355" y="3068"/>
                    </a:lnTo>
                    <a:lnTo>
                      <a:pt x="362" y="3054"/>
                    </a:lnTo>
                    <a:lnTo>
                      <a:pt x="368" y="3040"/>
                    </a:lnTo>
                    <a:lnTo>
                      <a:pt x="373" y="3024"/>
                    </a:lnTo>
                    <a:lnTo>
                      <a:pt x="377" y="3008"/>
                    </a:lnTo>
                    <a:lnTo>
                      <a:pt x="381" y="2993"/>
                    </a:lnTo>
                    <a:lnTo>
                      <a:pt x="386" y="2979"/>
                    </a:lnTo>
                    <a:lnTo>
                      <a:pt x="392" y="2965"/>
                    </a:lnTo>
                    <a:lnTo>
                      <a:pt x="399" y="2952"/>
                    </a:lnTo>
                    <a:lnTo>
                      <a:pt x="406" y="2940"/>
                    </a:lnTo>
                    <a:lnTo>
                      <a:pt x="414" y="2929"/>
                    </a:lnTo>
                    <a:lnTo>
                      <a:pt x="422" y="2917"/>
                    </a:lnTo>
                    <a:lnTo>
                      <a:pt x="440" y="2894"/>
                    </a:lnTo>
                    <a:lnTo>
                      <a:pt x="460" y="2872"/>
                    </a:lnTo>
                    <a:lnTo>
                      <a:pt x="482" y="2849"/>
                    </a:lnTo>
                    <a:lnTo>
                      <a:pt x="504" y="2826"/>
                    </a:lnTo>
                    <a:lnTo>
                      <a:pt x="523" y="2804"/>
                    </a:lnTo>
                    <a:lnTo>
                      <a:pt x="541" y="2780"/>
                    </a:lnTo>
                    <a:lnTo>
                      <a:pt x="557" y="2756"/>
                    </a:lnTo>
                    <a:lnTo>
                      <a:pt x="571" y="2732"/>
                    </a:lnTo>
                    <a:lnTo>
                      <a:pt x="541" y="2704"/>
                    </a:lnTo>
                    <a:lnTo>
                      <a:pt x="523" y="2693"/>
                    </a:lnTo>
                    <a:lnTo>
                      <a:pt x="505" y="2682"/>
                    </a:lnTo>
                    <a:lnTo>
                      <a:pt x="484" y="2672"/>
                    </a:lnTo>
                    <a:lnTo>
                      <a:pt x="465" y="2663"/>
                    </a:lnTo>
                    <a:lnTo>
                      <a:pt x="444" y="2655"/>
                    </a:lnTo>
                    <a:lnTo>
                      <a:pt x="423" y="2647"/>
                    </a:lnTo>
                    <a:lnTo>
                      <a:pt x="403" y="2641"/>
                    </a:lnTo>
                    <a:lnTo>
                      <a:pt x="382" y="2636"/>
                    </a:lnTo>
                    <a:lnTo>
                      <a:pt x="369" y="2632"/>
                    </a:lnTo>
                    <a:lnTo>
                      <a:pt x="358" y="2628"/>
                    </a:lnTo>
                    <a:lnTo>
                      <a:pt x="348" y="2623"/>
                    </a:lnTo>
                    <a:lnTo>
                      <a:pt x="339" y="2618"/>
                    </a:lnTo>
                    <a:lnTo>
                      <a:pt x="323" y="2605"/>
                    </a:lnTo>
                    <a:lnTo>
                      <a:pt x="308" y="2590"/>
                    </a:lnTo>
                    <a:lnTo>
                      <a:pt x="295" y="2576"/>
                    </a:lnTo>
                    <a:lnTo>
                      <a:pt x="279" y="2562"/>
                    </a:lnTo>
                    <a:lnTo>
                      <a:pt x="272" y="2555"/>
                    </a:lnTo>
                    <a:lnTo>
                      <a:pt x="264" y="2550"/>
                    </a:lnTo>
                    <a:lnTo>
                      <a:pt x="255" y="2545"/>
                    </a:lnTo>
                    <a:lnTo>
                      <a:pt x="246" y="2540"/>
                    </a:lnTo>
                    <a:lnTo>
                      <a:pt x="232" y="2535"/>
                    </a:lnTo>
                    <a:lnTo>
                      <a:pt x="216" y="2531"/>
                    </a:lnTo>
                    <a:lnTo>
                      <a:pt x="200" y="2528"/>
                    </a:lnTo>
                    <a:lnTo>
                      <a:pt x="185" y="2524"/>
                    </a:lnTo>
                    <a:lnTo>
                      <a:pt x="171" y="2520"/>
                    </a:lnTo>
                    <a:lnTo>
                      <a:pt x="158" y="2514"/>
                    </a:lnTo>
                    <a:lnTo>
                      <a:pt x="151" y="2510"/>
                    </a:lnTo>
                    <a:lnTo>
                      <a:pt x="145" y="2506"/>
                    </a:lnTo>
                    <a:lnTo>
                      <a:pt x="140" y="2500"/>
                    </a:lnTo>
                    <a:lnTo>
                      <a:pt x="134" y="2493"/>
                    </a:lnTo>
                    <a:lnTo>
                      <a:pt x="114" y="2465"/>
                    </a:lnTo>
                    <a:lnTo>
                      <a:pt x="94" y="2438"/>
                    </a:lnTo>
                    <a:lnTo>
                      <a:pt x="83" y="2425"/>
                    </a:lnTo>
                    <a:lnTo>
                      <a:pt x="71" y="2412"/>
                    </a:lnTo>
                    <a:lnTo>
                      <a:pt x="59" y="2399"/>
                    </a:lnTo>
                    <a:lnTo>
                      <a:pt x="45" y="2387"/>
                    </a:lnTo>
                    <a:lnTo>
                      <a:pt x="45" y="2387"/>
                    </a:lnTo>
                    <a:lnTo>
                      <a:pt x="46" y="2381"/>
                    </a:lnTo>
                    <a:lnTo>
                      <a:pt x="48" y="2373"/>
                    </a:lnTo>
                    <a:lnTo>
                      <a:pt x="49" y="2366"/>
                    </a:lnTo>
                    <a:lnTo>
                      <a:pt x="51" y="2360"/>
                    </a:lnTo>
                    <a:lnTo>
                      <a:pt x="57" y="2348"/>
                    </a:lnTo>
                    <a:lnTo>
                      <a:pt x="63" y="2337"/>
                    </a:lnTo>
                    <a:lnTo>
                      <a:pt x="68" y="2325"/>
                    </a:lnTo>
                    <a:lnTo>
                      <a:pt x="73" y="2312"/>
                    </a:lnTo>
                    <a:lnTo>
                      <a:pt x="75" y="2305"/>
                    </a:lnTo>
                    <a:lnTo>
                      <a:pt x="75" y="2298"/>
                    </a:lnTo>
                    <a:lnTo>
                      <a:pt x="75" y="2290"/>
                    </a:lnTo>
                    <a:lnTo>
                      <a:pt x="73" y="2281"/>
                    </a:lnTo>
                    <a:lnTo>
                      <a:pt x="71" y="2272"/>
                    </a:lnTo>
                    <a:lnTo>
                      <a:pt x="67" y="2263"/>
                    </a:lnTo>
                    <a:lnTo>
                      <a:pt x="63" y="2255"/>
                    </a:lnTo>
                    <a:lnTo>
                      <a:pt x="57" y="2247"/>
                    </a:lnTo>
                    <a:lnTo>
                      <a:pt x="45" y="2233"/>
                    </a:lnTo>
                    <a:lnTo>
                      <a:pt x="32" y="2219"/>
                    </a:lnTo>
                    <a:lnTo>
                      <a:pt x="19" y="2204"/>
                    </a:lnTo>
                    <a:lnTo>
                      <a:pt x="9" y="2189"/>
                    </a:lnTo>
                    <a:lnTo>
                      <a:pt x="5" y="2181"/>
                    </a:lnTo>
                    <a:lnTo>
                      <a:pt x="2" y="2173"/>
                    </a:lnTo>
                    <a:lnTo>
                      <a:pt x="0" y="2163"/>
                    </a:lnTo>
                    <a:lnTo>
                      <a:pt x="0" y="2154"/>
                    </a:lnTo>
                    <a:lnTo>
                      <a:pt x="1" y="2132"/>
                    </a:lnTo>
                    <a:lnTo>
                      <a:pt x="4" y="2109"/>
                    </a:lnTo>
                    <a:lnTo>
                      <a:pt x="4" y="2097"/>
                    </a:lnTo>
                    <a:lnTo>
                      <a:pt x="5" y="2085"/>
                    </a:lnTo>
                    <a:lnTo>
                      <a:pt x="5" y="2074"/>
                    </a:lnTo>
                    <a:lnTo>
                      <a:pt x="4" y="2063"/>
                    </a:lnTo>
                    <a:lnTo>
                      <a:pt x="4" y="2063"/>
                    </a:lnTo>
                    <a:lnTo>
                      <a:pt x="31" y="2035"/>
                    </a:lnTo>
                    <a:lnTo>
                      <a:pt x="40" y="2018"/>
                    </a:lnTo>
                    <a:lnTo>
                      <a:pt x="49" y="2001"/>
                    </a:lnTo>
                    <a:lnTo>
                      <a:pt x="55" y="1984"/>
                    </a:lnTo>
                    <a:lnTo>
                      <a:pt x="61" y="1969"/>
                    </a:lnTo>
                    <a:lnTo>
                      <a:pt x="66" y="1952"/>
                    </a:lnTo>
                    <a:lnTo>
                      <a:pt x="67" y="1935"/>
                    </a:lnTo>
                    <a:lnTo>
                      <a:pt x="68" y="1916"/>
                    </a:lnTo>
                    <a:lnTo>
                      <a:pt x="66" y="1896"/>
                    </a:lnTo>
                    <a:lnTo>
                      <a:pt x="62" y="1879"/>
                    </a:lnTo>
                    <a:lnTo>
                      <a:pt x="57" y="1864"/>
                    </a:lnTo>
                    <a:lnTo>
                      <a:pt x="49" y="1849"/>
                    </a:lnTo>
                    <a:lnTo>
                      <a:pt x="40" y="1835"/>
                    </a:lnTo>
                    <a:lnTo>
                      <a:pt x="31" y="1821"/>
                    </a:lnTo>
                    <a:lnTo>
                      <a:pt x="23" y="1807"/>
                    </a:lnTo>
                    <a:lnTo>
                      <a:pt x="16" y="1792"/>
                    </a:lnTo>
                    <a:lnTo>
                      <a:pt x="11" y="1777"/>
                    </a:lnTo>
                    <a:lnTo>
                      <a:pt x="11" y="1777"/>
                    </a:lnTo>
                    <a:lnTo>
                      <a:pt x="19" y="1767"/>
                    </a:lnTo>
                    <a:lnTo>
                      <a:pt x="24" y="1755"/>
                    </a:lnTo>
                    <a:lnTo>
                      <a:pt x="31" y="1745"/>
                    </a:lnTo>
                    <a:lnTo>
                      <a:pt x="35" y="1734"/>
                    </a:lnTo>
                    <a:lnTo>
                      <a:pt x="44" y="1712"/>
                    </a:lnTo>
                    <a:lnTo>
                      <a:pt x="50" y="1689"/>
                    </a:lnTo>
                    <a:lnTo>
                      <a:pt x="57" y="1667"/>
                    </a:lnTo>
                    <a:lnTo>
                      <a:pt x="63" y="1643"/>
                    </a:lnTo>
                    <a:lnTo>
                      <a:pt x="71" y="1621"/>
                    </a:lnTo>
                    <a:lnTo>
                      <a:pt x="80" y="1598"/>
                    </a:lnTo>
                    <a:lnTo>
                      <a:pt x="90" y="1580"/>
                    </a:lnTo>
                    <a:lnTo>
                      <a:pt x="102" y="1564"/>
                    </a:lnTo>
                    <a:lnTo>
                      <a:pt x="114" y="1549"/>
                    </a:lnTo>
                    <a:lnTo>
                      <a:pt x="125" y="1532"/>
                    </a:lnTo>
                    <a:lnTo>
                      <a:pt x="128" y="1527"/>
                    </a:lnTo>
                    <a:lnTo>
                      <a:pt x="130" y="1523"/>
                    </a:lnTo>
                    <a:lnTo>
                      <a:pt x="132" y="1518"/>
                    </a:lnTo>
                    <a:lnTo>
                      <a:pt x="132" y="1513"/>
                    </a:lnTo>
                    <a:lnTo>
                      <a:pt x="132" y="1501"/>
                    </a:lnTo>
                    <a:lnTo>
                      <a:pt x="129" y="1491"/>
                    </a:lnTo>
                    <a:lnTo>
                      <a:pt x="121" y="1470"/>
                    </a:lnTo>
                    <a:lnTo>
                      <a:pt x="111" y="1450"/>
                    </a:lnTo>
                    <a:lnTo>
                      <a:pt x="111" y="1445"/>
                    </a:lnTo>
                    <a:lnTo>
                      <a:pt x="108" y="1440"/>
                    </a:lnTo>
                    <a:lnTo>
                      <a:pt x="105" y="1435"/>
                    </a:lnTo>
                    <a:lnTo>
                      <a:pt x="102" y="1430"/>
                    </a:lnTo>
                    <a:lnTo>
                      <a:pt x="93" y="1421"/>
                    </a:lnTo>
                    <a:lnTo>
                      <a:pt x="85" y="1412"/>
                    </a:lnTo>
                    <a:lnTo>
                      <a:pt x="81" y="1408"/>
                    </a:lnTo>
                    <a:lnTo>
                      <a:pt x="79" y="1403"/>
                    </a:lnTo>
                    <a:lnTo>
                      <a:pt x="76" y="1399"/>
                    </a:lnTo>
                    <a:lnTo>
                      <a:pt x="75" y="1393"/>
                    </a:lnTo>
                    <a:lnTo>
                      <a:pt x="75" y="1387"/>
                    </a:lnTo>
                    <a:lnTo>
                      <a:pt x="76" y="1382"/>
                    </a:lnTo>
                    <a:lnTo>
                      <a:pt x="79" y="1375"/>
                    </a:lnTo>
                    <a:lnTo>
                      <a:pt x="84" y="1369"/>
                    </a:lnTo>
                    <a:lnTo>
                      <a:pt x="89" y="1362"/>
                    </a:lnTo>
                    <a:lnTo>
                      <a:pt x="94" y="1357"/>
                    </a:lnTo>
                    <a:lnTo>
                      <a:pt x="99" y="1352"/>
                    </a:lnTo>
                    <a:lnTo>
                      <a:pt x="106" y="1349"/>
                    </a:lnTo>
                    <a:lnTo>
                      <a:pt x="116" y="1343"/>
                    </a:lnTo>
                    <a:lnTo>
                      <a:pt x="128" y="1340"/>
                    </a:lnTo>
                    <a:lnTo>
                      <a:pt x="152" y="1336"/>
                    </a:lnTo>
                    <a:lnTo>
                      <a:pt x="180" y="1333"/>
                    </a:lnTo>
                    <a:lnTo>
                      <a:pt x="194" y="1330"/>
                    </a:lnTo>
                    <a:lnTo>
                      <a:pt x="207" y="1327"/>
                    </a:lnTo>
                    <a:lnTo>
                      <a:pt x="219" y="1326"/>
                    </a:lnTo>
                    <a:lnTo>
                      <a:pt x="230" y="1326"/>
                    </a:lnTo>
                    <a:lnTo>
                      <a:pt x="254" y="1326"/>
                    </a:lnTo>
                    <a:lnTo>
                      <a:pt x="276" y="1326"/>
                    </a:lnTo>
                    <a:lnTo>
                      <a:pt x="287" y="1325"/>
                    </a:lnTo>
                    <a:lnTo>
                      <a:pt x="298" y="1323"/>
                    </a:lnTo>
                    <a:lnTo>
                      <a:pt x="309" y="1322"/>
                    </a:lnTo>
                    <a:lnTo>
                      <a:pt x="320" y="1318"/>
                    </a:lnTo>
                    <a:lnTo>
                      <a:pt x="331" y="1314"/>
                    </a:lnTo>
                    <a:lnTo>
                      <a:pt x="343" y="1308"/>
                    </a:lnTo>
                    <a:lnTo>
                      <a:pt x="356" y="1301"/>
                    </a:lnTo>
                    <a:lnTo>
                      <a:pt x="368" y="1291"/>
                    </a:lnTo>
                    <a:lnTo>
                      <a:pt x="375" y="1285"/>
                    </a:lnTo>
                    <a:lnTo>
                      <a:pt x="379" y="1278"/>
                    </a:lnTo>
                    <a:lnTo>
                      <a:pt x="382" y="1273"/>
                    </a:lnTo>
                    <a:lnTo>
                      <a:pt x="382" y="1267"/>
                    </a:lnTo>
                    <a:lnTo>
                      <a:pt x="379" y="1254"/>
                    </a:lnTo>
                    <a:lnTo>
                      <a:pt x="374" y="1241"/>
                    </a:lnTo>
                    <a:lnTo>
                      <a:pt x="371" y="1235"/>
                    </a:lnTo>
                    <a:lnTo>
                      <a:pt x="370" y="1229"/>
                    </a:lnTo>
                    <a:lnTo>
                      <a:pt x="370" y="1222"/>
                    </a:lnTo>
                    <a:lnTo>
                      <a:pt x="370" y="1217"/>
                    </a:lnTo>
                    <a:lnTo>
                      <a:pt x="373" y="1211"/>
                    </a:lnTo>
                    <a:lnTo>
                      <a:pt x="378" y="1206"/>
                    </a:lnTo>
                    <a:lnTo>
                      <a:pt x="384" y="1200"/>
                    </a:lnTo>
                    <a:lnTo>
                      <a:pt x="395" y="1195"/>
                    </a:lnTo>
                    <a:lnTo>
                      <a:pt x="405" y="1190"/>
                    </a:lnTo>
                    <a:lnTo>
                      <a:pt x="414" y="1184"/>
                    </a:lnTo>
                    <a:lnTo>
                      <a:pt x="422" y="1178"/>
                    </a:lnTo>
                    <a:lnTo>
                      <a:pt x="428" y="1173"/>
                    </a:lnTo>
                    <a:lnTo>
                      <a:pt x="434" y="1167"/>
                    </a:lnTo>
                    <a:lnTo>
                      <a:pt x="439" y="1160"/>
                    </a:lnTo>
                    <a:lnTo>
                      <a:pt x="441" y="1154"/>
                    </a:lnTo>
                    <a:lnTo>
                      <a:pt x="445" y="1147"/>
                    </a:lnTo>
                    <a:lnTo>
                      <a:pt x="453" y="1116"/>
                    </a:lnTo>
                    <a:lnTo>
                      <a:pt x="460" y="1077"/>
                    </a:lnTo>
                    <a:lnTo>
                      <a:pt x="460" y="1072"/>
                    </a:lnTo>
                    <a:lnTo>
                      <a:pt x="460" y="1068"/>
                    </a:lnTo>
                    <a:lnTo>
                      <a:pt x="457" y="1064"/>
                    </a:lnTo>
                    <a:lnTo>
                      <a:pt x="454" y="1062"/>
                    </a:lnTo>
                    <a:lnTo>
                      <a:pt x="447" y="1059"/>
                    </a:lnTo>
                    <a:lnTo>
                      <a:pt x="439" y="1057"/>
                    </a:lnTo>
                    <a:lnTo>
                      <a:pt x="435" y="1055"/>
                    </a:lnTo>
                    <a:lnTo>
                      <a:pt x="431" y="1054"/>
                    </a:lnTo>
                    <a:lnTo>
                      <a:pt x="427" y="1051"/>
                    </a:lnTo>
                    <a:lnTo>
                      <a:pt x="425" y="1048"/>
                    </a:lnTo>
                    <a:lnTo>
                      <a:pt x="423" y="1044"/>
                    </a:lnTo>
                    <a:lnTo>
                      <a:pt x="422" y="1039"/>
                    </a:lnTo>
                    <a:lnTo>
                      <a:pt x="422" y="1032"/>
                    </a:lnTo>
                    <a:lnTo>
                      <a:pt x="425" y="1024"/>
                    </a:lnTo>
                    <a:lnTo>
                      <a:pt x="428" y="1013"/>
                    </a:lnTo>
                    <a:lnTo>
                      <a:pt x="432" y="1002"/>
                    </a:lnTo>
                    <a:lnTo>
                      <a:pt x="436" y="996"/>
                    </a:lnTo>
                    <a:lnTo>
                      <a:pt x="440" y="989"/>
                    </a:lnTo>
                    <a:lnTo>
                      <a:pt x="445" y="984"/>
                    </a:lnTo>
                    <a:lnTo>
                      <a:pt x="452" y="980"/>
                    </a:lnTo>
                    <a:lnTo>
                      <a:pt x="460" y="975"/>
                    </a:lnTo>
                    <a:lnTo>
                      <a:pt x="469" y="970"/>
                    </a:lnTo>
                    <a:lnTo>
                      <a:pt x="484" y="962"/>
                    </a:lnTo>
                    <a:lnTo>
                      <a:pt x="496" y="952"/>
                    </a:lnTo>
                    <a:lnTo>
                      <a:pt x="505" y="940"/>
                    </a:lnTo>
                    <a:lnTo>
                      <a:pt x="513" y="928"/>
                    </a:lnTo>
                    <a:lnTo>
                      <a:pt x="519" y="915"/>
                    </a:lnTo>
                    <a:lnTo>
                      <a:pt x="526" y="901"/>
                    </a:lnTo>
                    <a:lnTo>
                      <a:pt x="529" y="887"/>
                    </a:lnTo>
                    <a:lnTo>
                      <a:pt x="533" y="870"/>
                    </a:lnTo>
                    <a:lnTo>
                      <a:pt x="566" y="764"/>
                    </a:lnTo>
                    <a:lnTo>
                      <a:pt x="566" y="763"/>
                    </a:lnTo>
                    <a:lnTo>
                      <a:pt x="571" y="764"/>
                    </a:lnTo>
                    <a:lnTo>
                      <a:pt x="576" y="763"/>
                    </a:lnTo>
                    <a:lnTo>
                      <a:pt x="581" y="760"/>
                    </a:lnTo>
                    <a:lnTo>
                      <a:pt x="585" y="755"/>
                    </a:lnTo>
                    <a:lnTo>
                      <a:pt x="589" y="748"/>
                    </a:lnTo>
                    <a:lnTo>
                      <a:pt x="593" y="739"/>
                    </a:lnTo>
                    <a:lnTo>
                      <a:pt x="597" y="729"/>
                    </a:lnTo>
                    <a:lnTo>
                      <a:pt x="599" y="716"/>
                    </a:lnTo>
                    <a:lnTo>
                      <a:pt x="601" y="715"/>
                    </a:lnTo>
                    <a:lnTo>
                      <a:pt x="602" y="712"/>
                    </a:lnTo>
                    <a:lnTo>
                      <a:pt x="586" y="711"/>
                    </a:lnTo>
                    <a:lnTo>
                      <a:pt x="568" y="711"/>
                    </a:lnTo>
                    <a:lnTo>
                      <a:pt x="559" y="709"/>
                    </a:lnTo>
                    <a:lnTo>
                      <a:pt x="553" y="707"/>
                    </a:lnTo>
                    <a:lnTo>
                      <a:pt x="550" y="704"/>
                    </a:lnTo>
                    <a:lnTo>
                      <a:pt x="548" y="702"/>
                    </a:lnTo>
                    <a:lnTo>
                      <a:pt x="548" y="699"/>
                    </a:lnTo>
                    <a:lnTo>
                      <a:pt x="548" y="695"/>
                    </a:lnTo>
                    <a:lnTo>
                      <a:pt x="550" y="678"/>
                    </a:lnTo>
                    <a:lnTo>
                      <a:pt x="552" y="659"/>
                    </a:lnTo>
                    <a:lnTo>
                      <a:pt x="553" y="641"/>
                    </a:lnTo>
                    <a:lnTo>
                      <a:pt x="555" y="627"/>
                    </a:lnTo>
                    <a:lnTo>
                      <a:pt x="572" y="627"/>
                    </a:lnTo>
                    <a:lnTo>
                      <a:pt x="584" y="628"/>
                    </a:lnTo>
                    <a:lnTo>
                      <a:pt x="590" y="627"/>
                    </a:lnTo>
                    <a:lnTo>
                      <a:pt x="594" y="624"/>
                    </a:lnTo>
                    <a:lnTo>
                      <a:pt x="594" y="620"/>
                    </a:lnTo>
                    <a:lnTo>
                      <a:pt x="593" y="612"/>
                    </a:lnTo>
                    <a:lnTo>
                      <a:pt x="590" y="602"/>
                    </a:lnTo>
                    <a:lnTo>
                      <a:pt x="586" y="588"/>
                    </a:lnTo>
                    <a:lnTo>
                      <a:pt x="585" y="577"/>
                    </a:lnTo>
                    <a:lnTo>
                      <a:pt x="585" y="570"/>
                    </a:lnTo>
                    <a:lnTo>
                      <a:pt x="585" y="564"/>
                    </a:lnTo>
                    <a:lnTo>
                      <a:pt x="588" y="559"/>
                    </a:lnTo>
                    <a:lnTo>
                      <a:pt x="590" y="557"/>
                    </a:lnTo>
                    <a:lnTo>
                      <a:pt x="594" y="554"/>
                    </a:lnTo>
                    <a:lnTo>
                      <a:pt x="598" y="553"/>
                    </a:lnTo>
                    <a:lnTo>
                      <a:pt x="602" y="553"/>
                    </a:lnTo>
                    <a:lnTo>
                      <a:pt x="614" y="554"/>
                    </a:lnTo>
                    <a:lnTo>
                      <a:pt x="625" y="554"/>
                    </a:lnTo>
                    <a:lnTo>
                      <a:pt x="638" y="555"/>
                    </a:lnTo>
                    <a:lnTo>
                      <a:pt x="650" y="553"/>
                    </a:lnTo>
                    <a:lnTo>
                      <a:pt x="666" y="553"/>
                    </a:lnTo>
                    <a:lnTo>
                      <a:pt x="694" y="553"/>
                    </a:lnTo>
                    <a:lnTo>
                      <a:pt x="728" y="553"/>
                    </a:lnTo>
                    <a:lnTo>
                      <a:pt x="765" y="555"/>
                    </a:lnTo>
                    <a:lnTo>
                      <a:pt x="802" y="557"/>
                    </a:lnTo>
                    <a:lnTo>
                      <a:pt x="833" y="561"/>
                    </a:lnTo>
                    <a:lnTo>
                      <a:pt x="846" y="563"/>
                    </a:lnTo>
                    <a:lnTo>
                      <a:pt x="856" y="566"/>
                    </a:lnTo>
                    <a:lnTo>
                      <a:pt x="862" y="568"/>
                    </a:lnTo>
                    <a:lnTo>
                      <a:pt x="865" y="572"/>
                    </a:lnTo>
                    <a:lnTo>
                      <a:pt x="866" y="584"/>
                    </a:lnTo>
                    <a:lnTo>
                      <a:pt x="865" y="595"/>
                    </a:lnTo>
                    <a:lnTo>
                      <a:pt x="864" y="607"/>
                    </a:lnTo>
                    <a:lnTo>
                      <a:pt x="861" y="617"/>
                    </a:lnTo>
                    <a:lnTo>
                      <a:pt x="853" y="640"/>
                    </a:lnTo>
                    <a:lnTo>
                      <a:pt x="846" y="660"/>
                    </a:lnTo>
                    <a:lnTo>
                      <a:pt x="843" y="671"/>
                    </a:lnTo>
                    <a:lnTo>
                      <a:pt x="840" y="680"/>
                    </a:lnTo>
                    <a:lnTo>
                      <a:pt x="840" y="687"/>
                    </a:lnTo>
                    <a:lnTo>
                      <a:pt x="840" y="695"/>
                    </a:lnTo>
                    <a:lnTo>
                      <a:pt x="844" y="703"/>
                    </a:lnTo>
                    <a:lnTo>
                      <a:pt x="849" y="709"/>
                    </a:lnTo>
                    <a:lnTo>
                      <a:pt x="857" y="715"/>
                    </a:lnTo>
                    <a:lnTo>
                      <a:pt x="869" y="719"/>
                    </a:lnTo>
                    <a:lnTo>
                      <a:pt x="881" y="722"/>
                    </a:lnTo>
                    <a:lnTo>
                      <a:pt x="888" y="724"/>
                    </a:lnTo>
                    <a:lnTo>
                      <a:pt x="895" y="724"/>
                    </a:lnTo>
                    <a:lnTo>
                      <a:pt x="900" y="722"/>
                    </a:lnTo>
                    <a:lnTo>
                      <a:pt x="901" y="720"/>
                    </a:lnTo>
                    <a:lnTo>
                      <a:pt x="903" y="717"/>
                    </a:lnTo>
                    <a:lnTo>
                      <a:pt x="903" y="712"/>
                    </a:lnTo>
                    <a:lnTo>
                      <a:pt x="901" y="708"/>
                    </a:lnTo>
                    <a:lnTo>
                      <a:pt x="897" y="697"/>
                    </a:lnTo>
                    <a:lnTo>
                      <a:pt x="895" y="685"/>
                    </a:lnTo>
                    <a:lnTo>
                      <a:pt x="894" y="678"/>
                    </a:lnTo>
                    <a:lnTo>
                      <a:pt x="894" y="673"/>
                    </a:lnTo>
                    <a:lnTo>
                      <a:pt x="896" y="668"/>
                    </a:lnTo>
                    <a:lnTo>
                      <a:pt x="899" y="663"/>
                    </a:lnTo>
                    <a:lnTo>
                      <a:pt x="912" y="642"/>
                    </a:lnTo>
                    <a:lnTo>
                      <a:pt x="926" y="623"/>
                    </a:lnTo>
                    <a:lnTo>
                      <a:pt x="930" y="620"/>
                    </a:lnTo>
                    <a:lnTo>
                      <a:pt x="934" y="617"/>
                    </a:lnTo>
                    <a:lnTo>
                      <a:pt x="938" y="617"/>
                    </a:lnTo>
                    <a:lnTo>
                      <a:pt x="941" y="620"/>
                    </a:lnTo>
                    <a:lnTo>
                      <a:pt x="945" y="624"/>
                    </a:lnTo>
                    <a:lnTo>
                      <a:pt x="951" y="630"/>
                    </a:lnTo>
                    <a:lnTo>
                      <a:pt x="954" y="638"/>
                    </a:lnTo>
                    <a:lnTo>
                      <a:pt x="960" y="650"/>
                    </a:lnTo>
                    <a:lnTo>
                      <a:pt x="961" y="664"/>
                    </a:lnTo>
                    <a:lnTo>
                      <a:pt x="961" y="686"/>
                    </a:lnTo>
                    <a:lnTo>
                      <a:pt x="961" y="715"/>
                    </a:lnTo>
                    <a:lnTo>
                      <a:pt x="960" y="744"/>
                    </a:lnTo>
                    <a:lnTo>
                      <a:pt x="957" y="773"/>
                    </a:lnTo>
                    <a:lnTo>
                      <a:pt x="957" y="796"/>
                    </a:lnTo>
                    <a:lnTo>
                      <a:pt x="956" y="809"/>
                    </a:lnTo>
                    <a:lnTo>
                      <a:pt x="957" y="811"/>
                    </a:lnTo>
                    <a:lnTo>
                      <a:pt x="963" y="786"/>
                    </a:lnTo>
                    <a:lnTo>
                      <a:pt x="970" y="756"/>
                    </a:lnTo>
                    <a:lnTo>
                      <a:pt x="976" y="724"/>
                    </a:lnTo>
                    <a:lnTo>
                      <a:pt x="982" y="689"/>
                    </a:lnTo>
                    <a:lnTo>
                      <a:pt x="984" y="655"/>
                    </a:lnTo>
                    <a:lnTo>
                      <a:pt x="985" y="623"/>
                    </a:lnTo>
                    <a:lnTo>
                      <a:pt x="985" y="607"/>
                    </a:lnTo>
                    <a:lnTo>
                      <a:pt x="984" y="594"/>
                    </a:lnTo>
                    <a:lnTo>
                      <a:pt x="983" y="581"/>
                    </a:lnTo>
                    <a:lnTo>
                      <a:pt x="980" y="571"/>
                    </a:lnTo>
                    <a:lnTo>
                      <a:pt x="979" y="566"/>
                    </a:lnTo>
                    <a:lnTo>
                      <a:pt x="979" y="559"/>
                    </a:lnTo>
                    <a:lnTo>
                      <a:pt x="982" y="553"/>
                    </a:lnTo>
                    <a:lnTo>
                      <a:pt x="984" y="546"/>
                    </a:lnTo>
                    <a:lnTo>
                      <a:pt x="993" y="532"/>
                    </a:lnTo>
                    <a:lnTo>
                      <a:pt x="1005" y="518"/>
                    </a:lnTo>
                    <a:lnTo>
                      <a:pt x="1017" y="506"/>
                    </a:lnTo>
                    <a:lnTo>
                      <a:pt x="1028" y="497"/>
                    </a:lnTo>
                    <a:lnTo>
                      <a:pt x="1033" y="494"/>
                    </a:lnTo>
                    <a:lnTo>
                      <a:pt x="1039" y="493"/>
                    </a:lnTo>
                    <a:lnTo>
                      <a:pt x="1043" y="493"/>
                    </a:lnTo>
                    <a:lnTo>
                      <a:pt x="1045" y="496"/>
                    </a:lnTo>
                    <a:lnTo>
                      <a:pt x="1054" y="504"/>
                    </a:lnTo>
                    <a:lnTo>
                      <a:pt x="1061" y="510"/>
                    </a:lnTo>
                    <a:lnTo>
                      <a:pt x="1066" y="513"/>
                    </a:lnTo>
                    <a:lnTo>
                      <a:pt x="1072" y="515"/>
                    </a:lnTo>
                    <a:lnTo>
                      <a:pt x="1085" y="516"/>
                    </a:lnTo>
                    <a:lnTo>
                      <a:pt x="1105" y="518"/>
                    </a:lnTo>
                    <a:lnTo>
                      <a:pt x="1118" y="520"/>
                    </a:lnTo>
                    <a:lnTo>
                      <a:pt x="1129" y="526"/>
                    </a:lnTo>
                    <a:lnTo>
                      <a:pt x="1141" y="531"/>
                    </a:lnTo>
                    <a:lnTo>
                      <a:pt x="1154" y="538"/>
                    </a:lnTo>
                    <a:lnTo>
                      <a:pt x="1177" y="557"/>
                    </a:lnTo>
                    <a:lnTo>
                      <a:pt x="1201" y="576"/>
                    </a:lnTo>
                    <a:lnTo>
                      <a:pt x="1223" y="595"/>
                    </a:lnTo>
                    <a:lnTo>
                      <a:pt x="1243" y="612"/>
                    </a:lnTo>
                    <a:lnTo>
                      <a:pt x="1252" y="619"/>
                    </a:lnTo>
                    <a:lnTo>
                      <a:pt x="1261" y="624"/>
                    </a:lnTo>
                    <a:lnTo>
                      <a:pt x="1271" y="627"/>
                    </a:lnTo>
                    <a:lnTo>
                      <a:pt x="1278" y="628"/>
                    </a:lnTo>
                    <a:lnTo>
                      <a:pt x="1278" y="621"/>
                    </a:lnTo>
                    <a:lnTo>
                      <a:pt x="1277" y="615"/>
                    </a:lnTo>
                    <a:lnTo>
                      <a:pt x="1274" y="608"/>
                    </a:lnTo>
                    <a:lnTo>
                      <a:pt x="1272" y="602"/>
                    </a:lnTo>
                    <a:lnTo>
                      <a:pt x="1264" y="590"/>
                    </a:lnTo>
                    <a:lnTo>
                      <a:pt x="1254" y="579"/>
                    </a:lnTo>
                    <a:lnTo>
                      <a:pt x="1242" y="567"/>
                    </a:lnTo>
                    <a:lnTo>
                      <a:pt x="1228" y="557"/>
                    </a:lnTo>
                    <a:lnTo>
                      <a:pt x="1214" y="546"/>
                    </a:lnTo>
                    <a:lnTo>
                      <a:pt x="1198" y="536"/>
                    </a:lnTo>
                    <a:lnTo>
                      <a:pt x="1167" y="515"/>
                    </a:lnTo>
                    <a:lnTo>
                      <a:pt x="1138" y="496"/>
                    </a:lnTo>
                    <a:lnTo>
                      <a:pt x="1127" y="487"/>
                    </a:lnTo>
                    <a:lnTo>
                      <a:pt x="1116" y="476"/>
                    </a:lnTo>
                    <a:lnTo>
                      <a:pt x="1107" y="466"/>
                    </a:lnTo>
                    <a:lnTo>
                      <a:pt x="1102" y="456"/>
                    </a:lnTo>
                    <a:lnTo>
                      <a:pt x="1101" y="452"/>
                    </a:lnTo>
                    <a:lnTo>
                      <a:pt x="1101" y="447"/>
                    </a:lnTo>
                    <a:lnTo>
                      <a:pt x="1102" y="443"/>
                    </a:lnTo>
                    <a:lnTo>
                      <a:pt x="1103" y="439"/>
                    </a:lnTo>
                    <a:lnTo>
                      <a:pt x="1107" y="431"/>
                    </a:lnTo>
                    <a:lnTo>
                      <a:pt x="1114" y="423"/>
                    </a:lnTo>
                    <a:lnTo>
                      <a:pt x="1119" y="417"/>
                    </a:lnTo>
                    <a:lnTo>
                      <a:pt x="1122" y="410"/>
                    </a:lnTo>
                    <a:lnTo>
                      <a:pt x="1123" y="408"/>
                    </a:lnTo>
                    <a:lnTo>
                      <a:pt x="1123" y="405"/>
                    </a:lnTo>
                    <a:lnTo>
                      <a:pt x="1122" y="401"/>
                    </a:lnTo>
                    <a:lnTo>
                      <a:pt x="1119" y="399"/>
                    </a:lnTo>
                    <a:lnTo>
                      <a:pt x="1111" y="392"/>
                    </a:lnTo>
                    <a:lnTo>
                      <a:pt x="1105" y="386"/>
                    </a:lnTo>
                    <a:lnTo>
                      <a:pt x="1101" y="380"/>
                    </a:lnTo>
                    <a:lnTo>
                      <a:pt x="1100" y="374"/>
                    </a:lnTo>
                    <a:lnTo>
                      <a:pt x="1098" y="370"/>
                    </a:lnTo>
                    <a:lnTo>
                      <a:pt x="1098" y="365"/>
                    </a:lnTo>
                    <a:lnTo>
                      <a:pt x="1100" y="361"/>
                    </a:lnTo>
                    <a:lnTo>
                      <a:pt x="1101" y="357"/>
                    </a:lnTo>
                    <a:lnTo>
                      <a:pt x="1105" y="351"/>
                    </a:lnTo>
                    <a:lnTo>
                      <a:pt x="1109" y="345"/>
                    </a:lnTo>
                    <a:lnTo>
                      <a:pt x="1111" y="343"/>
                    </a:lnTo>
                    <a:lnTo>
                      <a:pt x="1111" y="340"/>
                    </a:lnTo>
                    <a:lnTo>
                      <a:pt x="1111" y="338"/>
                    </a:lnTo>
                    <a:lnTo>
                      <a:pt x="1110" y="336"/>
                    </a:lnTo>
                    <a:lnTo>
                      <a:pt x="1107" y="334"/>
                    </a:lnTo>
                    <a:lnTo>
                      <a:pt x="1103" y="331"/>
                    </a:lnTo>
                    <a:lnTo>
                      <a:pt x="1100" y="330"/>
                    </a:lnTo>
                    <a:lnTo>
                      <a:pt x="1096" y="330"/>
                    </a:lnTo>
                    <a:lnTo>
                      <a:pt x="1087" y="330"/>
                    </a:lnTo>
                    <a:lnTo>
                      <a:pt x="1079" y="330"/>
                    </a:lnTo>
                    <a:lnTo>
                      <a:pt x="1070" y="331"/>
                    </a:lnTo>
                    <a:lnTo>
                      <a:pt x="1061" y="333"/>
                    </a:lnTo>
                    <a:lnTo>
                      <a:pt x="1052" y="333"/>
                    </a:lnTo>
                    <a:lnTo>
                      <a:pt x="1045" y="331"/>
                    </a:lnTo>
                    <a:lnTo>
                      <a:pt x="1043" y="330"/>
                    </a:lnTo>
                    <a:lnTo>
                      <a:pt x="1041" y="327"/>
                    </a:lnTo>
                    <a:lnTo>
                      <a:pt x="1040" y="325"/>
                    </a:lnTo>
                    <a:lnTo>
                      <a:pt x="1040" y="322"/>
                    </a:lnTo>
                    <a:lnTo>
                      <a:pt x="1043" y="314"/>
                    </a:lnTo>
                    <a:lnTo>
                      <a:pt x="1046" y="305"/>
                    </a:lnTo>
                    <a:lnTo>
                      <a:pt x="1055" y="288"/>
                    </a:lnTo>
                    <a:lnTo>
                      <a:pt x="1062" y="276"/>
                    </a:lnTo>
                    <a:lnTo>
                      <a:pt x="1088" y="273"/>
                    </a:lnTo>
                    <a:lnTo>
                      <a:pt x="1109" y="269"/>
                    </a:lnTo>
                    <a:lnTo>
                      <a:pt x="1118" y="266"/>
                    </a:lnTo>
                    <a:lnTo>
                      <a:pt x="1125" y="263"/>
                    </a:lnTo>
                    <a:lnTo>
                      <a:pt x="1133" y="259"/>
                    </a:lnTo>
                    <a:lnTo>
                      <a:pt x="1138" y="253"/>
                    </a:lnTo>
                    <a:lnTo>
                      <a:pt x="1142" y="247"/>
                    </a:lnTo>
                    <a:lnTo>
                      <a:pt x="1145" y="241"/>
                    </a:lnTo>
                    <a:lnTo>
                      <a:pt x="1146" y="233"/>
                    </a:lnTo>
                    <a:lnTo>
                      <a:pt x="1145" y="224"/>
                    </a:lnTo>
                    <a:lnTo>
                      <a:pt x="1144" y="215"/>
                    </a:lnTo>
                    <a:lnTo>
                      <a:pt x="1140" y="203"/>
                    </a:lnTo>
                    <a:lnTo>
                      <a:pt x="1134" y="190"/>
                    </a:lnTo>
                    <a:lnTo>
                      <a:pt x="1127" y="177"/>
                    </a:lnTo>
                    <a:lnTo>
                      <a:pt x="1115" y="155"/>
                    </a:lnTo>
                    <a:lnTo>
                      <a:pt x="1107" y="136"/>
                    </a:lnTo>
                    <a:lnTo>
                      <a:pt x="1101" y="117"/>
                    </a:lnTo>
                    <a:lnTo>
                      <a:pt x="1098" y="99"/>
                    </a:lnTo>
                    <a:lnTo>
                      <a:pt x="1097" y="81"/>
                    </a:lnTo>
                    <a:lnTo>
                      <a:pt x="1098" y="63"/>
                    </a:lnTo>
                    <a:lnTo>
                      <a:pt x="1101" y="42"/>
                    </a:lnTo>
                    <a:lnTo>
                      <a:pt x="1106" y="18"/>
                    </a:lnTo>
                    <a:lnTo>
                      <a:pt x="1107" y="9"/>
                    </a:lnTo>
                    <a:lnTo>
                      <a:pt x="1109" y="0"/>
                    </a:lnTo>
                    <a:lnTo>
                      <a:pt x="1109" y="0"/>
                    </a:lnTo>
                    <a:lnTo>
                      <a:pt x="1190" y="11"/>
                    </a:lnTo>
                    <a:lnTo>
                      <a:pt x="1207" y="37"/>
                    </a:lnTo>
                    <a:lnTo>
                      <a:pt x="1226" y="64"/>
                    </a:lnTo>
                    <a:lnTo>
                      <a:pt x="1237" y="77"/>
                    </a:lnTo>
                    <a:lnTo>
                      <a:pt x="1248" y="89"/>
                    </a:lnTo>
                    <a:lnTo>
                      <a:pt x="1260" y="98"/>
                    </a:lnTo>
                    <a:lnTo>
                      <a:pt x="1273" y="106"/>
                    </a:lnTo>
                    <a:lnTo>
                      <a:pt x="1283" y="110"/>
                    </a:lnTo>
                    <a:lnTo>
                      <a:pt x="1293" y="111"/>
                    </a:lnTo>
                    <a:lnTo>
                      <a:pt x="1303" y="111"/>
                    </a:lnTo>
                    <a:lnTo>
                      <a:pt x="1311" y="111"/>
                    </a:lnTo>
                    <a:lnTo>
                      <a:pt x="1320" y="108"/>
                    </a:lnTo>
                    <a:lnTo>
                      <a:pt x="1329" y="106"/>
                    </a:lnTo>
                    <a:lnTo>
                      <a:pt x="1337" y="102"/>
                    </a:lnTo>
                    <a:lnTo>
                      <a:pt x="1344" y="98"/>
                    </a:lnTo>
                    <a:lnTo>
                      <a:pt x="1361" y="90"/>
                    </a:lnTo>
                    <a:lnTo>
                      <a:pt x="1377" y="81"/>
                    </a:lnTo>
                    <a:lnTo>
                      <a:pt x="1385" y="79"/>
                    </a:lnTo>
                    <a:lnTo>
                      <a:pt x="1394" y="76"/>
                    </a:lnTo>
                    <a:lnTo>
                      <a:pt x="1401" y="75"/>
                    </a:lnTo>
                    <a:lnTo>
                      <a:pt x="1410" y="73"/>
                    </a:lnTo>
                    <a:lnTo>
                      <a:pt x="1410" y="73"/>
                    </a:lnTo>
                    <a:lnTo>
                      <a:pt x="1401" y="90"/>
                    </a:lnTo>
                    <a:lnTo>
                      <a:pt x="1394" y="103"/>
                    </a:lnTo>
                    <a:lnTo>
                      <a:pt x="1392" y="106"/>
                    </a:lnTo>
                    <a:lnTo>
                      <a:pt x="1392" y="110"/>
                    </a:lnTo>
                    <a:lnTo>
                      <a:pt x="1394" y="114"/>
                    </a:lnTo>
                    <a:lnTo>
                      <a:pt x="1395" y="117"/>
                    </a:lnTo>
                    <a:lnTo>
                      <a:pt x="1397" y="123"/>
                    </a:lnTo>
                    <a:lnTo>
                      <a:pt x="1401" y="128"/>
                    </a:lnTo>
                    <a:lnTo>
                      <a:pt x="1408" y="133"/>
                    </a:lnTo>
                    <a:lnTo>
                      <a:pt x="1414" y="139"/>
                    </a:lnTo>
                    <a:lnTo>
                      <a:pt x="1429" y="152"/>
                    </a:lnTo>
                    <a:lnTo>
                      <a:pt x="1440" y="168"/>
                    </a:lnTo>
                    <a:lnTo>
                      <a:pt x="1445" y="176"/>
                    </a:lnTo>
                    <a:lnTo>
                      <a:pt x="1449" y="184"/>
                    </a:lnTo>
                    <a:lnTo>
                      <a:pt x="1453" y="193"/>
                    </a:lnTo>
                    <a:lnTo>
                      <a:pt x="1456" y="200"/>
                    </a:lnTo>
                    <a:lnTo>
                      <a:pt x="1457" y="209"/>
                    </a:lnTo>
                    <a:lnTo>
                      <a:pt x="1456" y="217"/>
                    </a:lnTo>
                    <a:lnTo>
                      <a:pt x="1454" y="225"/>
                    </a:lnTo>
                    <a:lnTo>
                      <a:pt x="1452" y="233"/>
                    </a:lnTo>
                    <a:lnTo>
                      <a:pt x="1447" y="241"/>
                    </a:lnTo>
                    <a:lnTo>
                      <a:pt x="1440" y="248"/>
                    </a:lnTo>
                    <a:lnTo>
                      <a:pt x="1432" y="255"/>
                    </a:lnTo>
                    <a:lnTo>
                      <a:pt x="1422" y="260"/>
                    </a:lnTo>
                    <a:lnTo>
                      <a:pt x="1405" y="269"/>
                    </a:lnTo>
                    <a:lnTo>
                      <a:pt x="1394" y="277"/>
                    </a:lnTo>
                    <a:lnTo>
                      <a:pt x="1387" y="281"/>
                    </a:lnTo>
                    <a:lnTo>
                      <a:pt x="1385" y="285"/>
                    </a:lnTo>
                    <a:lnTo>
                      <a:pt x="1386" y="286"/>
                    </a:lnTo>
                    <a:lnTo>
                      <a:pt x="1390" y="287"/>
                    </a:lnTo>
                    <a:lnTo>
                      <a:pt x="1397" y="287"/>
                    </a:lnTo>
                    <a:lnTo>
                      <a:pt x="1405" y="287"/>
                    </a:lnTo>
                    <a:lnTo>
                      <a:pt x="1417" y="287"/>
                    </a:lnTo>
                    <a:lnTo>
                      <a:pt x="1427" y="288"/>
                    </a:lnTo>
                    <a:lnTo>
                      <a:pt x="1439" y="290"/>
                    </a:lnTo>
                    <a:lnTo>
                      <a:pt x="1451" y="292"/>
                    </a:lnTo>
                    <a:lnTo>
                      <a:pt x="1461" y="296"/>
                    </a:lnTo>
                    <a:lnTo>
                      <a:pt x="1469" y="303"/>
                    </a:lnTo>
                    <a:lnTo>
                      <a:pt x="1473" y="307"/>
                    </a:lnTo>
                    <a:lnTo>
                      <a:pt x="1476" y="310"/>
                    </a:lnTo>
                    <a:lnTo>
                      <a:pt x="1479" y="316"/>
                    </a:lnTo>
                    <a:lnTo>
                      <a:pt x="1480" y="322"/>
                    </a:lnTo>
                    <a:lnTo>
                      <a:pt x="1483" y="329"/>
                    </a:lnTo>
                    <a:lnTo>
                      <a:pt x="1486" y="333"/>
                    </a:lnTo>
                    <a:lnTo>
                      <a:pt x="1488" y="336"/>
                    </a:lnTo>
                    <a:lnTo>
                      <a:pt x="1492" y="339"/>
                    </a:lnTo>
                    <a:lnTo>
                      <a:pt x="1497" y="339"/>
                    </a:lnTo>
                    <a:lnTo>
                      <a:pt x="1502" y="340"/>
                    </a:lnTo>
                    <a:lnTo>
                      <a:pt x="1508" y="339"/>
                    </a:lnTo>
                    <a:lnTo>
                      <a:pt x="1513" y="338"/>
                    </a:lnTo>
                    <a:lnTo>
                      <a:pt x="1524" y="335"/>
                    </a:lnTo>
                    <a:lnTo>
                      <a:pt x="1535" y="331"/>
                    </a:lnTo>
                    <a:lnTo>
                      <a:pt x="1540" y="331"/>
                    </a:lnTo>
                    <a:lnTo>
                      <a:pt x="1545" y="330"/>
                    </a:lnTo>
                    <a:lnTo>
                      <a:pt x="1550" y="330"/>
                    </a:lnTo>
                    <a:lnTo>
                      <a:pt x="1554" y="331"/>
                    </a:lnTo>
                    <a:lnTo>
                      <a:pt x="1563" y="335"/>
                    </a:lnTo>
                    <a:lnTo>
                      <a:pt x="1571" y="340"/>
                    </a:lnTo>
                    <a:lnTo>
                      <a:pt x="1578" y="345"/>
                    </a:lnTo>
                    <a:lnTo>
                      <a:pt x="1583" y="352"/>
                    </a:lnTo>
                    <a:lnTo>
                      <a:pt x="1592" y="365"/>
                    </a:lnTo>
                    <a:lnTo>
                      <a:pt x="1600" y="377"/>
                    </a:lnTo>
                    <a:lnTo>
                      <a:pt x="1603" y="382"/>
                    </a:lnTo>
                    <a:lnTo>
                      <a:pt x="1609" y="386"/>
                    </a:lnTo>
                    <a:lnTo>
                      <a:pt x="1614" y="390"/>
                    </a:lnTo>
                    <a:lnTo>
                      <a:pt x="1620" y="391"/>
                    </a:lnTo>
                    <a:lnTo>
                      <a:pt x="1628" y="391"/>
                    </a:lnTo>
                    <a:lnTo>
                      <a:pt x="1637" y="390"/>
                    </a:lnTo>
                    <a:lnTo>
                      <a:pt x="1647" y="387"/>
                    </a:lnTo>
                    <a:lnTo>
                      <a:pt x="1660" y="380"/>
                    </a:lnTo>
                    <a:lnTo>
                      <a:pt x="1666" y="378"/>
                    </a:lnTo>
                    <a:lnTo>
                      <a:pt x="1671" y="373"/>
                    </a:lnTo>
                    <a:lnTo>
                      <a:pt x="1677" y="366"/>
                    </a:lnTo>
                    <a:lnTo>
                      <a:pt x="1682" y="358"/>
                    </a:lnTo>
                    <a:lnTo>
                      <a:pt x="1694" y="342"/>
                    </a:lnTo>
                    <a:lnTo>
                      <a:pt x="1706" y="325"/>
                    </a:lnTo>
                    <a:lnTo>
                      <a:pt x="1712" y="317"/>
                    </a:lnTo>
                    <a:lnTo>
                      <a:pt x="1719" y="310"/>
                    </a:lnTo>
                    <a:lnTo>
                      <a:pt x="1725" y="304"/>
                    </a:lnTo>
                    <a:lnTo>
                      <a:pt x="1732" y="300"/>
                    </a:lnTo>
                    <a:lnTo>
                      <a:pt x="1738" y="298"/>
                    </a:lnTo>
                    <a:lnTo>
                      <a:pt x="1745" y="296"/>
                    </a:lnTo>
                    <a:lnTo>
                      <a:pt x="1751" y="299"/>
                    </a:lnTo>
                    <a:lnTo>
                      <a:pt x="1756" y="303"/>
                    </a:lnTo>
                    <a:lnTo>
                      <a:pt x="1768" y="314"/>
                    </a:lnTo>
                    <a:lnTo>
                      <a:pt x="1777" y="323"/>
                    </a:lnTo>
                    <a:lnTo>
                      <a:pt x="1784" y="333"/>
                    </a:lnTo>
                    <a:lnTo>
                      <a:pt x="1789" y="339"/>
                    </a:lnTo>
                    <a:lnTo>
                      <a:pt x="1791" y="345"/>
                    </a:lnTo>
                    <a:lnTo>
                      <a:pt x="1791" y="351"/>
                    </a:lnTo>
                    <a:lnTo>
                      <a:pt x="1790" y="355"/>
                    </a:lnTo>
                    <a:lnTo>
                      <a:pt x="1787" y="357"/>
                    </a:lnTo>
                    <a:lnTo>
                      <a:pt x="1784" y="360"/>
                    </a:lnTo>
                    <a:lnTo>
                      <a:pt x="1777" y="360"/>
                    </a:lnTo>
                    <a:lnTo>
                      <a:pt x="1771" y="360"/>
                    </a:lnTo>
                    <a:lnTo>
                      <a:pt x="1762" y="360"/>
                    </a:lnTo>
                    <a:lnTo>
                      <a:pt x="1742" y="356"/>
                    </a:lnTo>
                    <a:lnTo>
                      <a:pt x="1720" y="348"/>
                    </a:lnTo>
                    <a:lnTo>
                      <a:pt x="1720" y="367"/>
                    </a:lnTo>
                    <a:lnTo>
                      <a:pt x="1720" y="386"/>
                    </a:lnTo>
                    <a:lnTo>
                      <a:pt x="1721" y="405"/>
                    </a:lnTo>
                    <a:lnTo>
                      <a:pt x="1724" y="424"/>
                    </a:lnTo>
                    <a:lnTo>
                      <a:pt x="1723" y="436"/>
                    </a:lnTo>
                    <a:lnTo>
                      <a:pt x="1721" y="447"/>
                    </a:lnTo>
                    <a:lnTo>
                      <a:pt x="1717" y="454"/>
                    </a:lnTo>
                    <a:lnTo>
                      <a:pt x="1714" y="461"/>
                    </a:lnTo>
                    <a:lnTo>
                      <a:pt x="1708" y="466"/>
                    </a:lnTo>
                    <a:lnTo>
                      <a:pt x="1702" y="470"/>
                    </a:lnTo>
                    <a:lnTo>
                      <a:pt x="1694" y="474"/>
                    </a:lnTo>
                    <a:lnTo>
                      <a:pt x="1686" y="476"/>
                    </a:lnTo>
                    <a:lnTo>
                      <a:pt x="1670" y="479"/>
                    </a:lnTo>
                    <a:lnTo>
                      <a:pt x="1653" y="481"/>
                    </a:lnTo>
                    <a:lnTo>
                      <a:pt x="1635" y="484"/>
                    </a:lnTo>
                    <a:lnTo>
                      <a:pt x="1616" y="489"/>
                    </a:lnTo>
                    <a:lnTo>
                      <a:pt x="1609" y="493"/>
                    </a:lnTo>
                    <a:lnTo>
                      <a:pt x="1603" y="498"/>
                    </a:lnTo>
                    <a:lnTo>
                      <a:pt x="1601" y="504"/>
                    </a:lnTo>
                    <a:lnTo>
                      <a:pt x="1601" y="509"/>
                    </a:lnTo>
                    <a:lnTo>
                      <a:pt x="1602" y="515"/>
                    </a:lnTo>
                    <a:lnTo>
                      <a:pt x="1606" y="520"/>
                    </a:lnTo>
                    <a:lnTo>
                      <a:pt x="1611" y="526"/>
                    </a:lnTo>
                    <a:lnTo>
                      <a:pt x="1618" y="531"/>
                    </a:lnTo>
                    <a:lnTo>
                      <a:pt x="1625" y="535"/>
                    </a:lnTo>
                    <a:lnTo>
                      <a:pt x="1633" y="538"/>
                    </a:lnTo>
                    <a:lnTo>
                      <a:pt x="1642" y="542"/>
                    </a:lnTo>
                    <a:lnTo>
                      <a:pt x="1653" y="545"/>
                    </a:lnTo>
                    <a:lnTo>
                      <a:pt x="1663" y="546"/>
                    </a:lnTo>
                    <a:lnTo>
                      <a:pt x="1672" y="546"/>
                    </a:lnTo>
                    <a:lnTo>
                      <a:pt x="1682" y="545"/>
                    </a:lnTo>
                    <a:lnTo>
                      <a:pt x="1692" y="541"/>
                    </a:lnTo>
                    <a:lnTo>
                      <a:pt x="1707" y="536"/>
                    </a:lnTo>
                    <a:lnTo>
                      <a:pt x="1719" y="532"/>
                    </a:lnTo>
                    <a:lnTo>
                      <a:pt x="1727" y="529"/>
                    </a:lnTo>
                    <a:lnTo>
                      <a:pt x="1733" y="531"/>
                    </a:lnTo>
                    <a:lnTo>
                      <a:pt x="1747" y="537"/>
                    </a:lnTo>
                    <a:lnTo>
                      <a:pt x="1773" y="550"/>
                    </a:lnTo>
                    <a:lnTo>
                      <a:pt x="1785" y="554"/>
                    </a:lnTo>
                    <a:lnTo>
                      <a:pt x="1795" y="558"/>
                    </a:lnTo>
                    <a:lnTo>
                      <a:pt x="1804" y="559"/>
                    </a:lnTo>
                    <a:lnTo>
                      <a:pt x="1812" y="559"/>
                    </a:lnTo>
                    <a:lnTo>
                      <a:pt x="1817" y="558"/>
                    </a:lnTo>
                    <a:lnTo>
                      <a:pt x="1822" y="555"/>
                    </a:lnTo>
                    <a:lnTo>
                      <a:pt x="1828" y="553"/>
                    </a:lnTo>
                    <a:lnTo>
                      <a:pt x="1830" y="549"/>
                    </a:lnTo>
                    <a:lnTo>
                      <a:pt x="1837" y="538"/>
                    </a:lnTo>
                    <a:lnTo>
                      <a:pt x="1842" y="527"/>
                    </a:lnTo>
                    <a:lnTo>
                      <a:pt x="1848" y="514"/>
                    </a:lnTo>
                    <a:lnTo>
                      <a:pt x="1857" y="502"/>
                    </a:lnTo>
                    <a:lnTo>
                      <a:pt x="1861" y="500"/>
                    </a:lnTo>
                    <a:lnTo>
                      <a:pt x="1868" y="497"/>
                    </a:lnTo>
                    <a:lnTo>
                      <a:pt x="1877" y="496"/>
                    </a:lnTo>
                    <a:lnTo>
                      <a:pt x="1886" y="494"/>
                    </a:lnTo>
                    <a:lnTo>
                      <a:pt x="1908" y="494"/>
                    </a:lnTo>
                    <a:lnTo>
                      <a:pt x="1933" y="496"/>
                    </a:lnTo>
                    <a:lnTo>
                      <a:pt x="1957" y="497"/>
                    </a:lnTo>
                    <a:lnTo>
                      <a:pt x="1980" y="497"/>
                    </a:lnTo>
                    <a:lnTo>
                      <a:pt x="1992" y="496"/>
                    </a:lnTo>
                    <a:lnTo>
                      <a:pt x="2002" y="494"/>
                    </a:lnTo>
                    <a:lnTo>
                      <a:pt x="2012" y="492"/>
                    </a:lnTo>
                    <a:lnTo>
                      <a:pt x="2018" y="488"/>
                    </a:lnTo>
                    <a:lnTo>
                      <a:pt x="2024" y="484"/>
                    </a:lnTo>
                    <a:lnTo>
                      <a:pt x="2031" y="476"/>
                    </a:lnTo>
                    <a:lnTo>
                      <a:pt x="2036" y="469"/>
                    </a:lnTo>
                    <a:lnTo>
                      <a:pt x="2041" y="458"/>
                    </a:lnTo>
                    <a:lnTo>
                      <a:pt x="2053" y="437"/>
                    </a:lnTo>
                    <a:lnTo>
                      <a:pt x="2065" y="415"/>
                    </a:lnTo>
                    <a:lnTo>
                      <a:pt x="2071" y="405"/>
                    </a:lnTo>
                    <a:lnTo>
                      <a:pt x="2076" y="396"/>
                    </a:lnTo>
                    <a:lnTo>
                      <a:pt x="2083" y="387"/>
                    </a:lnTo>
                    <a:lnTo>
                      <a:pt x="2089" y="380"/>
                    </a:lnTo>
                    <a:lnTo>
                      <a:pt x="2096" y="377"/>
                    </a:lnTo>
                    <a:lnTo>
                      <a:pt x="2102" y="374"/>
                    </a:lnTo>
                    <a:lnTo>
                      <a:pt x="2106" y="374"/>
                    </a:lnTo>
                    <a:lnTo>
                      <a:pt x="2110" y="375"/>
                    </a:lnTo>
                    <a:lnTo>
                      <a:pt x="2113" y="377"/>
                    </a:lnTo>
                    <a:lnTo>
                      <a:pt x="2116" y="378"/>
                    </a:lnTo>
                    <a:lnTo>
                      <a:pt x="2136" y="386"/>
                    </a:lnTo>
                    <a:lnTo>
                      <a:pt x="2167" y="396"/>
                    </a:lnTo>
                    <a:lnTo>
                      <a:pt x="2180" y="401"/>
                    </a:lnTo>
                    <a:lnTo>
                      <a:pt x="2190" y="405"/>
                    </a:lnTo>
                    <a:lnTo>
                      <a:pt x="2193" y="406"/>
                    </a:lnTo>
                    <a:lnTo>
                      <a:pt x="2194" y="408"/>
                    </a:lnTo>
                    <a:lnTo>
                      <a:pt x="2193" y="409"/>
                    </a:lnTo>
                    <a:lnTo>
                      <a:pt x="2189" y="409"/>
                    </a:lnTo>
                    <a:lnTo>
                      <a:pt x="2161" y="409"/>
                    </a:lnTo>
                    <a:lnTo>
                      <a:pt x="2126" y="412"/>
                    </a:lnTo>
                    <a:lnTo>
                      <a:pt x="2109" y="415"/>
                    </a:lnTo>
                    <a:lnTo>
                      <a:pt x="2094" y="421"/>
                    </a:lnTo>
                    <a:lnTo>
                      <a:pt x="2088" y="423"/>
                    </a:lnTo>
                    <a:lnTo>
                      <a:pt x="2084" y="428"/>
                    </a:lnTo>
                    <a:lnTo>
                      <a:pt x="2080" y="434"/>
                    </a:lnTo>
                    <a:lnTo>
                      <a:pt x="2078" y="439"/>
                    </a:lnTo>
                    <a:lnTo>
                      <a:pt x="2074" y="453"/>
                    </a:lnTo>
                    <a:lnTo>
                      <a:pt x="2072" y="463"/>
                    </a:lnTo>
                    <a:lnTo>
                      <a:pt x="2074" y="471"/>
                    </a:lnTo>
                    <a:lnTo>
                      <a:pt x="2076" y="476"/>
                    </a:lnTo>
                    <a:lnTo>
                      <a:pt x="2080" y="479"/>
                    </a:lnTo>
                    <a:lnTo>
                      <a:pt x="2084" y="480"/>
                    </a:lnTo>
                    <a:lnTo>
                      <a:pt x="2091" y="480"/>
                    </a:lnTo>
                    <a:lnTo>
                      <a:pt x="2098" y="478"/>
                    </a:lnTo>
                    <a:lnTo>
                      <a:pt x="2129" y="463"/>
                    </a:lnTo>
                    <a:lnTo>
                      <a:pt x="2155" y="450"/>
                    </a:lnTo>
                    <a:lnTo>
                      <a:pt x="2164" y="449"/>
                    </a:lnTo>
                    <a:lnTo>
                      <a:pt x="2172" y="450"/>
                    </a:lnTo>
                    <a:lnTo>
                      <a:pt x="2179" y="452"/>
                    </a:lnTo>
                    <a:lnTo>
                      <a:pt x="2184" y="453"/>
                    </a:lnTo>
                    <a:lnTo>
                      <a:pt x="2190" y="453"/>
                    </a:lnTo>
                    <a:lnTo>
                      <a:pt x="2198" y="452"/>
                    </a:lnTo>
                    <a:lnTo>
                      <a:pt x="2206" y="447"/>
                    </a:lnTo>
                    <a:lnTo>
                      <a:pt x="2218" y="437"/>
                    </a:lnTo>
                    <a:lnTo>
                      <a:pt x="2225" y="430"/>
                    </a:lnTo>
                    <a:lnTo>
                      <a:pt x="2232" y="426"/>
                    </a:lnTo>
                    <a:lnTo>
                      <a:pt x="2234" y="424"/>
                    </a:lnTo>
                    <a:lnTo>
                      <a:pt x="2237" y="424"/>
                    </a:lnTo>
                    <a:lnTo>
                      <a:pt x="2240" y="426"/>
                    </a:lnTo>
                    <a:lnTo>
                      <a:pt x="2242" y="426"/>
                    </a:lnTo>
                    <a:lnTo>
                      <a:pt x="2247" y="430"/>
                    </a:lnTo>
                    <a:lnTo>
                      <a:pt x="2251" y="436"/>
                    </a:lnTo>
                    <a:lnTo>
                      <a:pt x="2256" y="444"/>
                    </a:lnTo>
                    <a:lnTo>
                      <a:pt x="2263" y="454"/>
                    </a:lnTo>
                    <a:lnTo>
                      <a:pt x="2269" y="466"/>
                    </a:lnTo>
                    <a:lnTo>
                      <a:pt x="2277" y="476"/>
                    </a:lnTo>
                    <a:lnTo>
                      <a:pt x="2286" y="485"/>
                    </a:lnTo>
                    <a:lnTo>
                      <a:pt x="2294" y="493"/>
                    </a:lnTo>
                    <a:lnTo>
                      <a:pt x="2313" y="510"/>
                    </a:lnTo>
                    <a:lnTo>
                      <a:pt x="2333" y="527"/>
                    </a:lnTo>
                    <a:lnTo>
                      <a:pt x="2339" y="533"/>
                    </a:lnTo>
                    <a:lnTo>
                      <a:pt x="2347" y="540"/>
                    </a:lnTo>
                    <a:lnTo>
                      <a:pt x="2354" y="544"/>
                    </a:lnTo>
                    <a:lnTo>
                      <a:pt x="2361" y="546"/>
                    </a:lnTo>
                    <a:lnTo>
                      <a:pt x="2369" y="548"/>
                    </a:lnTo>
                    <a:lnTo>
                      <a:pt x="2377" y="546"/>
                    </a:lnTo>
                    <a:lnTo>
                      <a:pt x="2383" y="542"/>
                    </a:lnTo>
                    <a:lnTo>
                      <a:pt x="2391" y="536"/>
                    </a:lnTo>
                    <a:lnTo>
                      <a:pt x="2396" y="531"/>
                    </a:lnTo>
                    <a:lnTo>
                      <a:pt x="2403" y="528"/>
                    </a:lnTo>
                    <a:lnTo>
                      <a:pt x="2409" y="527"/>
                    </a:lnTo>
                    <a:lnTo>
                      <a:pt x="2416" y="528"/>
                    </a:lnTo>
                    <a:lnTo>
                      <a:pt x="2421" y="531"/>
                    </a:lnTo>
                    <a:lnTo>
                      <a:pt x="2425" y="535"/>
                    </a:lnTo>
                    <a:lnTo>
                      <a:pt x="2427" y="541"/>
                    </a:lnTo>
                    <a:lnTo>
                      <a:pt x="2429" y="549"/>
                    </a:lnTo>
                    <a:lnTo>
                      <a:pt x="2433" y="573"/>
                    </a:lnTo>
                    <a:lnTo>
                      <a:pt x="2439" y="597"/>
                    </a:lnTo>
                    <a:lnTo>
                      <a:pt x="2440" y="608"/>
                    </a:lnTo>
                    <a:lnTo>
                      <a:pt x="2442" y="619"/>
                    </a:lnTo>
                    <a:lnTo>
                      <a:pt x="2440" y="624"/>
                    </a:lnTo>
                    <a:lnTo>
                      <a:pt x="2439" y="629"/>
                    </a:lnTo>
                    <a:lnTo>
                      <a:pt x="2436" y="634"/>
                    </a:lnTo>
                    <a:lnTo>
                      <a:pt x="2434" y="640"/>
                    </a:lnTo>
                    <a:lnTo>
                      <a:pt x="2431" y="645"/>
                    </a:lnTo>
                    <a:lnTo>
                      <a:pt x="2429" y="650"/>
                    </a:lnTo>
                    <a:lnTo>
                      <a:pt x="2427" y="655"/>
                    </a:lnTo>
                    <a:lnTo>
                      <a:pt x="2426" y="660"/>
                    </a:lnTo>
                    <a:lnTo>
                      <a:pt x="2426" y="665"/>
                    </a:lnTo>
                    <a:lnTo>
                      <a:pt x="2426" y="671"/>
                    </a:lnTo>
                    <a:lnTo>
                      <a:pt x="2427" y="676"/>
                    </a:lnTo>
                    <a:lnTo>
                      <a:pt x="2430" y="680"/>
                    </a:lnTo>
                    <a:lnTo>
                      <a:pt x="2435" y="689"/>
                    </a:lnTo>
                    <a:lnTo>
                      <a:pt x="2443" y="698"/>
                    </a:lnTo>
                    <a:lnTo>
                      <a:pt x="2452" y="706"/>
                    </a:lnTo>
                    <a:lnTo>
                      <a:pt x="2462" y="712"/>
                    </a:lnTo>
                    <a:lnTo>
                      <a:pt x="2482" y="722"/>
                    </a:lnTo>
                    <a:lnTo>
                      <a:pt x="2503" y="731"/>
                    </a:lnTo>
                    <a:lnTo>
                      <a:pt x="2523" y="742"/>
                    </a:lnTo>
                    <a:lnTo>
                      <a:pt x="2544" y="750"/>
                    </a:lnTo>
                    <a:lnTo>
                      <a:pt x="2544" y="750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77" name="Freeform 81"/>
              <p:cNvSpPr>
                <a:spLocks/>
              </p:cNvSpPr>
              <p:nvPr/>
            </p:nvSpPr>
            <p:spPr bwMode="auto">
              <a:xfrm>
                <a:off x="8903758" y="5243833"/>
                <a:ext cx="970962" cy="634014"/>
              </a:xfrm>
              <a:custGeom>
                <a:avLst/>
                <a:gdLst/>
                <a:ahLst/>
                <a:cxnLst>
                  <a:cxn ang="0">
                    <a:pos x="190" y="103"/>
                  </a:cxn>
                  <a:cxn ang="0">
                    <a:pos x="189" y="147"/>
                  </a:cxn>
                  <a:cxn ang="0">
                    <a:pos x="162" y="222"/>
                  </a:cxn>
                  <a:cxn ang="0">
                    <a:pos x="233" y="247"/>
                  </a:cxn>
                  <a:cxn ang="0">
                    <a:pos x="343" y="222"/>
                  </a:cxn>
                  <a:cxn ang="0">
                    <a:pos x="494" y="262"/>
                  </a:cxn>
                  <a:cxn ang="0">
                    <a:pos x="710" y="256"/>
                  </a:cxn>
                  <a:cxn ang="0">
                    <a:pos x="954" y="273"/>
                  </a:cxn>
                  <a:cxn ang="0">
                    <a:pos x="1078" y="279"/>
                  </a:cxn>
                  <a:cxn ang="0">
                    <a:pos x="1211" y="153"/>
                  </a:cxn>
                  <a:cxn ang="0">
                    <a:pos x="1347" y="47"/>
                  </a:cxn>
                  <a:cxn ang="0">
                    <a:pos x="1632" y="7"/>
                  </a:cxn>
                  <a:cxn ang="0">
                    <a:pos x="1805" y="38"/>
                  </a:cxn>
                  <a:cxn ang="0">
                    <a:pos x="1904" y="89"/>
                  </a:cxn>
                  <a:cxn ang="0">
                    <a:pos x="2065" y="83"/>
                  </a:cxn>
                  <a:cxn ang="0">
                    <a:pos x="2095" y="219"/>
                  </a:cxn>
                  <a:cxn ang="0">
                    <a:pos x="2134" y="288"/>
                  </a:cxn>
                  <a:cxn ang="0">
                    <a:pos x="2059" y="346"/>
                  </a:cxn>
                  <a:cxn ang="0">
                    <a:pos x="1955" y="352"/>
                  </a:cxn>
                  <a:cxn ang="0">
                    <a:pos x="1860" y="574"/>
                  </a:cxn>
                  <a:cxn ang="0">
                    <a:pos x="1815" y="678"/>
                  </a:cxn>
                  <a:cxn ang="0">
                    <a:pos x="1754" y="766"/>
                  </a:cxn>
                  <a:cxn ang="0">
                    <a:pos x="1731" y="793"/>
                  </a:cxn>
                  <a:cxn ang="0">
                    <a:pos x="1793" y="787"/>
                  </a:cxn>
                  <a:cxn ang="0">
                    <a:pos x="1868" y="832"/>
                  </a:cxn>
                  <a:cxn ang="0">
                    <a:pos x="1939" y="945"/>
                  </a:cxn>
                  <a:cxn ang="0">
                    <a:pos x="1836" y="1048"/>
                  </a:cxn>
                  <a:cxn ang="0">
                    <a:pos x="1753" y="1026"/>
                  </a:cxn>
                  <a:cxn ang="0">
                    <a:pos x="1644" y="928"/>
                  </a:cxn>
                  <a:cxn ang="0">
                    <a:pos x="1588" y="958"/>
                  </a:cxn>
                  <a:cxn ang="0">
                    <a:pos x="1516" y="1051"/>
                  </a:cxn>
                  <a:cxn ang="0">
                    <a:pos x="1312" y="1102"/>
                  </a:cxn>
                  <a:cxn ang="0">
                    <a:pos x="1253" y="1112"/>
                  </a:cxn>
                  <a:cxn ang="0">
                    <a:pos x="1262" y="1217"/>
                  </a:cxn>
                  <a:cxn ang="0">
                    <a:pos x="1253" y="1271"/>
                  </a:cxn>
                  <a:cxn ang="0">
                    <a:pos x="1110" y="1291"/>
                  </a:cxn>
                  <a:cxn ang="0">
                    <a:pos x="1025" y="1326"/>
                  </a:cxn>
                  <a:cxn ang="0">
                    <a:pos x="916" y="1275"/>
                  </a:cxn>
                  <a:cxn ang="0">
                    <a:pos x="794" y="1282"/>
                  </a:cxn>
                  <a:cxn ang="0">
                    <a:pos x="736" y="1273"/>
                  </a:cxn>
                  <a:cxn ang="0">
                    <a:pos x="648" y="1229"/>
                  </a:cxn>
                  <a:cxn ang="0">
                    <a:pos x="587" y="1271"/>
                  </a:cxn>
                  <a:cxn ang="0">
                    <a:pos x="509" y="1352"/>
                  </a:cxn>
                  <a:cxn ang="0">
                    <a:pos x="372" y="1380"/>
                  </a:cxn>
                  <a:cxn ang="0">
                    <a:pos x="262" y="1400"/>
                  </a:cxn>
                  <a:cxn ang="0">
                    <a:pos x="202" y="1394"/>
                  </a:cxn>
                  <a:cxn ang="0">
                    <a:pos x="188" y="1182"/>
                  </a:cxn>
                  <a:cxn ang="0">
                    <a:pos x="188" y="1102"/>
                  </a:cxn>
                  <a:cxn ang="0">
                    <a:pos x="113" y="1073"/>
                  </a:cxn>
                  <a:cxn ang="0">
                    <a:pos x="8" y="1004"/>
                  </a:cxn>
                  <a:cxn ang="0">
                    <a:pos x="18" y="844"/>
                  </a:cxn>
                  <a:cxn ang="0">
                    <a:pos x="12" y="699"/>
                  </a:cxn>
                  <a:cxn ang="0">
                    <a:pos x="137" y="633"/>
                  </a:cxn>
                  <a:cxn ang="0">
                    <a:pos x="190" y="583"/>
                  </a:cxn>
                  <a:cxn ang="0">
                    <a:pos x="146" y="511"/>
                  </a:cxn>
                  <a:cxn ang="0">
                    <a:pos x="32" y="392"/>
                  </a:cxn>
                  <a:cxn ang="0">
                    <a:pos x="5" y="249"/>
                  </a:cxn>
                </a:cxnLst>
                <a:rect l="0" t="0" r="r" b="b"/>
                <a:pathLst>
                  <a:path w="2135" h="1405">
                    <a:moveTo>
                      <a:pt x="105" y="76"/>
                    </a:moveTo>
                    <a:lnTo>
                      <a:pt x="119" y="81"/>
                    </a:lnTo>
                    <a:lnTo>
                      <a:pt x="135" y="86"/>
                    </a:lnTo>
                    <a:lnTo>
                      <a:pt x="149" y="90"/>
                    </a:lnTo>
                    <a:lnTo>
                      <a:pt x="162" y="94"/>
                    </a:lnTo>
                    <a:lnTo>
                      <a:pt x="174" y="96"/>
                    </a:lnTo>
                    <a:lnTo>
                      <a:pt x="185" y="100"/>
                    </a:lnTo>
                    <a:lnTo>
                      <a:pt x="190" y="103"/>
                    </a:lnTo>
                    <a:lnTo>
                      <a:pt x="196" y="105"/>
                    </a:lnTo>
                    <a:lnTo>
                      <a:pt x="200" y="108"/>
                    </a:lnTo>
                    <a:lnTo>
                      <a:pt x="202" y="112"/>
                    </a:lnTo>
                    <a:lnTo>
                      <a:pt x="205" y="117"/>
                    </a:lnTo>
                    <a:lnTo>
                      <a:pt x="205" y="122"/>
                    </a:lnTo>
                    <a:lnTo>
                      <a:pt x="203" y="127"/>
                    </a:lnTo>
                    <a:lnTo>
                      <a:pt x="200" y="134"/>
                    </a:lnTo>
                    <a:lnTo>
                      <a:pt x="189" y="147"/>
                    </a:lnTo>
                    <a:lnTo>
                      <a:pt x="178" y="160"/>
                    </a:lnTo>
                    <a:lnTo>
                      <a:pt x="171" y="168"/>
                    </a:lnTo>
                    <a:lnTo>
                      <a:pt x="166" y="175"/>
                    </a:lnTo>
                    <a:lnTo>
                      <a:pt x="162" y="184"/>
                    </a:lnTo>
                    <a:lnTo>
                      <a:pt x="159" y="192"/>
                    </a:lnTo>
                    <a:lnTo>
                      <a:pt x="158" y="201"/>
                    </a:lnTo>
                    <a:lnTo>
                      <a:pt x="159" y="212"/>
                    </a:lnTo>
                    <a:lnTo>
                      <a:pt x="162" y="222"/>
                    </a:lnTo>
                    <a:lnTo>
                      <a:pt x="168" y="232"/>
                    </a:lnTo>
                    <a:lnTo>
                      <a:pt x="175" y="240"/>
                    </a:lnTo>
                    <a:lnTo>
                      <a:pt x="183" y="245"/>
                    </a:lnTo>
                    <a:lnTo>
                      <a:pt x="192" y="248"/>
                    </a:lnTo>
                    <a:lnTo>
                      <a:pt x="201" y="249"/>
                    </a:lnTo>
                    <a:lnTo>
                      <a:pt x="211" y="250"/>
                    </a:lnTo>
                    <a:lnTo>
                      <a:pt x="222" y="249"/>
                    </a:lnTo>
                    <a:lnTo>
                      <a:pt x="233" y="247"/>
                    </a:lnTo>
                    <a:lnTo>
                      <a:pt x="245" y="244"/>
                    </a:lnTo>
                    <a:lnTo>
                      <a:pt x="268" y="236"/>
                    </a:lnTo>
                    <a:lnTo>
                      <a:pt x="290" y="228"/>
                    </a:lnTo>
                    <a:lnTo>
                      <a:pt x="301" y="226"/>
                    </a:lnTo>
                    <a:lnTo>
                      <a:pt x="311" y="223"/>
                    </a:lnTo>
                    <a:lnTo>
                      <a:pt x="320" y="221"/>
                    </a:lnTo>
                    <a:lnTo>
                      <a:pt x="328" y="221"/>
                    </a:lnTo>
                    <a:lnTo>
                      <a:pt x="343" y="222"/>
                    </a:lnTo>
                    <a:lnTo>
                      <a:pt x="358" y="225"/>
                    </a:lnTo>
                    <a:lnTo>
                      <a:pt x="373" y="230"/>
                    </a:lnTo>
                    <a:lnTo>
                      <a:pt x="387" y="235"/>
                    </a:lnTo>
                    <a:lnTo>
                      <a:pt x="418" y="247"/>
                    </a:lnTo>
                    <a:lnTo>
                      <a:pt x="447" y="256"/>
                    </a:lnTo>
                    <a:lnTo>
                      <a:pt x="463" y="258"/>
                    </a:lnTo>
                    <a:lnTo>
                      <a:pt x="478" y="261"/>
                    </a:lnTo>
                    <a:lnTo>
                      <a:pt x="494" y="262"/>
                    </a:lnTo>
                    <a:lnTo>
                      <a:pt x="508" y="262"/>
                    </a:lnTo>
                    <a:lnTo>
                      <a:pt x="536" y="262"/>
                    </a:lnTo>
                    <a:lnTo>
                      <a:pt x="565" y="261"/>
                    </a:lnTo>
                    <a:lnTo>
                      <a:pt x="593" y="258"/>
                    </a:lnTo>
                    <a:lnTo>
                      <a:pt x="622" y="256"/>
                    </a:lnTo>
                    <a:lnTo>
                      <a:pt x="650" y="254"/>
                    </a:lnTo>
                    <a:lnTo>
                      <a:pt x="680" y="254"/>
                    </a:lnTo>
                    <a:lnTo>
                      <a:pt x="710" y="256"/>
                    </a:lnTo>
                    <a:lnTo>
                      <a:pt x="740" y="256"/>
                    </a:lnTo>
                    <a:lnTo>
                      <a:pt x="770" y="256"/>
                    </a:lnTo>
                    <a:lnTo>
                      <a:pt x="799" y="257"/>
                    </a:lnTo>
                    <a:lnTo>
                      <a:pt x="829" y="257"/>
                    </a:lnTo>
                    <a:lnTo>
                      <a:pt x="859" y="260"/>
                    </a:lnTo>
                    <a:lnTo>
                      <a:pt x="889" y="262"/>
                    </a:lnTo>
                    <a:lnTo>
                      <a:pt x="919" y="266"/>
                    </a:lnTo>
                    <a:lnTo>
                      <a:pt x="954" y="273"/>
                    </a:lnTo>
                    <a:lnTo>
                      <a:pt x="981" y="280"/>
                    </a:lnTo>
                    <a:lnTo>
                      <a:pt x="1004" y="287"/>
                    </a:lnTo>
                    <a:lnTo>
                      <a:pt x="1025" y="291"/>
                    </a:lnTo>
                    <a:lnTo>
                      <a:pt x="1034" y="291"/>
                    </a:lnTo>
                    <a:lnTo>
                      <a:pt x="1044" y="289"/>
                    </a:lnTo>
                    <a:lnTo>
                      <a:pt x="1055" y="288"/>
                    </a:lnTo>
                    <a:lnTo>
                      <a:pt x="1066" y="284"/>
                    </a:lnTo>
                    <a:lnTo>
                      <a:pt x="1078" y="279"/>
                    </a:lnTo>
                    <a:lnTo>
                      <a:pt x="1091" y="271"/>
                    </a:lnTo>
                    <a:lnTo>
                      <a:pt x="1105" y="262"/>
                    </a:lnTo>
                    <a:lnTo>
                      <a:pt x="1122" y="250"/>
                    </a:lnTo>
                    <a:lnTo>
                      <a:pt x="1137" y="238"/>
                    </a:lnTo>
                    <a:lnTo>
                      <a:pt x="1153" y="223"/>
                    </a:lnTo>
                    <a:lnTo>
                      <a:pt x="1169" y="206"/>
                    </a:lnTo>
                    <a:lnTo>
                      <a:pt x="1183" y="190"/>
                    </a:lnTo>
                    <a:lnTo>
                      <a:pt x="1211" y="153"/>
                    </a:lnTo>
                    <a:lnTo>
                      <a:pt x="1240" y="121"/>
                    </a:lnTo>
                    <a:lnTo>
                      <a:pt x="1249" y="111"/>
                    </a:lnTo>
                    <a:lnTo>
                      <a:pt x="1259" y="102"/>
                    </a:lnTo>
                    <a:lnTo>
                      <a:pt x="1270" y="92"/>
                    </a:lnTo>
                    <a:lnTo>
                      <a:pt x="1280" y="85"/>
                    </a:lnTo>
                    <a:lnTo>
                      <a:pt x="1302" y="69"/>
                    </a:lnTo>
                    <a:lnTo>
                      <a:pt x="1324" y="57"/>
                    </a:lnTo>
                    <a:lnTo>
                      <a:pt x="1347" y="47"/>
                    </a:lnTo>
                    <a:lnTo>
                      <a:pt x="1371" y="39"/>
                    </a:lnTo>
                    <a:lnTo>
                      <a:pt x="1395" y="32"/>
                    </a:lnTo>
                    <a:lnTo>
                      <a:pt x="1419" y="26"/>
                    </a:lnTo>
                    <a:lnTo>
                      <a:pt x="1469" y="19"/>
                    </a:lnTo>
                    <a:lnTo>
                      <a:pt x="1518" y="13"/>
                    </a:lnTo>
                    <a:lnTo>
                      <a:pt x="1569" y="8"/>
                    </a:lnTo>
                    <a:lnTo>
                      <a:pt x="1618" y="0"/>
                    </a:lnTo>
                    <a:lnTo>
                      <a:pt x="1632" y="7"/>
                    </a:lnTo>
                    <a:lnTo>
                      <a:pt x="1648" y="13"/>
                    </a:lnTo>
                    <a:lnTo>
                      <a:pt x="1662" y="21"/>
                    </a:lnTo>
                    <a:lnTo>
                      <a:pt x="1674" y="30"/>
                    </a:lnTo>
                    <a:lnTo>
                      <a:pt x="1704" y="32"/>
                    </a:lnTo>
                    <a:lnTo>
                      <a:pt x="1735" y="33"/>
                    </a:lnTo>
                    <a:lnTo>
                      <a:pt x="1766" y="34"/>
                    </a:lnTo>
                    <a:lnTo>
                      <a:pt x="1796" y="37"/>
                    </a:lnTo>
                    <a:lnTo>
                      <a:pt x="1805" y="38"/>
                    </a:lnTo>
                    <a:lnTo>
                      <a:pt x="1814" y="41"/>
                    </a:lnTo>
                    <a:lnTo>
                      <a:pt x="1823" y="43"/>
                    </a:lnTo>
                    <a:lnTo>
                      <a:pt x="1831" y="47"/>
                    </a:lnTo>
                    <a:lnTo>
                      <a:pt x="1847" y="56"/>
                    </a:lnTo>
                    <a:lnTo>
                      <a:pt x="1863" y="67"/>
                    </a:lnTo>
                    <a:lnTo>
                      <a:pt x="1878" y="77"/>
                    </a:lnTo>
                    <a:lnTo>
                      <a:pt x="1895" y="85"/>
                    </a:lnTo>
                    <a:lnTo>
                      <a:pt x="1904" y="89"/>
                    </a:lnTo>
                    <a:lnTo>
                      <a:pt x="1913" y="91"/>
                    </a:lnTo>
                    <a:lnTo>
                      <a:pt x="1924" y="92"/>
                    </a:lnTo>
                    <a:lnTo>
                      <a:pt x="1934" y="94"/>
                    </a:lnTo>
                    <a:lnTo>
                      <a:pt x="1955" y="94"/>
                    </a:lnTo>
                    <a:lnTo>
                      <a:pt x="1976" y="92"/>
                    </a:lnTo>
                    <a:lnTo>
                      <a:pt x="1998" y="91"/>
                    </a:lnTo>
                    <a:lnTo>
                      <a:pt x="2021" y="89"/>
                    </a:lnTo>
                    <a:lnTo>
                      <a:pt x="2065" y="83"/>
                    </a:lnTo>
                    <a:lnTo>
                      <a:pt x="2108" y="82"/>
                    </a:lnTo>
                    <a:lnTo>
                      <a:pt x="2100" y="126"/>
                    </a:lnTo>
                    <a:lnTo>
                      <a:pt x="2092" y="168"/>
                    </a:lnTo>
                    <a:lnTo>
                      <a:pt x="2091" y="178"/>
                    </a:lnTo>
                    <a:lnTo>
                      <a:pt x="2091" y="188"/>
                    </a:lnTo>
                    <a:lnTo>
                      <a:pt x="2091" y="199"/>
                    </a:lnTo>
                    <a:lnTo>
                      <a:pt x="2092" y="209"/>
                    </a:lnTo>
                    <a:lnTo>
                      <a:pt x="2095" y="219"/>
                    </a:lnTo>
                    <a:lnTo>
                      <a:pt x="2099" y="230"/>
                    </a:lnTo>
                    <a:lnTo>
                      <a:pt x="2103" y="240"/>
                    </a:lnTo>
                    <a:lnTo>
                      <a:pt x="2109" y="250"/>
                    </a:lnTo>
                    <a:lnTo>
                      <a:pt x="2125" y="270"/>
                    </a:lnTo>
                    <a:lnTo>
                      <a:pt x="2134" y="280"/>
                    </a:lnTo>
                    <a:lnTo>
                      <a:pt x="2135" y="283"/>
                    </a:lnTo>
                    <a:lnTo>
                      <a:pt x="2135" y="285"/>
                    </a:lnTo>
                    <a:lnTo>
                      <a:pt x="2134" y="288"/>
                    </a:lnTo>
                    <a:lnTo>
                      <a:pt x="2131" y="292"/>
                    </a:lnTo>
                    <a:lnTo>
                      <a:pt x="2123" y="301"/>
                    </a:lnTo>
                    <a:lnTo>
                      <a:pt x="2110" y="314"/>
                    </a:lnTo>
                    <a:lnTo>
                      <a:pt x="2096" y="327"/>
                    </a:lnTo>
                    <a:lnTo>
                      <a:pt x="2086" y="336"/>
                    </a:lnTo>
                    <a:lnTo>
                      <a:pt x="2077" y="342"/>
                    </a:lnTo>
                    <a:lnTo>
                      <a:pt x="2068" y="345"/>
                    </a:lnTo>
                    <a:lnTo>
                      <a:pt x="2059" y="346"/>
                    </a:lnTo>
                    <a:lnTo>
                      <a:pt x="2048" y="345"/>
                    </a:lnTo>
                    <a:lnTo>
                      <a:pt x="2034" y="344"/>
                    </a:lnTo>
                    <a:lnTo>
                      <a:pt x="2016" y="341"/>
                    </a:lnTo>
                    <a:lnTo>
                      <a:pt x="2003" y="341"/>
                    </a:lnTo>
                    <a:lnTo>
                      <a:pt x="1990" y="341"/>
                    </a:lnTo>
                    <a:lnTo>
                      <a:pt x="1977" y="344"/>
                    </a:lnTo>
                    <a:lnTo>
                      <a:pt x="1967" y="348"/>
                    </a:lnTo>
                    <a:lnTo>
                      <a:pt x="1955" y="352"/>
                    </a:lnTo>
                    <a:lnTo>
                      <a:pt x="1946" y="358"/>
                    </a:lnTo>
                    <a:lnTo>
                      <a:pt x="1936" y="364"/>
                    </a:lnTo>
                    <a:lnTo>
                      <a:pt x="1926" y="372"/>
                    </a:lnTo>
                    <a:lnTo>
                      <a:pt x="1891" y="406"/>
                    </a:lnTo>
                    <a:lnTo>
                      <a:pt x="1854" y="440"/>
                    </a:lnTo>
                    <a:lnTo>
                      <a:pt x="1855" y="485"/>
                    </a:lnTo>
                    <a:lnTo>
                      <a:pt x="1858" y="529"/>
                    </a:lnTo>
                    <a:lnTo>
                      <a:pt x="1860" y="574"/>
                    </a:lnTo>
                    <a:lnTo>
                      <a:pt x="1860" y="618"/>
                    </a:lnTo>
                    <a:lnTo>
                      <a:pt x="1860" y="626"/>
                    </a:lnTo>
                    <a:lnTo>
                      <a:pt x="1858" y="633"/>
                    </a:lnTo>
                    <a:lnTo>
                      <a:pt x="1855" y="639"/>
                    </a:lnTo>
                    <a:lnTo>
                      <a:pt x="1850" y="646"/>
                    </a:lnTo>
                    <a:lnTo>
                      <a:pt x="1840" y="657"/>
                    </a:lnTo>
                    <a:lnTo>
                      <a:pt x="1828" y="668"/>
                    </a:lnTo>
                    <a:lnTo>
                      <a:pt x="1815" y="678"/>
                    </a:lnTo>
                    <a:lnTo>
                      <a:pt x="1802" y="690"/>
                    </a:lnTo>
                    <a:lnTo>
                      <a:pt x="1796" y="695"/>
                    </a:lnTo>
                    <a:lnTo>
                      <a:pt x="1789" y="701"/>
                    </a:lnTo>
                    <a:lnTo>
                      <a:pt x="1784" y="706"/>
                    </a:lnTo>
                    <a:lnTo>
                      <a:pt x="1780" y="713"/>
                    </a:lnTo>
                    <a:lnTo>
                      <a:pt x="1771" y="734"/>
                    </a:lnTo>
                    <a:lnTo>
                      <a:pt x="1759" y="756"/>
                    </a:lnTo>
                    <a:lnTo>
                      <a:pt x="1754" y="766"/>
                    </a:lnTo>
                    <a:lnTo>
                      <a:pt x="1746" y="775"/>
                    </a:lnTo>
                    <a:lnTo>
                      <a:pt x="1742" y="779"/>
                    </a:lnTo>
                    <a:lnTo>
                      <a:pt x="1737" y="782"/>
                    </a:lnTo>
                    <a:lnTo>
                      <a:pt x="1732" y="783"/>
                    </a:lnTo>
                    <a:lnTo>
                      <a:pt x="1727" y="784"/>
                    </a:lnTo>
                    <a:lnTo>
                      <a:pt x="1727" y="788"/>
                    </a:lnTo>
                    <a:lnTo>
                      <a:pt x="1728" y="792"/>
                    </a:lnTo>
                    <a:lnTo>
                      <a:pt x="1731" y="793"/>
                    </a:lnTo>
                    <a:lnTo>
                      <a:pt x="1735" y="796"/>
                    </a:lnTo>
                    <a:lnTo>
                      <a:pt x="1742" y="797"/>
                    </a:lnTo>
                    <a:lnTo>
                      <a:pt x="1752" y="797"/>
                    </a:lnTo>
                    <a:lnTo>
                      <a:pt x="1761" y="797"/>
                    </a:lnTo>
                    <a:lnTo>
                      <a:pt x="1771" y="795"/>
                    </a:lnTo>
                    <a:lnTo>
                      <a:pt x="1779" y="793"/>
                    </a:lnTo>
                    <a:lnTo>
                      <a:pt x="1784" y="791"/>
                    </a:lnTo>
                    <a:lnTo>
                      <a:pt x="1793" y="787"/>
                    </a:lnTo>
                    <a:lnTo>
                      <a:pt x="1801" y="784"/>
                    </a:lnTo>
                    <a:lnTo>
                      <a:pt x="1809" y="784"/>
                    </a:lnTo>
                    <a:lnTo>
                      <a:pt x="1815" y="785"/>
                    </a:lnTo>
                    <a:lnTo>
                      <a:pt x="1820" y="788"/>
                    </a:lnTo>
                    <a:lnTo>
                      <a:pt x="1827" y="792"/>
                    </a:lnTo>
                    <a:lnTo>
                      <a:pt x="1833" y="797"/>
                    </a:lnTo>
                    <a:lnTo>
                      <a:pt x="1840" y="804"/>
                    </a:lnTo>
                    <a:lnTo>
                      <a:pt x="1868" y="832"/>
                    </a:lnTo>
                    <a:lnTo>
                      <a:pt x="1898" y="863"/>
                    </a:lnTo>
                    <a:lnTo>
                      <a:pt x="1911" y="880"/>
                    </a:lnTo>
                    <a:lnTo>
                      <a:pt x="1921" y="898"/>
                    </a:lnTo>
                    <a:lnTo>
                      <a:pt x="1926" y="907"/>
                    </a:lnTo>
                    <a:lnTo>
                      <a:pt x="1930" y="916"/>
                    </a:lnTo>
                    <a:lnTo>
                      <a:pt x="1934" y="925"/>
                    </a:lnTo>
                    <a:lnTo>
                      <a:pt x="1937" y="936"/>
                    </a:lnTo>
                    <a:lnTo>
                      <a:pt x="1939" y="945"/>
                    </a:lnTo>
                    <a:lnTo>
                      <a:pt x="1943" y="953"/>
                    </a:lnTo>
                    <a:lnTo>
                      <a:pt x="1947" y="960"/>
                    </a:lnTo>
                    <a:lnTo>
                      <a:pt x="1952" y="968"/>
                    </a:lnTo>
                    <a:lnTo>
                      <a:pt x="1912" y="997"/>
                    </a:lnTo>
                    <a:lnTo>
                      <a:pt x="1869" y="1030"/>
                    </a:lnTo>
                    <a:lnTo>
                      <a:pt x="1858" y="1037"/>
                    </a:lnTo>
                    <a:lnTo>
                      <a:pt x="1847" y="1043"/>
                    </a:lnTo>
                    <a:lnTo>
                      <a:pt x="1836" y="1048"/>
                    </a:lnTo>
                    <a:lnTo>
                      <a:pt x="1824" y="1051"/>
                    </a:lnTo>
                    <a:lnTo>
                      <a:pt x="1812" y="1054"/>
                    </a:lnTo>
                    <a:lnTo>
                      <a:pt x="1801" y="1054"/>
                    </a:lnTo>
                    <a:lnTo>
                      <a:pt x="1789" y="1051"/>
                    </a:lnTo>
                    <a:lnTo>
                      <a:pt x="1777" y="1046"/>
                    </a:lnTo>
                    <a:lnTo>
                      <a:pt x="1770" y="1041"/>
                    </a:lnTo>
                    <a:lnTo>
                      <a:pt x="1762" y="1034"/>
                    </a:lnTo>
                    <a:lnTo>
                      <a:pt x="1753" y="1026"/>
                    </a:lnTo>
                    <a:lnTo>
                      <a:pt x="1745" y="1017"/>
                    </a:lnTo>
                    <a:lnTo>
                      <a:pt x="1726" y="998"/>
                    </a:lnTo>
                    <a:lnTo>
                      <a:pt x="1707" y="977"/>
                    </a:lnTo>
                    <a:lnTo>
                      <a:pt x="1688" y="958"/>
                    </a:lnTo>
                    <a:lnTo>
                      <a:pt x="1670" y="941"/>
                    </a:lnTo>
                    <a:lnTo>
                      <a:pt x="1661" y="934"/>
                    </a:lnTo>
                    <a:lnTo>
                      <a:pt x="1652" y="931"/>
                    </a:lnTo>
                    <a:lnTo>
                      <a:pt x="1644" y="928"/>
                    </a:lnTo>
                    <a:lnTo>
                      <a:pt x="1636" y="928"/>
                    </a:lnTo>
                    <a:lnTo>
                      <a:pt x="1627" y="931"/>
                    </a:lnTo>
                    <a:lnTo>
                      <a:pt x="1618" y="933"/>
                    </a:lnTo>
                    <a:lnTo>
                      <a:pt x="1610" y="937"/>
                    </a:lnTo>
                    <a:lnTo>
                      <a:pt x="1604" y="941"/>
                    </a:lnTo>
                    <a:lnTo>
                      <a:pt x="1597" y="946"/>
                    </a:lnTo>
                    <a:lnTo>
                      <a:pt x="1592" y="951"/>
                    </a:lnTo>
                    <a:lnTo>
                      <a:pt x="1588" y="958"/>
                    </a:lnTo>
                    <a:lnTo>
                      <a:pt x="1584" y="964"/>
                    </a:lnTo>
                    <a:lnTo>
                      <a:pt x="1571" y="993"/>
                    </a:lnTo>
                    <a:lnTo>
                      <a:pt x="1559" y="1023"/>
                    </a:lnTo>
                    <a:lnTo>
                      <a:pt x="1553" y="1030"/>
                    </a:lnTo>
                    <a:lnTo>
                      <a:pt x="1548" y="1037"/>
                    </a:lnTo>
                    <a:lnTo>
                      <a:pt x="1540" y="1042"/>
                    </a:lnTo>
                    <a:lnTo>
                      <a:pt x="1533" y="1046"/>
                    </a:lnTo>
                    <a:lnTo>
                      <a:pt x="1516" y="1051"/>
                    </a:lnTo>
                    <a:lnTo>
                      <a:pt x="1499" y="1056"/>
                    </a:lnTo>
                    <a:lnTo>
                      <a:pt x="1384" y="1100"/>
                    </a:lnTo>
                    <a:lnTo>
                      <a:pt x="1373" y="1103"/>
                    </a:lnTo>
                    <a:lnTo>
                      <a:pt x="1364" y="1105"/>
                    </a:lnTo>
                    <a:lnTo>
                      <a:pt x="1356" y="1107"/>
                    </a:lnTo>
                    <a:lnTo>
                      <a:pt x="1347" y="1107"/>
                    </a:lnTo>
                    <a:lnTo>
                      <a:pt x="1332" y="1105"/>
                    </a:lnTo>
                    <a:lnTo>
                      <a:pt x="1312" y="1102"/>
                    </a:lnTo>
                    <a:lnTo>
                      <a:pt x="1303" y="1099"/>
                    </a:lnTo>
                    <a:lnTo>
                      <a:pt x="1296" y="1099"/>
                    </a:lnTo>
                    <a:lnTo>
                      <a:pt x="1288" y="1098"/>
                    </a:lnTo>
                    <a:lnTo>
                      <a:pt x="1280" y="1099"/>
                    </a:lnTo>
                    <a:lnTo>
                      <a:pt x="1274" y="1100"/>
                    </a:lnTo>
                    <a:lnTo>
                      <a:pt x="1267" y="1103"/>
                    </a:lnTo>
                    <a:lnTo>
                      <a:pt x="1259" y="1107"/>
                    </a:lnTo>
                    <a:lnTo>
                      <a:pt x="1253" y="1112"/>
                    </a:lnTo>
                    <a:lnTo>
                      <a:pt x="1248" y="1116"/>
                    </a:lnTo>
                    <a:lnTo>
                      <a:pt x="1244" y="1122"/>
                    </a:lnTo>
                    <a:lnTo>
                      <a:pt x="1241" y="1129"/>
                    </a:lnTo>
                    <a:lnTo>
                      <a:pt x="1239" y="1137"/>
                    </a:lnTo>
                    <a:lnTo>
                      <a:pt x="1233" y="1152"/>
                    </a:lnTo>
                    <a:lnTo>
                      <a:pt x="1228" y="1166"/>
                    </a:lnTo>
                    <a:lnTo>
                      <a:pt x="1244" y="1191"/>
                    </a:lnTo>
                    <a:lnTo>
                      <a:pt x="1262" y="1217"/>
                    </a:lnTo>
                    <a:lnTo>
                      <a:pt x="1266" y="1223"/>
                    </a:lnTo>
                    <a:lnTo>
                      <a:pt x="1268" y="1230"/>
                    </a:lnTo>
                    <a:lnTo>
                      <a:pt x="1270" y="1238"/>
                    </a:lnTo>
                    <a:lnTo>
                      <a:pt x="1270" y="1244"/>
                    </a:lnTo>
                    <a:lnTo>
                      <a:pt x="1268" y="1251"/>
                    </a:lnTo>
                    <a:lnTo>
                      <a:pt x="1266" y="1257"/>
                    </a:lnTo>
                    <a:lnTo>
                      <a:pt x="1261" y="1265"/>
                    </a:lnTo>
                    <a:lnTo>
                      <a:pt x="1253" y="1271"/>
                    </a:lnTo>
                    <a:lnTo>
                      <a:pt x="1245" y="1276"/>
                    </a:lnTo>
                    <a:lnTo>
                      <a:pt x="1237" y="1282"/>
                    </a:lnTo>
                    <a:lnTo>
                      <a:pt x="1228" y="1286"/>
                    </a:lnTo>
                    <a:lnTo>
                      <a:pt x="1220" y="1288"/>
                    </a:lnTo>
                    <a:lnTo>
                      <a:pt x="1202" y="1292"/>
                    </a:lnTo>
                    <a:lnTo>
                      <a:pt x="1184" y="1293"/>
                    </a:lnTo>
                    <a:lnTo>
                      <a:pt x="1147" y="1293"/>
                    </a:lnTo>
                    <a:lnTo>
                      <a:pt x="1110" y="1291"/>
                    </a:lnTo>
                    <a:lnTo>
                      <a:pt x="1097" y="1292"/>
                    </a:lnTo>
                    <a:lnTo>
                      <a:pt x="1086" y="1296"/>
                    </a:lnTo>
                    <a:lnTo>
                      <a:pt x="1075" y="1300"/>
                    </a:lnTo>
                    <a:lnTo>
                      <a:pt x="1065" y="1305"/>
                    </a:lnTo>
                    <a:lnTo>
                      <a:pt x="1055" y="1311"/>
                    </a:lnTo>
                    <a:lnTo>
                      <a:pt x="1045" y="1317"/>
                    </a:lnTo>
                    <a:lnTo>
                      <a:pt x="1035" y="1322"/>
                    </a:lnTo>
                    <a:lnTo>
                      <a:pt x="1025" y="1326"/>
                    </a:lnTo>
                    <a:lnTo>
                      <a:pt x="1018" y="1327"/>
                    </a:lnTo>
                    <a:lnTo>
                      <a:pt x="1011" y="1327"/>
                    </a:lnTo>
                    <a:lnTo>
                      <a:pt x="1004" y="1326"/>
                    </a:lnTo>
                    <a:lnTo>
                      <a:pt x="998" y="1324"/>
                    </a:lnTo>
                    <a:lnTo>
                      <a:pt x="982" y="1318"/>
                    </a:lnTo>
                    <a:lnTo>
                      <a:pt x="968" y="1310"/>
                    </a:lnTo>
                    <a:lnTo>
                      <a:pt x="939" y="1291"/>
                    </a:lnTo>
                    <a:lnTo>
                      <a:pt x="916" y="1275"/>
                    </a:lnTo>
                    <a:lnTo>
                      <a:pt x="907" y="1271"/>
                    </a:lnTo>
                    <a:lnTo>
                      <a:pt x="898" y="1269"/>
                    </a:lnTo>
                    <a:lnTo>
                      <a:pt x="887" y="1267"/>
                    </a:lnTo>
                    <a:lnTo>
                      <a:pt x="877" y="1267"/>
                    </a:lnTo>
                    <a:lnTo>
                      <a:pt x="858" y="1270"/>
                    </a:lnTo>
                    <a:lnTo>
                      <a:pt x="837" y="1273"/>
                    </a:lnTo>
                    <a:lnTo>
                      <a:pt x="815" y="1278"/>
                    </a:lnTo>
                    <a:lnTo>
                      <a:pt x="794" y="1282"/>
                    </a:lnTo>
                    <a:lnTo>
                      <a:pt x="785" y="1283"/>
                    </a:lnTo>
                    <a:lnTo>
                      <a:pt x="775" y="1283"/>
                    </a:lnTo>
                    <a:lnTo>
                      <a:pt x="764" y="1283"/>
                    </a:lnTo>
                    <a:lnTo>
                      <a:pt x="755" y="1282"/>
                    </a:lnTo>
                    <a:lnTo>
                      <a:pt x="749" y="1280"/>
                    </a:lnTo>
                    <a:lnTo>
                      <a:pt x="744" y="1278"/>
                    </a:lnTo>
                    <a:lnTo>
                      <a:pt x="740" y="1275"/>
                    </a:lnTo>
                    <a:lnTo>
                      <a:pt x="736" y="1273"/>
                    </a:lnTo>
                    <a:lnTo>
                      <a:pt x="731" y="1267"/>
                    </a:lnTo>
                    <a:lnTo>
                      <a:pt x="727" y="1260"/>
                    </a:lnTo>
                    <a:lnTo>
                      <a:pt x="722" y="1243"/>
                    </a:lnTo>
                    <a:lnTo>
                      <a:pt x="715" y="1225"/>
                    </a:lnTo>
                    <a:lnTo>
                      <a:pt x="689" y="1225"/>
                    </a:lnTo>
                    <a:lnTo>
                      <a:pt x="667" y="1226"/>
                    </a:lnTo>
                    <a:lnTo>
                      <a:pt x="657" y="1226"/>
                    </a:lnTo>
                    <a:lnTo>
                      <a:pt x="648" y="1229"/>
                    </a:lnTo>
                    <a:lnTo>
                      <a:pt x="639" y="1230"/>
                    </a:lnTo>
                    <a:lnTo>
                      <a:pt x="631" y="1234"/>
                    </a:lnTo>
                    <a:lnTo>
                      <a:pt x="623" y="1238"/>
                    </a:lnTo>
                    <a:lnTo>
                      <a:pt x="615" y="1241"/>
                    </a:lnTo>
                    <a:lnTo>
                      <a:pt x="608" y="1247"/>
                    </a:lnTo>
                    <a:lnTo>
                      <a:pt x="601" y="1254"/>
                    </a:lnTo>
                    <a:lnTo>
                      <a:pt x="593" y="1262"/>
                    </a:lnTo>
                    <a:lnTo>
                      <a:pt x="587" y="1271"/>
                    </a:lnTo>
                    <a:lnTo>
                      <a:pt x="579" y="1282"/>
                    </a:lnTo>
                    <a:lnTo>
                      <a:pt x="573" y="1293"/>
                    </a:lnTo>
                    <a:lnTo>
                      <a:pt x="567" y="1301"/>
                    </a:lnTo>
                    <a:lnTo>
                      <a:pt x="561" y="1309"/>
                    </a:lnTo>
                    <a:lnTo>
                      <a:pt x="554" y="1317"/>
                    </a:lnTo>
                    <a:lnTo>
                      <a:pt x="547" y="1324"/>
                    </a:lnTo>
                    <a:lnTo>
                      <a:pt x="529" y="1339"/>
                    </a:lnTo>
                    <a:lnTo>
                      <a:pt x="509" y="1352"/>
                    </a:lnTo>
                    <a:lnTo>
                      <a:pt x="488" y="1365"/>
                    </a:lnTo>
                    <a:lnTo>
                      <a:pt x="468" y="1374"/>
                    </a:lnTo>
                    <a:lnTo>
                      <a:pt x="448" y="1381"/>
                    </a:lnTo>
                    <a:lnTo>
                      <a:pt x="429" y="1385"/>
                    </a:lnTo>
                    <a:lnTo>
                      <a:pt x="415" y="1387"/>
                    </a:lnTo>
                    <a:lnTo>
                      <a:pt x="400" y="1385"/>
                    </a:lnTo>
                    <a:lnTo>
                      <a:pt x="386" y="1383"/>
                    </a:lnTo>
                    <a:lnTo>
                      <a:pt x="372" y="1380"/>
                    </a:lnTo>
                    <a:lnTo>
                      <a:pt x="359" y="1378"/>
                    </a:lnTo>
                    <a:lnTo>
                      <a:pt x="345" y="1375"/>
                    </a:lnTo>
                    <a:lnTo>
                      <a:pt x="332" y="1375"/>
                    </a:lnTo>
                    <a:lnTo>
                      <a:pt x="317" y="1376"/>
                    </a:lnTo>
                    <a:lnTo>
                      <a:pt x="299" y="1381"/>
                    </a:lnTo>
                    <a:lnTo>
                      <a:pt x="285" y="1388"/>
                    </a:lnTo>
                    <a:lnTo>
                      <a:pt x="273" y="1394"/>
                    </a:lnTo>
                    <a:lnTo>
                      <a:pt x="262" y="1400"/>
                    </a:lnTo>
                    <a:lnTo>
                      <a:pt x="255" y="1402"/>
                    </a:lnTo>
                    <a:lnTo>
                      <a:pt x="250" y="1403"/>
                    </a:lnTo>
                    <a:lnTo>
                      <a:pt x="244" y="1405"/>
                    </a:lnTo>
                    <a:lnTo>
                      <a:pt x="237" y="1405"/>
                    </a:lnTo>
                    <a:lnTo>
                      <a:pt x="229" y="1403"/>
                    </a:lnTo>
                    <a:lnTo>
                      <a:pt x="222" y="1402"/>
                    </a:lnTo>
                    <a:lnTo>
                      <a:pt x="212" y="1398"/>
                    </a:lnTo>
                    <a:lnTo>
                      <a:pt x="202" y="1394"/>
                    </a:lnTo>
                    <a:lnTo>
                      <a:pt x="210" y="1288"/>
                    </a:lnTo>
                    <a:lnTo>
                      <a:pt x="212" y="1276"/>
                    </a:lnTo>
                    <a:lnTo>
                      <a:pt x="214" y="1265"/>
                    </a:lnTo>
                    <a:lnTo>
                      <a:pt x="212" y="1254"/>
                    </a:lnTo>
                    <a:lnTo>
                      <a:pt x="211" y="1243"/>
                    </a:lnTo>
                    <a:lnTo>
                      <a:pt x="205" y="1222"/>
                    </a:lnTo>
                    <a:lnTo>
                      <a:pt x="197" y="1201"/>
                    </a:lnTo>
                    <a:lnTo>
                      <a:pt x="188" y="1182"/>
                    </a:lnTo>
                    <a:lnTo>
                      <a:pt x="183" y="1161"/>
                    </a:lnTo>
                    <a:lnTo>
                      <a:pt x="180" y="1150"/>
                    </a:lnTo>
                    <a:lnTo>
                      <a:pt x="180" y="1139"/>
                    </a:lnTo>
                    <a:lnTo>
                      <a:pt x="181" y="1129"/>
                    </a:lnTo>
                    <a:lnTo>
                      <a:pt x="185" y="1117"/>
                    </a:lnTo>
                    <a:lnTo>
                      <a:pt x="187" y="1111"/>
                    </a:lnTo>
                    <a:lnTo>
                      <a:pt x="188" y="1107"/>
                    </a:lnTo>
                    <a:lnTo>
                      <a:pt x="188" y="1102"/>
                    </a:lnTo>
                    <a:lnTo>
                      <a:pt x="187" y="1099"/>
                    </a:lnTo>
                    <a:lnTo>
                      <a:pt x="184" y="1095"/>
                    </a:lnTo>
                    <a:lnTo>
                      <a:pt x="181" y="1093"/>
                    </a:lnTo>
                    <a:lnTo>
                      <a:pt x="176" y="1091"/>
                    </a:lnTo>
                    <a:lnTo>
                      <a:pt x="170" y="1089"/>
                    </a:lnTo>
                    <a:lnTo>
                      <a:pt x="146" y="1083"/>
                    </a:lnTo>
                    <a:lnTo>
                      <a:pt x="124" y="1077"/>
                    </a:lnTo>
                    <a:lnTo>
                      <a:pt x="113" y="1073"/>
                    </a:lnTo>
                    <a:lnTo>
                      <a:pt x="102" y="1069"/>
                    </a:lnTo>
                    <a:lnTo>
                      <a:pt x="92" y="1065"/>
                    </a:lnTo>
                    <a:lnTo>
                      <a:pt x="82" y="1059"/>
                    </a:lnTo>
                    <a:lnTo>
                      <a:pt x="60" y="1046"/>
                    </a:lnTo>
                    <a:lnTo>
                      <a:pt x="36" y="1032"/>
                    </a:lnTo>
                    <a:lnTo>
                      <a:pt x="26" y="1023"/>
                    </a:lnTo>
                    <a:lnTo>
                      <a:pt x="17" y="1015"/>
                    </a:lnTo>
                    <a:lnTo>
                      <a:pt x="8" y="1004"/>
                    </a:lnTo>
                    <a:lnTo>
                      <a:pt x="0" y="994"/>
                    </a:lnTo>
                    <a:lnTo>
                      <a:pt x="16" y="929"/>
                    </a:lnTo>
                    <a:lnTo>
                      <a:pt x="14" y="919"/>
                    </a:lnTo>
                    <a:lnTo>
                      <a:pt x="14" y="909"/>
                    </a:lnTo>
                    <a:lnTo>
                      <a:pt x="14" y="898"/>
                    </a:lnTo>
                    <a:lnTo>
                      <a:pt x="16" y="887"/>
                    </a:lnTo>
                    <a:lnTo>
                      <a:pt x="17" y="865"/>
                    </a:lnTo>
                    <a:lnTo>
                      <a:pt x="18" y="844"/>
                    </a:lnTo>
                    <a:lnTo>
                      <a:pt x="16" y="823"/>
                    </a:lnTo>
                    <a:lnTo>
                      <a:pt x="12" y="801"/>
                    </a:lnTo>
                    <a:lnTo>
                      <a:pt x="8" y="780"/>
                    </a:lnTo>
                    <a:lnTo>
                      <a:pt x="7" y="758"/>
                    </a:lnTo>
                    <a:lnTo>
                      <a:pt x="7" y="743"/>
                    </a:lnTo>
                    <a:lnTo>
                      <a:pt x="9" y="728"/>
                    </a:lnTo>
                    <a:lnTo>
                      <a:pt x="10" y="713"/>
                    </a:lnTo>
                    <a:lnTo>
                      <a:pt x="12" y="699"/>
                    </a:lnTo>
                    <a:lnTo>
                      <a:pt x="19" y="688"/>
                    </a:lnTo>
                    <a:lnTo>
                      <a:pt x="29" y="681"/>
                    </a:lnTo>
                    <a:lnTo>
                      <a:pt x="40" y="673"/>
                    </a:lnTo>
                    <a:lnTo>
                      <a:pt x="53" y="666"/>
                    </a:lnTo>
                    <a:lnTo>
                      <a:pt x="80" y="655"/>
                    </a:lnTo>
                    <a:lnTo>
                      <a:pt x="110" y="644"/>
                    </a:lnTo>
                    <a:lnTo>
                      <a:pt x="124" y="639"/>
                    </a:lnTo>
                    <a:lnTo>
                      <a:pt x="137" y="633"/>
                    </a:lnTo>
                    <a:lnTo>
                      <a:pt x="150" y="627"/>
                    </a:lnTo>
                    <a:lnTo>
                      <a:pt x="162" y="621"/>
                    </a:lnTo>
                    <a:lnTo>
                      <a:pt x="172" y="613"/>
                    </a:lnTo>
                    <a:lnTo>
                      <a:pt x="181" y="604"/>
                    </a:lnTo>
                    <a:lnTo>
                      <a:pt x="184" y="600"/>
                    </a:lnTo>
                    <a:lnTo>
                      <a:pt x="187" y="595"/>
                    </a:lnTo>
                    <a:lnTo>
                      <a:pt x="189" y="589"/>
                    </a:lnTo>
                    <a:lnTo>
                      <a:pt x="190" y="583"/>
                    </a:lnTo>
                    <a:lnTo>
                      <a:pt x="192" y="573"/>
                    </a:lnTo>
                    <a:lnTo>
                      <a:pt x="190" y="564"/>
                    </a:lnTo>
                    <a:lnTo>
                      <a:pt x="187" y="554"/>
                    </a:lnTo>
                    <a:lnTo>
                      <a:pt x="180" y="545"/>
                    </a:lnTo>
                    <a:lnTo>
                      <a:pt x="174" y="535"/>
                    </a:lnTo>
                    <a:lnTo>
                      <a:pt x="166" y="528"/>
                    </a:lnTo>
                    <a:lnTo>
                      <a:pt x="155" y="519"/>
                    </a:lnTo>
                    <a:lnTo>
                      <a:pt x="146" y="511"/>
                    </a:lnTo>
                    <a:lnTo>
                      <a:pt x="124" y="495"/>
                    </a:lnTo>
                    <a:lnTo>
                      <a:pt x="104" y="480"/>
                    </a:lnTo>
                    <a:lnTo>
                      <a:pt x="86" y="466"/>
                    </a:lnTo>
                    <a:lnTo>
                      <a:pt x="71" y="453"/>
                    </a:lnTo>
                    <a:lnTo>
                      <a:pt x="58" y="437"/>
                    </a:lnTo>
                    <a:lnTo>
                      <a:pt x="49" y="423"/>
                    </a:lnTo>
                    <a:lnTo>
                      <a:pt x="40" y="407"/>
                    </a:lnTo>
                    <a:lnTo>
                      <a:pt x="32" y="392"/>
                    </a:lnTo>
                    <a:lnTo>
                      <a:pt x="26" y="375"/>
                    </a:lnTo>
                    <a:lnTo>
                      <a:pt x="21" y="358"/>
                    </a:lnTo>
                    <a:lnTo>
                      <a:pt x="16" y="341"/>
                    </a:lnTo>
                    <a:lnTo>
                      <a:pt x="12" y="322"/>
                    </a:lnTo>
                    <a:lnTo>
                      <a:pt x="7" y="300"/>
                    </a:lnTo>
                    <a:lnTo>
                      <a:pt x="4" y="280"/>
                    </a:lnTo>
                    <a:lnTo>
                      <a:pt x="4" y="265"/>
                    </a:lnTo>
                    <a:lnTo>
                      <a:pt x="5" y="249"/>
                    </a:lnTo>
                    <a:lnTo>
                      <a:pt x="9" y="236"/>
                    </a:lnTo>
                    <a:lnTo>
                      <a:pt x="17" y="221"/>
                    </a:lnTo>
                    <a:lnTo>
                      <a:pt x="26" y="206"/>
                    </a:lnTo>
                    <a:lnTo>
                      <a:pt x="38" y="188"/>
                    </a:lnTo>
                    <a:lnTo>
                      <a:pt x="105" y="76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78" name="Freeform 82"/>
              <p:cNvSpPr>
                <a:spLocks/>
              </p:cNvSpPr>
              <p:nvPr/>
            </p:nvSpPr>
            <p:spPr bwMode="auto">
              <a:xfrm>
                <a:off x="8903758" y="5243833"/>
                <a:ext cx="970962" cy="634014"/>
              </a:xfrm>
              <a:custGeom>
                <a:avLst/>
                <a:gdLst/>
                <a:ahLst/>
                <a:cxnLst>
                  <a:cxn ang="0">
                    <a:pos x="190" y="103"/>
                  </a:cxn>
                  <a:cxn ang="0">
                    <a:pos x="189" y="147"/>
                  </a:cxn>
                  <a:cxn ang="0">
                    <a:pos x="162" y="222"/>
                  </a:cxn>
                  <a:cxn ang="0">
                    <a:pos x="233" y="247"/>
                  </a:cxn>
                  <a:cxn ang="0">
                    <a:pos x="343" y="222"/>
                  </a:cxn>
                  <a:cxn ang="0">
                    <a:pos x="494" y="262"/>
                  </a:cxn>
                  <a:cxn ang="0">
                    <a:pos x="710" y="256"/>
                  </a:cxn>
                  <a:cxn ang="0">
                    <a:pos x="954" y="273"/>
                  </a:cxn>
                  <a:cxn ang="0">
                    <a:pos x="1078" y="279"/>
                  </a:cxn>
                  <a:cxn ang="0">
                    <a:pos x="1211" y="153"/>
                  </a:cxn>
                  <a:cxn ang="0">
                    <a:pos x="1347" y="47"/>
                  </a:cxn>
                  <a:cxn ang="0">
                    <a:pos x="1632" y="7"/>
                  </a:cxn>
                  <a:cxn ang="0">
                    <a:pos x="1805" y="38"/>
                  </a:cxn>
                  <a:cxn ang="0">
                    <a:pos x="1904" y="89"/>
                  </a:cxn>
                  <a:cxn ang="0">
                    <a:pos x="2065" y="83"/>
                  </a:cxn>
                  <a:cxn ang="0">
                    <a:pos x="2092" y="209"/>
                  </a:cxn>
                  <a:cxn ang="0">
                    <a:pos x="2135" y="285"/>
                  </a:cxn>
                  <a:cxn ang="0">
                    <a:pos x="2068" y="345"/>
                  </a:cxn>
                  <a:cxn ang="0">
                    <a:pos x="1967" y="348"/>
                  </a:cxn>
                  <a:cxn ang="0">
                    <a:pos x="1858" y="529"/>
                  </a:cxn>
                  <a:cxn ang="0">
                    <a:pos x="1828" y="668"/>
                  </a:cxn>
                  <a:cxn ang="0">
                    <a:pos x="1759" y="756"/>
                  </a:cxn>
                  <a:cxn ang="0">
                    <a:pos x="1728" y="792"/>
                  </a:cxn>
                  <a:cxn ang="0">
                    <a:pos x="1784" y="791"/>
                  </a:cxn>
                  <a:cxn ang="0">
                    <a:pos x="1840" y="804"/>
                  </a:cxn>
                  <a:cxn ang="0">
                    <a:pos x="1937" y="936"/>
                  </a:cxn>
                  <a:cxn ang="0">
                    <a:pos x="1858" y="1037"/>
                  </a:cxn>
                  <a:cxn ang="0">
                    <a:pos x="1770" y="1041"/>
                  </a:cxn>
                  <a:cxn ang="0">
                    <a:pos x="1661" y="934"/>
                  </a:cxn>
                  <a:cxn ang="0">
                    <a:pos x="1597" y="946"/>
                  </a:cxn>
                  <a:cxn ang="0">
                    <a:pos x="1540" y="1042"/>
                  </a:cxn>
                  <a:cxn ang="0">
                    <a:pos x="1356" y="1107"/>
                  </a:cxn>
                  <a:cxn ang="0">
                    <a:pos x="1274" y="1100"/>
                  </a:cxn>
                  <a:cxn ang="0">
                    <a:pos x="1233" y="1152"/>
                  </a:cxn>
                  <a:cxn ang="0">
                    <a:pos x="1268" y="1251"/>
                  </a:cxn>
                  <a:cxn ang="0">
                    <a:pos x="1202" y="1292"/>
                  </a:cxn>
                  <a:cxn ang="0">
                    <a:pos x="1055" y="1311"/>
                  </a:cxn>
                  <a:cxn ang="0">
                    <a:pos x="982" y="1318"/>
                  </a:cxn>
                  <a:cxn ang="0">
                    <a:pos x="858" y="1270"/>
                  </a:cxn>
                  <a:cxn ang="0">
                    <a:pos x="749" y="1280"/>
                  </a:cxn>
                  <a:cxn ang="0">
                    <a:pos x="689" y="1225"/>
                  </a:cxn>
                  <a:cxn ang="0">
                    <a:pos x="608" y="1247"/>
                  </a:cxn>
                  <a:cxn ang="0">
                    <a:pos x="554" y="1317"/>
                  </a:cxn>
                  <a:cxn ang="0">
                    <a:pos x="415" y="1387"/>
                  </a:cxn>
                  <a:cxn ang="0">
                    <a:pos x="299" y="1381"/>
                  </a:cxn>
                  <a:cxn ang="0">
                    <a:pos x="229" y="1403"/>
                  </a:cxn>
                  <a:cxn ang="0">
                    <a:pos x="212" y="1254"/>
                  </a:cxn>
                  <a:cxn ang="0">
                    <a:pos x="181" y="1129"/>
                  </a:cxn>
                  <a:cxn ang="0">
                    <a:pos x="176" y="1091"/>
                  </a:cxn>
                  <a:cxn ang="0">
                    <a:pos x="60" y="1046"/>
                  </a:cxn>
                  <a:cxn ang="0">
                    <a:pos x="14" y="919"/>
                  </a:cxn>
                  <a:cxn ang="0">
                    <a:pos x="8" y="780"/>
                  </a:cxn>
                  <a:cxn ang="0">
                    <a:pos x="40" y="673"/>
                  </a:cxn>
                  <a:cxn ang="0">
                    <a:pos x="172" y="613"/>
                  </a:cxn>
                  <a:cxn ang="0">
                    <a:pos x="187" y="554"/>
                  </a:cxn>
                  <a:cxn ang="0">
                    <a:pos x="86" y="466"/>
                  </a:cxn>
                  <a:cxn ang="0">
                    <a:pos x="16" y="341"/>
                  </a:cxn>
                  <a:cxn ang="0">
                    <a:pos x="26" y="206"/>
                  </a:cxn>
                </a:cxnLst>
                <a:rect l="0" t="0" r="r" b="b"/>
                <a:pathLst>
                  <a:path w="2135" h="1405">
                    <a:moveTo>
                      <a:pt x="105" y="76"/>
                    </a:moveTo>
                    <a:lnTo>
                      <a:pt x="119" y="81"/>
                    </a:lnTo>
                    <a:lnTo>
                      <a:pt x="135" y="86"/>
                    </a:lnTo>
                    <a:lnTo>
                      <a:pt x="149" y="90"/>
                    </a:lnTo>
                    <a:lnTo>
                      <a:pt x="162" y="94"/>
                    </a:lnTo>
                    <a:lnTo>
                      <a:pt x="174" y="96"/>
                    </a:lnTo>
                    <a:lnTo>
                      <a:pt x="185" y="100"/>
                    </a:lnTo>
                    <a:lnTo>
                      <a:pt x="190" y="103"/>
                    </a:lnTo>
                    <a:lnTo>
                      <a:pt x="196" y="105"/>
                    </a:lnTo>
                    <a:lnTo>
                      <a:pt x="200" y="108"/>
                    </a:lnTo>
                    <a:lnTo>
                      <a:pt x="202" y="112"/>
                    </a:lnTo>
                    <a:lnTo>
                      <a:pt x="205" y="117"/>
                    </a:lnTo>
                    <a:lnTo>
                      <a:pt x="205" y="122"/>
                    </a:lnTo>
                    <a:lnTo>
                      <a:pt x="203" y="127"/>
                    </a:lnTo>
                    <a:lnTo>
                      <a:pt x="200" y="134"/>
                    </a:lnTo>
                    <a:lnTo>
                      <a:pt x="189" y="147"/>
                    </a:lnTo>
                    <a:lnTo>
                      <a:pt x="178" y="160"/>
                    </a:lnTo>
                    <a:lnTo>
                      <a:pt x="171" y="168"/>
                    </a:lnTo>
                    <a:lnTo>
                      <a:pt x="166" y="175"/>
                    </a:lnTo>
                    <a:lnTo>
                      <a:pt x="162" y="184"/>
                    </a:lnTo>
                    <a:lnTo>
                      <a:pt x="159" y="192"/>
                    </a:lnTo>
                    <a:lnTo>
                      <a:pt x="158" y="201"/>
                    </a:lnTo>
                    <a:lnTo>
                      <a:pt x="159" y="212"/>
                    </a:lnTo>
                    <a:lnTo>
                      <a:pt x="162" y="222"/>
                    </a:lnTo>
                    <a:lnTo>
                      <a:pt x="168" y="232"/>
                    </a:lnTo>
                    <a:lnTo>
                      <a:pt x="175" y="240"/>
                    </a:lnTo>
                    <a:lnTo>
                      <a:pt x="183" y="245"/>
                    </a:lnTo>
                    <a:lnTo>
                      <a:pt x="192" y="248"/>
                    </a:lnTo>
                    <a:lnTo>
                      <a:pt x="201" y="249"/>
                    </a:lnTo>
                    <a:lnTo>
                      <a:pt x="211" y="250"/>
                    </a:lnTo>
                    <a:lnTo>
                      <a:pt x="222" y="249"/>
                    </a:lnTo>
                    <a:lnTo>
                      <a:pt x="233" y="247"/>
                    </a:lnTo>
                    <a:lnTo>
                      <a:pt x="245" y="244"/>
                    </a:lnTo>
                    <a:lnTo>
                      <a:pt x="268" y="236"/>
                    </a:lnTo>
                    <a:lnTo>
                      <a:pt x="290" y="228"/>
                    </a:lnTo>
                    <a:lnTo>
                      <a:pt x="301" y="226"/>
                    </a:lnTo>
                    <a:lnTo>
                      <a:pt x="311" y="223"/>
                    </a:lnTo>
                    <a:lnTo>
                      <a:pt x="320" y="221"/>
                    </a:lnTo>
                    <a:lnTo>
                      <a:pt x="328" y="221"/>
                    </a:lnTo>
                    <a:lnTo>
                      <a:pt x="343" y="222"/>
                    </a:lnTo>
                    <a:lnTo>
                      <a:pt x="358" y="225"/>
                    </a:lnTo>
                    <a:lnTo>
                      <a:pt x="373" y="230"/>
                    </a:lnTo>
                    <a:lnTo>
                      <a:pt x="387" y="235"/>
                    </a:lnTo>
                    <a:lnTo>
                      <a:pt x="418" y="247"/>
                    </a:lnTo>
                    <a:lnTo>
                      <a:pt x="447" y="256"/>
                    </a:lnTo>
                    <a:lnTo>
                      <a:pt x="463" y="258"/>
                    </a:lnTo>
                    <a:lnTo>
                      <a:pt x="478" y="261"/>
                    </a:lnTo>
                    <a:lnTo>
                      <a:pt x="494" y="262"/>
                    </a:lnTo>
                    <a:lnTo>
                      <a:pt x="508" y="262"/>
                    </a:lnTo>
                    <a:lnTo>
                      <a:pt x="536" y="262"/>
                    </a:lnTo>
                    <a:lnTo>
                      <a:pt x="565" y="261"/>
                    </a:lnTo>
                    <a:lnTo>
                      <a:pt x="593" y="258"/>
                    </a:lnTo>
                    <a:lnTo>
                      <a:pt x="622" y="256"/>
                    </a:lnTo>
                    <a:lnTo>
                      <a:pt x="650" y="254"/>
                    </a:lnTo>
                    <a:lnTo>
                      <a:pt x="680" y="254"/>
                    </a:lnTo>
                    <a:lnTo>
                      <a:pt x="710" y="256"/>
                    </a:lnTo>
                    <a:lnTo>
                      <a:pt x="740" y="256"/>
                    </a:lnTo>
                    <a:lnTo>
                      <a:pt x="770" y="256"/>
                    </a:lnTo>
                    <a:lnTo>
                      <a:pt x="799" y="257"/>
                    </a:lnTo>
                    <a:lnTo>
                      <a:pt x="829" y="257"/>
                    </a:lnTo>
                    <a:lnTo>
                      <a:pt x="859" y="260"/>
                    </a:lnTo>
                    <a:lnTo>
                      <a:pt x="889" y="262"/>
                    </a:lnTo>
                    <a:lnTo>
                      <a:pt x="919" y="266"/>
                    </a:lnTo>
                    <a:lnTo>
                      <a:pt x="954" y="273"/>
                    </a:lnTo>
                    <a:lnTo>
                      <a:pt x="981" y="280"/>
                    </a:lnTo>
                    <a:lnTo>
                      <a:pt x="1004" y="287"/>
                    </a:lnTo>
                    <a:lnTo>
                      <a:pt x="1025" y="291"/>
                    </a:lnTo>
                    <a:lnTo>
                      <a:pt x="1034" y="291"/>
                    </a:lnTo>
                    <a:lnTo>
                      <a:pt x="1044" y="289"/>
                    </a:lnTo>
                    <a:lnTo>
                      <a:pt x="1055" y="288"/>
                    </a:lnTo>
                    <a:lnTo>
                      <a:pt x="1066" y="284"/>
                    </a:lnTo>
                    <a:lnTo>
                      <a:pt x="1078" y="279"/>
                    </a:lnTo>
                    <a:lnTo>
                      <a:pt x="1091" y="271"/>
                    </a:lnTo>
                    <a:lnTo>
                      <a:pt x="1105" y="262"/>
                    </a:lnTo>
                    <a:lnTo>
                      <a:pt x="1122" y="250"/>
                    </a:lnTo>
                    <a:lnTo>
                      <a:pt x="1137" y="238"/>
                    </a:lnTo>
                    <a:lnTo>
                      <a:pt x="1153" y="223"/>
                    </a:lnTo>
                    <a:lnTo>
                      <a:pt x="1169" y="206"/>
                    </a:lnTo>
                    <a:lnTo>
                      <a:pt x="1183" y="190"/>
                    </a:lnTo>
                    <a:lnTo>
                      <a:pt x="1211" y="153"/>
                    </a:lnTo>
                    <a:lnTo>
                      <a:pt x="1240" y="121"/>
                    </a:lnTo>
                    <a:lnTo>
                      <a:pt x="1249" y="111"/>
                    </a:lnTo>
                    <a:lnTo>
                      <a:pt x="1259" y="102"/>
                    </a:lnTo>
                    <a:lnTo>
                      <a:pt x="1270" y="92"/>
                    </a:lnTo>
                    <a:lnTo>
                      <a:pt x="1280" y="85"/>
                    </a:lnTo>
                    <a:lnTo>
                      <a:pt x="1302" y="69"/>
                    </a:lnTo>
                    <a:lnTo>
                      <a:pt x="1324" y="57"/>
                    </a:lnTo>
                    <a:lnTo>
                      <a:pt x="1347" y="47"/>
                    </a:lnTo>
                    <a:lnTo>
                      <a:pt x="1371" y="39"/>
                    </a:lnTo>
                    <a:lnTo>
                      <a:pt x="1395" y="32"/>
                    </a:lnTo>
                    <a:lnTo>
                      <a:pt x="1419" y="26"/>
                    </a:lnTo>
                    <a:lnTo>
                      <a:pt x="1469" y="19"/>
                    </a:lnTo>
                    <a:lnTo>
                      <a:pt x="1518" y="13"/>
                    </a:lnTo>
                    <a:lnTo>
                      <a:pt x="1569" y="8"/>
                    </a:lnTo>
                    <a:lnTo>
                      <a:pt x="1618" y="0"/>
                    </a:lnTo>
                    <a:lnTo>
                      <a:pt x="1632" y="7"/>
                    </a:lnTo>
                    <a:lnTo>
                      <a:pt x="1648" y="13"/>
                    </a:lnTo>
                    <a:lnTo>
                      <a:pt x="1662" y="21"/>
                    </a:lnTo>
                    <a:lnTo>
                      <a:pt x="1674" y="30"/>
                    </a:lnTo>
                    <a:lnTo>
                      <a:pt x="1704" y="32"/>
                    </a:lnTo>
                    <a:lnTo>
                      <a:pt x="1735" y="33"/>
                    </a:lnTo>
                    <a:lnTo>
                      <a:pt x="1766" y="34"/>
                    </a:lnTo>
                    <a:lnTo>
                      <a:pt x="1796" y="37"/>
                    </a:lnTo>
                    <a:lnTo>
                      <a:pt x="1805" y="38"/>
                    </a:lnTo>
                    <a:lnTo>
                      <a:pt x="1814" y="41"/>
                    </a:lnTo>
                    <a:lnTo>
                      <a:pt x="1823" y="43"/>
                    </a:lnTo>
                    <a:lnTo>
                      <a:pt x="1831" y="47"/>
                    </a:lnTo>
                    <a:lnTo>
                      <a:pt x="1847" y="56"/>
                    </a:lnTo>
                    <a:lnTo>
                      <a:pt x="1863" y="67"/>
                    </a:lnTo>
                    <a:lnTo>
                      <a:pt x="1878" y="77"/>
                    </a:lnTo>
                    <a:lnTo>
                      <a:pt x="1895" y="85"/>
                    </a:lnTo>
                    <a:lnTo>
                      <a:pt x="1904" y="89"/>
                    </a:lnTo>
                    <a:lnTo>
                      <a:pt x="1913" y="91"/>
                    </a:lnTo>
                    <a:lnTo>
                      <a:pt x="1924" y="92"/>
                    </a:lnTo>
                    <a:lnTo>
                      <a:pt x="1934" y="94"/>
                    </a:lnTo>
                    <a:lnTo>
                      <a:pt x="1955" y="94"/>
                    </a:lnTo>
                    <a:lnTo>
                      <a:pt x="1976" y="92"/>
                    </a:lnTo>
                    <a:lnTo>
                      <a:pt x="1998" y="91"/>
                    </a:lnTo>
                    <a:lnTo>
                      <a:pt x="2021" y="89"/>
                    </a:lnTo>
                    <a:lnTo>
                      <a:pt x="2065" y="83"/>
                    </a:lnTo>
                    <a:lnTo>
                      <a:pt x="2108" y="82"/>
                    </a:lnTo>
                    <a:lnTo>
                      <a:pt x="2108" y="82"/>
                    </a:lnTo>
                    <a:lnTo>
                      <a:pt x="2100" y="126"/>
                    </a:lnTo>
                    <a:lnTo>
                      <a:pt x="2092" y="168"/>
                    </a:lnTo>
                    <a:lnTo>
                      <a:pt x="2091" y="178"/>
                    </a:lnTo>
                    <a:lnTo>
                      <a:pt x="2091" y="188"/>
                    </a:lnTo>
                    <a:lnTo>
                      <a:pt x="2091" y="199"/>
                    </a:lnTo>
                    <a:lnTo>
                      <a:pt x="2092" y="209"/>
                    </a:lnTo>
                    <a:lnTo>
                      <a:pt x="2095" y="219"/>
                    </a:lnTo>
                    <a:lnTo>
                      <a:pt x="2099" y="230"/>
                    </a:lnTo>
                    <a:lnTo>
                      <a:pt x="2103" y="240"/>
                    </a:lnTo>
                    <a:lnTo>
                      <a:pt x="2109" y="250"/>
                    </a:lnTo>
                    <a:lnTo>
                      <a:pt x="2125" y="270"/>
                    </a:lnTo>
                    <a:lnTo>
                      <a:pt x="2134" y="280"/>
                    </a:lnTo>
                    <a:lnTo>
                      <a:pt x="2135" y="283"/>
                    </a:lnTo>
                    <a:lnTo>
                      <a:pt x="2135" y="285"/>
                    </a:lnTo>
                    <a:lnTo>
                      <a:pt x="2134" y="288"/>
                    </a:lnTo>
                    <a:lnTo>
                      <a:pt x="2131" y="292"/>
                    </a:lnTo>
                    <a:lnTo>
                      <a:pt x="2123" y="301"/>
                    </a:lnTo>
                    <a:lnTo>
                      <a:pt x="2110" y="314"/>
                    </a:lnTo>
                    <a:lnTo>
                      <a:pt x="2096" y="327"/>
                    </a:lnTo>
                    <a:lnTo>
                      <a:pt x="2086" y="336"/>
                    </a:lnTo>
                    <a:lnTo>
                      <a:pt x="2077" y="342"/>
                    </a:lnTo>
                    <a:lnTo>
                      <a:pt x="2068" y="345"/>
                    </a:lnTo>
                    <a:lnTo>
                      <a:pt x="2059" y="346"/>
                    </a:lnTo>
                    <a:lnTo>
                      <a:pt x="2048" y="345"/>
                    </a:lnTo>
                    <a:lnTo>
                      <a:pt x="2034" y="344"/>
                    </a:lnTo>
                    <a:lnTo>
                      <a:pt x="2016" y="341"/>
                    </a:lnTo>
                    <a:lnTo>
                      <a:pt x="2003" y="341"/>
                    </a:lnTo>
                    <a:lnTo>
                      <a:pt x="1990" y="341"/>
                    </a:lnTo>
                    <a:lnTo>
                      <a:pt x="1977" y="344"/>
                    </a:lnTo>
                    <a:lnTo>
                      <a:pt x="1967" y="348"/>
                    </a:lnTo>
                    <a:lnTo>
                      <a:pt x="1955" y="352"/>
                    </a:lnTo>
                    <a:lnTo>
                      <a:pt x="1946" y="358"/>
                    </a:lnTo>
                    <a:lnTo>
                      <a:pt x="1936" y="364"/>
                    </a:lnTo>
                    <a:lnTo>
                      <a:pt x="1926" y="372"/>
                    </a:lnTo>
                    <a:lnTo>
                      <a:pt x="1891" y="406"/>
                    </a:lnTo>
                    <a:lnTo>
                      <a:pt x="1854" y="440"/>
                    </a:lnTo>
                    <a:lnTo>
                      <a:pt x="1855" y="485"/>
                    </a:lnTo>
                    <a:lnTo>
                      <a:pt x="1858" y="529"/>
                    </a:lnTo>
                    <a:lnTo>
                      <a:pt x="1860" y="574"/>
                    </a:lnTo>
                    <a:lnTo>
                      <a:pt x="1860" y="618"/>
                    </a:lnTo>
                    <a:lnTo>
                      <a:pt x="1860" y="626"/>
                    </a:lnTo>
                    <a:lnTo>
                      <a:pt x="1858" y="633"/>
                    </a:lnTo>
                    <a:lnTo>
                      <a:pt x="1855" y="639"/>
                    </a:lnTo>
                    <a:lnTo>
                      <a:pt x="1850" y="646"/>
                    </a:lnTo>
                    <a:lnTo>
                      <a:pt x="1840" y="657"/>
                    </a:lnTo>
                    <a:lnTo>
                      <a:pt x="1828" y="668"/>
                    </a:lnTo>
                    <a:lnTo>
                      <a:pt x="1815" y="678"/>
                    </a:lnTo>
                    <a:lnTo>
                      <a:pt x="1802" y="690"/>
                    </a:lnTo>
                    <a:lnTo>
                      <a:pt x="1796" y="695"/>
                    </a:lnTo>
                    <a:lnTo>
                      <a:pt x="1789" y="701"/>
                    </a:lnTo>
                    <a:lnTo>
                      <a:pt x="1784" y="706"/>
                    </a:lnTo>
                    <a:lnTo>
                      <a:pt x="1780" y="713"/>
                    </a:lnTo>
                    <a:lnTo>
                      <a:pt x="1771" y="734"/>
                    </a:lnTo>
                    <a:lnTo>
                      <a:pt x="1759" y="756"/>
                    </a:lnTo>
                    <a:lnTo>
                      <a:pt x="1754" y="766"/>
                    </a:lnTo>
                    <a:lnTo>
                      <a:pt x="1746" y="775"/>
                    </a:lnTo>
                    <a:lnTo>
                      <a:pt x="1742" y="779"/>
                    </a:lnTo>
                    <a:lnTo>
                      <a:pt x="1737" y="782"/>
                    </a:lnTo>
                    <a:lnTo>
                      <a:pt x="1732" y="783"/>
                    </a:lnTo>
                    <a:lnTo>
                      <a:pt x="1727" y="784"/>
                    </a:lnTo>
                    <a:lnTo>
                      <a:pt x="1727" y="788"/>
                    </a:lnTo>
                    <a:lnTo>
                      <a:pt x="1728" y="792"/>
                    </a:lnTo>
                    <a:lnTo>
                      <a:pt x="1731" y="793"/>
                    </a:lnTo>
                    <a:lnTo>
                      <a:pt x="1735" y="796"/>
                    </a:lnTo>
                    <a:lnTo>
                      <a:pt x="1742" y="797"/>
                    </a:lnTo>
                    <a:lnTo>
                      <a:pt x="1752" y="797"/>
                    </a:lnTo>
                    <a:lnTo>
                      <a:pt x="1761" y="797"/>
                    </a:lnTo>
                    <a:lnTo>
                      <a:pt x="1771" y="795"/>
                    </a:lnTo>
                    <a:lnTo>
                      <a:pt x="1779" y="793"/>
                    </a:lnTo>
                    <a:lnTo>
                      <a:pt x="1784" y="791"/>
                    </a:lnTo>
                    <a:lnTo>
                      <a:pt x="1793" y="787"/>
                    </a:lnTo>
                    <a:lnTo>
                      <a:pt x="1801" y="784"/>
                    </a:lnTo>
                    <a:lnTo>
                      <a:pt x="1809" y="784"/>
                    </a:lnTo>
                    <a:lnTo>
                      <a:pt x="1815" y="785"/>
                    </a:lnTo>
                    <a:lnTo>
                      <a:pt x="1820" y="788"/>
                    </a:lnTo>
                    <a:lnTo>
                      <a:pt x="1827" y="792"/>
                    </a:lnTo>
                    <a:lnTo>
                      <a:pt x="1833" y="797"/>
                    </a:lnTo>
                    <a:lnTo>
                      <a:pt x="1840" y="804"/>
                    </a:lnTo>
                    <a:lnTo>
                      <a:pt x="1868" y="832"/>
                    </a:lnTo>
                    <a:lnTo>
                      <a:pt x="1898" y="863"/>
                    </a:lnTo>
                    <a:lnTo>
                      <a:pt x="1911" y="880"/>
                    </a:lnTo>
                    <a:lnTo>
                      <a:pt x="1921" y="898"/>
                    </a:lnTo>
                    <a:lnTo>
                      <a:pt x="1926" y="907"/>
                    </a:lnTo>
                    <a:lnTo>
                      <a:pt x="1930" y="916"/>
                    </a:lnTo>
                    <a:lnTo>
                      <a:pt x="1934" y="925"/>
                    </a:lnTo>
                    <a:lnTo>
                      <a:pt x="1937" y="936"/>
                    </a:lnTo>
                    <a:lnTo>
                      <a:pt x="1939" y="945"/>
                    </a:lnTo>
                    <a:lnTo>
                      <a:pt x="1943" y="953"/>
                    </a:lnTo>
                    <a:lnTo>
                      <a:pt x="1947" y="960"/>
                    </a:lnTo>
                    <a:lnTo>
                      <a:pt x="1952" y="968"/>
                    </a:lnTo>
                    <a:lnTo>
                      <a:pt x="1952" y="968"/>
                    </a:lnTo>
                    <a:lnTo>
                      <a:pt x="1912" y="997"/>
                    </a:lnTo>
                    <a:lnTo>
                      <a:pt x="1869" y="1030"/>
                    </a:lnTo>
                    <a:lnTo>
                      <a:pt x="1858" y="1037"/>
                    </a:lnTo>
                    <a:lnTo>
                      <a:pt x="1847" y="1043"/>
                    </a:lnTo>
                    <a:lnTo>
                      <a:pt x="1836" y="1048"/>
                    </a:lnTo>
                    <a:lnTo>
                      <a:pt x="1824" y="1051"/>
                    </a:lnTo>
                    <a:lnTo>
                      <a:pt x="1812" y="1054"/>
                    </a:lnTo>
                    <a:lnTo>
                      <a:pt x="1801" y="1054"/>
                    </a:lnTo>
                    <a:lnTo>
                      <a:pt x="1789" y="1051"/>
                    </a:lnTo>
                    <a:lnTo>
                      <a:pt x="1777" y="1046"/>
                    </a:lnTo>
                    <a:lnTo>
                      <a:pt x="1770" y="1041"/>
                    </a:lnTo>
                    <a:lnTo>
                      <a:pt x="1762" y="1034"/>
                    </a:lnTo>
                    <a:lnTo>
                      <a:pt x="1753" y="1026"/>
                    </a:lnTo>
                    <a:lnTo>
                      <a:pt x="1745" y="1017"/>
                    </a:lnTo>
                    <a:lnTo>
                      <a:pt x="1726" y="998"/>
                    </a:lnTo>
                    <a:lnTo>
                      <a:pt x="1707" y="977"/>
                    </a:lnTo>
                    <a:lnTo>
                      <a:pt x="1688" y="958"/>
                    </a:lnTo>
                    <a:lnTo>
                      <a:pt x="1670" y="941"/>
                    </a:lnTo>
                    <a:lnTo>
                      <a:pt x="1661" y="934"/>
                    </a:lnTo>
                    <a:lnTo>
                      <a:pt x="1652" y="931"/>
                    </a:lnTo>
                    <a:lnTo>
                      <a:pt x="1644" y="928"/>
                    </a:lnTo>
                    <a:lnTo>
                      <a:pt x="1636" y="928"/>
                    </a:lnTo>
                    <a:lnTo>
                      <a:pt x="1627" y="931"/>
                    </a:lnTo>
                    <a:lnTo>
                      <a:pt x="1618" y="933"/>
                    </a:lnTo>
                    <a:lnTo>
                      <a:pt x="1610" y="937"/>
                    </a:lnTo>
                    <a:lnTo>
                      <a:pt x="1604" y="941"/>
                    </a:lnTo>
                    <a:lnTo>
                      <a:pt x="1597" y="946"/>
                    </a:lnTo>
                    <a:lnTo>
                      <a:pt x="1592" y="951"/>
                    </a:lnTo>
                    <a:lnTo>
                      <a:pt x="1588" y="958"/>
                    </a:lnTo>
                    <a:lnTo>
                      <a:pt x="1584" y="964"/>
                    </a:lnTo>
                    <a:lnTo>
                      <a:pt x="1571" y="993"/>
                    </a:lnTo>
                    <a:lnTo>
                      <a:pt x="1559" y="1023"/>
                    </a:lnTo>
                    <a:lnTo>
                      <a:pt x="1553" y="1030"/>
                    </a:lnTo>
                    <a:lnTo>
                      <a:pt x="1548" y="1037"/>
                    </a:lnTo>
                    <a:lnTo>
                      <a:pt x="1540" y="1042"/>
                    </a:lnTo>
                    <a:lnTo>
                      <a:pt x="1533" y="1046"/>
                    </a:lnTo>
                    <a:lnTo>
                      <a:pt x="1516" y="1051"/>
                    </a:lnTo>
                    <a:lnTo>
                      <a:pt x="1499" y="1056"/>
                    </a:lnTo>
                    <a:lnTo>
                      <a:pt x="1384" y="1100"/>
                    </a:lnTo>
                    <a:lnTo>
                      <a:pt x="1384" y="1100"/>
                    </a:lnTo>
                    <a:lnTo>
                      <a:pt x="1373" y="1103"/>
                    </a:lnTo>
                    <a:lnTo>
                      <a:pt x="1364" y="1105"/>
                    </a:lnTo>
                    <a:lnTo>
                      <a:pt x="1356" y="1107"/>
                    </a:lnTo>
                    <a:lnTo>
                      <a:pt x="1347" y="1107"/>
                    </a:lnTo>
                    <a:lnTo>
                      <a:pt x="1332" y="1105"/>
                    </a:lnTo>
                    <a:lnTo>
                      <a:pt x="1312" y="1102"/>
                    </a:lnTo>
                    <a:lnTo>
                      <a:pt x="1303" y="1099"/>
                    </a:lnTo>
                    <a:lnTo>
                      <a:pt x="1296" y="1099"/>
                    </a:lnTo>
                    <a:lnTo>
                      <a:pt x="1288" y="1098"/>
                    </a:lnTo>
                    <a:lnTo>
                      <a:pt x="1280" y="1099"/>
                    </a:lnTo>
                    <a:lnTo>
                      <a:pt x="1274" y="1100"/>
                    </a:lnTo>
                    <a:lnTo>
                      <a:pt x="1267" y="1103"/>
                    </a:lnTo>
                    <a:lnTo>
                      <a:pt x="1259" y="1107"/>
                    </a:lnTo>
                    <a:lnTo>
                      <a:pt x="1253" y="1112"/>
                    </a:lnTo>
                    <a:lnTo>
                      <a:pt x="1248" y="1116"/>
                    </a:lnTo>
                    <a:lnTo>
                      <a:pt x="1244" y="1122"/>
                    </a:lnTo>
                    <a:lnTo>
                      <a:pt x="1241" y="1129"/>
                    </a:lnTo>
                    <a:lnTo>
                      <a:pt x="1239" y="1137"/>
                    </a:lnTo>
                    <a:lnTo>
                      <a:pt x="1233" y="1152"/>
                    </a:lnTo>
                    <a:lnTo>
                      <a:pt x="1228" y="1166"/>
                    </a:lnTo>
                    <a:lnTo>
                      <a:pt x="1244" y="1191"/>
                    </a:lnTo>
                    <a:lnTo>
                      <a:pt x="1262" y="1217"/>
                    </a:lnTo>
                    <a:lnTo>
                      <a:pt x="1266" y="1223"/>
                    </a:lnTo>
                    <a:lnTo>
                      <a:pt x="1268" y="1230"/>
                    </a:lnTo>
                    <a:lnTo>
                      <a:pt x="1270" y="1238"/>
                    </a:lnTo>
                    <a:lnTo>
                      <a:pt x="1270" y="1244"/>
                    </a:lnTo>
                    <a:lnTo>
                      <a:pt x="1268" y="1251"/>
                    </a:lnTo>
                    <a:lnTo>
                      <a:pt x="1266" y="1257"/>
                    </a:lnTo>
                    <a:lnTo>
                      <a:pt x="1261" y="1265"/>
                    </a:lnTo>
                    <a:lnTo>
                      <a:pt x="1253" y="1271"/>
                    </a:lnTo>
                    <a:lnTo>
                      <a:pt x="1245" y="1276"/>
                    </a:lnTo>
                    <a:lnTo>
                      <a:pt x="1237" y="1282"/>
                    </a:lnTo>
                    <a:lnTo>
                      <a:pt x="1228" y="1286"/>
                    </a:lnTo>
                    <a:lnTo>
                      <a:pt x="1220" y="1288"/>
                    </a:lnTo>
                    <a:lnTo>
                      <a:pt x="1202" y="1292"/>
                    </a:lnTo>
                    <a:lnTo>
                      <a:pt x="1184" y="1293"/>
                    </a:lnTo>
                    <a:lnTo>
                      <a:pt x="1147" y="1293"/>
                    </a:lnTo>
                    <a:lnTo>
                      <a:pt x="1110" y="1291"/>
                    </a:lnTo>
                    <a:lnTo>
                      <a:pt x="1097" y="1292"/>
                    </a:lnTo>
                    <a:lnTo>
                      <a:pt x="1086" y="1296"/>
                    </a:lnTo>
                    <a:lnTo>
                      <a:pt x="1075" y="1300"/>
                    </a:lnTo>
                    <a:lnTo>
                      <a:pt x="1065" y="1305"/>
                    </a:lnTo>
                    <a:lnTo>
                      <a:pt x="1055" y="1311"/>
                    </a:lnTo>
                    <a:lnTo>
                      <a:pt x="1045" y="1317"/>
                    </a:lnTo>
                    <a:lnTo>
                      <a:pt x="1035" y="1322"/>
                    </a:lnTo>
                    <a:lnTo>
                      <a:pt x="1025" y="1326"/>
                    </a:lnTo>
                    <a:lnTo>
                      <a:pt x="1018" y="1327"/>
                    </a:lnTo>
                    <a:lnTo>
                      <a:pt x="1011" y="1327"/>
                    </a:lnTo>
                    <a:lnTo>
                      <a:pt x="1004" y="1326"/>
                    </a:lnTo>
                    <a:lnTo>
                      <a:pt x="998" y="1324"/>
                    </a:lnTo>
                    <a:lnTo>
                      <a:pt x="982" y="1318"/>
                    </a:lnTo>
                    <a:lnTo>
                      <a:pt x="968" y="1310"/>
                    </a:lnTo>
                    <a:lnTo>
                      <a:pt x="939" y="1291"/>
                    </a:lnTo>
                    <a:lnTo>
                      <a:pt x="916" y="1275"/>
                    </a:lnTo>
                    <a:lnTo>
                      <a:pt x="907" y="1271"/>
                    </a:lnTo>
                    <a:lnTo>
                      <a:pt x="898" y="1269"/>
                    </a:lnTo>
                    <a:lnTo>
                      <a:pt x="887" y="1267"/>
                    </a:lnTo>
                    <a:lnTo>
                      <a:pt x="877" y="1267"/>
                    </a:lnTo>
                    <a:lnTo>
                      <a:pt x="858" y="1270"/>
                    </a:lnTo>
                    <a:lnTo>
                      <a:pt x="837" y="1273"/>
                    </a:lnTo>
                    <a:lnTo>
                      <a:pt x="815" y="1278"/>
                    </a:lnTo>
                    <a:lnTo>
                      <a:pt x="794" y="1282"/>
                    </a:lnTo>
                    <a:lnTo>
                      <a:pt x="785" y="1283"/>
                    </a:lnTo>
                    <a:lnTo>
                      <a:pt x="775" y="1283"/>
                    </a:lnTo>
                    <a:lnTo>
                      <a:pt x="764" y="1283"/>
                    </a:lnTo>
                    <a:lnTo>
                      <a:pt x="755" y="1282"/>
                    </a:lnTo>
                    <a:lnTo>
                      <a:pt x="749" y="1280"/>
                    </a:lnTo>
                    <a:lnTo>
                      <a:pt x="744" y="1278"/>
                    </a:lnTo>
                    <a:lnTo>
                      <a:pt x="740" y="1275"/>
                    </a:lnTo>
                    <a:lnTo>
                      <a:pt x="736" y="1273"/>
                    </a:lnTo>
                    <a:lnTo>
                      <a:pt x="731" y="1267"/>
                    </a:lnTo>
                    <a:lnTo>
                      <a:pt x="727" y="1260"/>
                    </a:lnTo>
                    <a:lnTo>
                      <a:pt x="722" y="1243"/>
                    </a:lnTo>
                    <a:lnTo>
                      <a:pt x="715" y="1225"/>
                    </a:lnTo>
                    <a:lnTo>
                      <a:pt x="689" y="1225"/>
                    </a:lnTo>
                    <a:lnTo>
                      <a:pt x="667" y="1226"/>
                    </a:lnTo>
                    <a:lnTo>
                      <a:pt x="657" y="1226"/>
                    </a:lnTo>
                    <a:lnTo>
                      <a:pt x="648" y="1229"/>
                    </a:lnTo>
                    <a:lnTo>
                      <a:pt x="639" y="1230"/>
                    </a:lnTo>
                    <a:lnTo>
                      <a:pt x="631" y="1234"/>
                    </a:lnTo>
                    <a:lnTo>
                      <a:pt x="623" y="1238"/>
                    </a:lnTo>
                    <a:lnTo>
                      <a:pt x="615" y="1241"/>
                    </a:lnTo>
                    <a:lnTo>
                      <a:pt x="608" y="1247"/>
                    </a:lnTo>
                    <a:lnTo>
                      <a:pt x="601" y="1254"/>
                    </a:lnTo>
                    <a:lnTo>
                      <a:pt x="593" y="1262"/>
                    </a:lnTo>
                    <a:lnTo>
                      <a:pt x="587" y="1271"/>
                    </a:lnTo>
                    <a:lnTo>
                      <a:pt x="579" y="1282"/>
                    </a:lnTo>
                    <a:lnTo>
                      <a:pt x="573" y="1293"/>
                    </a:lnTo>
                    <a:lnTo>
                      <a:pt x="567" y="1301"/>
                    </a:lnTo>
                    <a:lnTo>
                      <a:pt x="561" y="1309"/>
                    </a:lnTo>
                    <a:lnTo>
                      <a:pt x="554" y="1317"/>
                    </a:lnTo>
                    <a:lnTo>
                      <a:pt x="547" y="1324"/>
                    </a:lnTo>
                    <a:lnTo>
                      <a:pt x="529" y="1339"/>
                    </a:lnTo>
                    <a:lnTo>
                      <a:pt x="509" y="1352"/>
                    </a:lnTo>
                    <a:lnTo>
                      <a:pt x="488" y="1365"/>
                    </a:lnTo>
                    <a:lnTo>
                      <a:pt x="468" y="1374"/>
                    </a:lnTo>
                    <a:lnTo>
                      <a:pt x="448" y="1381"/>
                    </a:lnTo>
                    <a:lnTo>
                      <a:pt x="429" y="1385"/>
                    </a:lnTo>
                    <a:lnTo>
                      <a:pt x="415" y="1387"/>
                    </a:lnTo>
                    <a:lnTo>
                      <a:pt x="400" y="1385"/>
                    </a:lnTo>
                    <a:lnTo>
                      <a:pt x="386" y="1383"/>
                    </a:lnTo>
                    <a:lnTo>
                      <a:pt x="372" y="1380"/>
                    </a:lnTo>
                    <a:lnTo>
                      <a:pt x="359" y="1378"/>
                    </a:lnTo>
                    <a:lnTo>
                      <a:pt x="345" y="1375"/>
                    </a:lnTo>
                    <a:lnTo>
                      <a:pt x="332" y="1375"/>
                    </a:lnTo>
                    <a:lnTo>
                      <a:pt x="317" y="1376"/>
                    </a:lnTo>
                    <a:lnTo>
                      <a:pt x="299" y="1381"/>
                    </a:lnTo>
                    <a:lnTo>
                      <a:pt x="285" y="1388"/>
                    </a:lnTo>
                    <a:lnTo>
                      <a:pt x="273" y="1394"/>
                    </a:lnTo>
                    <a:lnTo>
                      <a:pt x="262" y="1400"/>
                    </a:lnTo>
                    <a:lnTo>
                      <a:pt x="255" y="1402"/>
                    </a:lnTo>
                    <a:lnTo>
                      <a:pt x="250" y="1403"/>
                    </a:lnTo>
                    <a:lnTo>
                      <a:pt x="244" y="1405"/>
                    </a:lnTo>
                    <a:lnTo>
                      <a:pt x="237" y="1405"/>
                    </a:lnTo>
                    <a:lnTo>
                      <a:pt x="229" y="1403"/>
                    </a:lnTo>
                    <a:lnTo>
                      <a:pt x="222" y="1402"/>
                    </a:lnTo>
                    <a:lnTo>
                      <a:pt x="212" y="1398"/>
                    </a:lnTo>
                    <a:lnTo>
                      <a:pt x="202" y="1394"/>
                    </a:lnTo>
                    <a:lnTo>
                      <a:pt x="202" y="1394"/>
                    </a:lnTo>
                    <a:lnTo>
                      <a:pt x="210" y="1288"/>
                    </a:lnTo>
                    <a:lnTo>
                      <a:pt x="212" y="1276"/>
                    </a:lnTo>
                    <a:lnTo>
                      <a:pt x="214" y="1265"/>
                    </a:lnTo>
                    <a:lnTo>
                      <a:pt x="212" y="1254"/>
                    </a:lnTo>
                    <a:lnTo>
                      <a:pt x="211" y="1243"/>
                    </a:lnTo>
                    <a:lnTo>
                      <a:pt x="205" y="1222"/>
                    </a:lnTo>
                    <a:lnTo>
                      <a:pt x="197" y="1201"/>
                    </a:lnTo>
                    <a:lnTo>
                      <a:pt x="188" y="1182"/>
                    </a:lnTo>
                    <a:lnTo>
                      <a:pt x="183" y="1161"/>
                    </a:lnTo>
                    <a:lnTo>
                      <a:pt x="180" y="1150"/>
                    </a:lnTo>
                    <a:lnTo>
                      <a:pt x="180" y="1139"/>
                    </a:lnTo>
                    <a:lnTo>
                      <a:pt x="181" y="1129"/>
                    </a:lnTo>
                    <a:lnTo>
                      <a:pt x="185" y="1117"/>
                    </a:lnTo>
                    <a:lnTo>
                      <a:pt x="187" y="1111"/>
                    </a:lnTo>
                    <a:lnTo>
                      <a:pt x="188" y="1107"/>
                    </a:lnTo>
                    <a:lnTo>
                      <a:pt x="188" y="1102"/>
                    </a:lnTo>
                    <a:lnTo>
                      <a:pt x="187" y="1099"/>
                    </a:lnTo>
                    <a:lnTo>
                      <a:pt x="184" y="1095"/>
                    </a:lnTo>
                    <a:lnTo>
                      <a:pt x="181" y="1093"/>
                    </a:lnTo>
                    <a:lnTo>
                      <a:pt x="176" y="1091"/>
                    </a:lnTo>
                    <a:lnTo>
                      <a:pt x="170" y="1089"/>
                    </a:lnTo>
                    <a:lnTo>
                      <a:pt x="146" y="1083"/>
                    </a:lnTo>
                    <a:lnTo>
                      <a:pt x="124" y="1077"/>
                    </a:lnTo>
                    <a:lnTo>
                      <a:pt x="113" y="1073"/>
                    </a:lnTo>
                    <a:lnTo>
                      <a:pt x="102" y="1069"/>
                    </a:lnTo>
                    <a:lnTo>
                      <a:pt x="92" y="1065"/>
                    </a:lnTo>
                    <a:lnTo>
                      <a:pt x="82" y="1059"/>
                    </a:lnTo>
                    <a:lnTo>
                      <a:pt x="60" y="1046"/>
                    </a:lnTo>
                    <a:lnTo>
                      <a:pt x="36" y="1032"/>
                    </a:lnTo>
                    <a:lnTo>
                      <a:pt x="26" y="1023"/>
                    </a:lnTo>
                    <a:lnTo>
                      <a:pt x="17" y="1015"/>
                    </a:lnTo>
                    <a:lnTo>
                      <a:pt x="8" y="1004"/>
                    </a:lnTo>
                    <a:lnTo>
                      <a:pt x="0" y="994"/>
                    </a:lnTo>
                    <a:lnTo>
                      <a:pt x="0" y="994"/>
                    </a:lnTo>
                    <a:lnTo>
                      <a:pt x="16" y="929"/>
                    </a:lnTo>
                    <a:lnTo>
                      <a:pt x="14" y="919"/>
                    </a:lnTo>
                    <a:lnTo>
                      <a:pt x="14" y="909"/>
                    </a:lnTo>
                    <a:lnTo>
                      <a:pt x="14" y="898"/>
                    </a:lnTo>
                    <a:lnTo>
                      <a:pt x="16" y="887"/>
                    </a:lnTo>
                    <a:lnTo>
                      <a:pt x="17" y="865"/>
                    </a:lnTo>
                    <a:lnTo>
                      <a:pt x="18" y="844"/>
                    </a:lnTo>
                    <a:lnTo>
                      <a:pt x="16" y="823"/>
                    </a:lnTo>
                    <a:lnTo>
                      <a:pt x="12" y="801"/>
                    </a:lnTo>
                    <a:lnTo>
                      <a:pt x="8" y="780"/>
                    </a:lnTo>
                    <a:lnTo>
                      <a:pt x="7" y="758"/>
                    </a:lnTo>
                    <a:lnTo>
                      <a:pt x="7" y="743"/>
                    </a:lnTo>
                    <a:lnTo>
                      <a:pt x="9" y="728"/>
                    </a:lnTo>
                    <a:lnTo>
                      <a:pt x="10" y="713"/>
                    </a:lnTo>
                    <a:lnTo>
                      <a:pt x="12" y="699"/>
                    </a:lnTo>
                    <a:lnTo>
                      <a:pt x="19" y="688"/>
                    </a:lnTo>
                    <a:lnTo>
                      <a:pt x="29" y="681"/>
                    </a:lnTo>
                    <a:lnTo>
                      <a:pt x="40" y="673"/>
                    </a:lnTo>
                    <a:lnTo>
                      <a:pt x="53" y="666"/>
                    </a:lnTo>
                    <a:lnTo>
                      <a:pt x="80" y="655"/>
                    </a:lnTo>
                    <a:lnTo>
                      <a:pt x="110" y="644"/>
                    </a:lnTo>
                    <a:lnTo>
                      <a:pt x="124" y="639"/>
                    </a:lnTo>
                    <a:lnTo>
                      <a:pt x="137" y="633"/>
                    </a:lnTo>
                    <a:lnTo>
                      <a:pt x="150" y="627"/>
                    </a:lnTo>
                    <a:lnTo>
                      <a:pt x="162" y="621"/>
                    </a:lnTo>
                    <a:lnTo>
                      <a:pt x="172" y="613"/>
                    </a:lnTo>
                    <a:lnTo>
                      <a:pt x="181" y="604"/>
                    </a:lnTo>
                    <a:lnTo>
                      <a:pt x="184" y="600"/>
                    </a:lnTo>
                    <a:lnTo>
                      <a:pt x="187" y="595"/>
                    </a:lnTo>
                    <a:lnTo>
                      <a:pt x="189" y="589"/>
                    </a:lnTo>
                    <a:lnTo>
                      <a:pt x="190" y="583"/>
                    </a:lnTo>
                    <a:lnTo>
                      <a:pt x="192" y="573"/>
                    </a:lnTo>
                    <a:lnTo>
                      <a:pt x="190" y="564"/>
                    </a:lnTo>
                    <a:lnTo>
                      <a:pt x="187" y="554"/>
                    </a:lnTo>
                    <a:lnTo>
                      <a:pt x="180" y="545"/>
                    </a:lnTo>
                    <a:lnTo>
                      <a:pt x="174" y="535"/>
                    </a:lnTo>
                    <a:lnTo>
                      <a:pt x="166" y="528"/>
                    </a:lnTo>
                    <a:lnTo>
                      <a:pt x="155" y="519"/>
                    </a:lnTo>
                    <a:lnTo>
                      <a:pt x="146" y="511"/>
                    </a:lnTo>
                    <a:lnTo>
                      <a:pt x="124" y="495"/>
                    </a:lnTo>
                    <a:lnTo>
                      <a:pt x="104" y="480"/>
                    </a:lnTo>
                    <a:lnTo>
                      <a:pt x="86" y="466"/>
                    </a:lnTo>
                    <a:lnTo>
                      <a:pt x="71" y="453"/>
                    </a:lnTo>
                    <a:lnTo>
                      <a:pt x="58" y="437"/>
                    </a:lnTo>
                    <a:lnTo>
                      <a:pt x="49" y="423"/>
                    </a:lnTo>
                    <a:lnTo>
                      <a:pt x="40" y="407"/>
                    </a:lnTo>
                    <a:lnTo>
                      <a:pt x="32" y="392"/>
                    </a:lnTo>
                    <a:lnTo>
                      <a:pt x="26" y="375"/>
                    </a:lnTo>
                    <a:lnTo>
                      <a:pt x="21" y="358"/>
                    </a:lnTo>
                    <a:lnTo>
                      <a:pt x="16" y="341"/>
                    </a:lnTo>
                    <a:lnTo>
                      <a:pt x="12" y="322"/>
                    </a:lnTo>
                    <a:lnTo>
                      <a:pt x="7" y="300"/>
                    </a:lnTo>
                    <a:lnTo>
                      <a:pt x="4" y="280"/>
                    </a:lnTo>
                    <a:lnTo>
                      <a:pt x="4" y="265"/>
                    </a:lnTo>
                    <a:lnTo>
                      <a:pt x="5" y="249"/>
                    </a:lnTo>
                    <a:lnTo>
                      <a:pt x="9" y="236"/>
                    </a:lnTo>
                    <a:lnTo>
                      <a:pt x="17" y="221"/>
                    </a:lnTo>
                    <a:lnTo>
                      <a:pt x="26" y="206"/>
                    </a:lnTo>
                    <a:lnTo>
                      <a:pt x="38" y="188"/>
                    </a:lnTo>
                    <a:lnTo>
                      <a:pt x="105" y="76"/>
                    </a:lnTo>
                    <a:lnTo>
                      <a:pt x="105" y="76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79" name="Freeform 84"/>
              <p:cNvSpPr>
                <a:spLocks/>
              </p:cNvSpPr>
              <p:nvPr/>
            </p:nvSpPr>
            <p:spPr bwMode="auto">
              <a:xfrm>
                <a:off x="8472018" y="6226463"/>
                <a:ext cx="85620" cy="79477"/>
              </a:xfrm>
              <a:custGeom>
                <a:avLst/>
                <a:gdLst/>
                <a:ahLst/>
                <a:cxnLst>
                  <a:cxn ang="0">
                    <a:pos x="83" y="135"/>
                  </a:cxn>
                  <a:cxn ang="0">
                    <a:pos x="75" y="122"/>
                  </a:cxn>
                  <a:cxn ang="0">
                    <a:pos x="69" y="108"/>
                  </a:cxn>
                  <a:cxn ang="0">
                    <a:pos x="64" y="94"/>
                  </a:cxn>
                  <a:cxn ang="0">
                    <a:pos x="57" y="81"/>
                  </a:cxn>
                  <a:cxn ang="0">
                    <a:pos x="52" y="74"/>
                  </a:cxn>
                  <a:cxn ang="0">
                    <a:pos x="44" y="66"/>
                  </a:cxn>
                  <a:cxn ang="0">
                    <a:pos x="35" y="60"/>
                  </a:cxn>
                  <a:cxn ang="0">
                    <a:pos x="25" y="52"/>
                  </a:cxn>
                  <a:cxn ang="0">
                    <a:pos x="16" y="46"/>
                  </a:cxn>
                  <a:cxn ang="0">
                    <a:pos x="8" y="38"/>
                  </a:cxn>
                  <a:cxn ang="0">
                    <a:pos x="5" y="34"/>
                  </a:cxn>
                  <a:cxn ang="0">
                    <a:pos x="3" y="30"/>
                  </a:cxn>
                  <a:cxn ang="0">
                    <a:pos x="2" y="28"/>
                  </a:cxn>
                  <a:cxn ang="0">
                    <a:pos x="0" y="24"/>
                  </a:cxn>
                  <a:cxn ang="0">
                    <a:pos x="2" y="19"/>
                  </a:cxn>
                  <a:cxn ang="0">
                    <a:pos x="3" y="15"/>
                  </a:cxn>
                  <a:cxn ang="0">
                    <a:pos x="5" y="12"/>
                  </a:cxn>
                  <a:cxn ang="0">
                    <a:pos x="9" y="11"/>
                  </a:cxn>
                  <a:cxn ang="0">
                    <a:pos x="17" y="9"/>
                  </a:cxn>
                  <a:cxn ang="0">
                    <a:pos x="25" y="8"/>
                  </a:cxn>
                  <a:cxn ang="0">
                    <a:pos x="35" y="6"/>
                  </a:cxn>
                  <a:cxn ang="0">
                    <a:pos x="46" y="3"/>
                  </a:cxn>
                  <a:cxn ang="0">
                    <a:pos x="56" y="0"/>
                  </a:cxn>
                  <a:cxn ang="0">
                    <a:pos x="65" y="0"/>
                  </a:cxn>
                  <a:cxn ang="0">
                    <a:pos x="69" y="0"/>
                  </a:cxn>
                  <a:cxn ang="0">
                    <a:pos x="72" y="2"/>
                  </a:cxn>
                  <a:cxn ang="0">
                    <a:pos x="73" y="4"/>
                  </a:cxn>
                  <a:cxn ang="0">
                    <a:pos x="74" y="7"/>
                  </a:cxn>
                  <a:cxn ang="0">
                    <a:pos x="74" y="13"/>
                  </a:cxn>
                  <a:cxn ang="0">
                    <a:pos x="74" y="20"/>
                  </a:cxn>
                  <a:cxn ang="0">
                    <a:pos x="75" y="25"/>
                  </a:cxn>
                  <a:cxn ang="0">
                    <a:pos x="79" y="29"/>
                  </a:cxn>
                  <a:cxn ang="0">
                    <a:pos x="86" y="34"/>
                  </a:cxn>
                  <a:cxn ang="0">
                    <a:pos x="91" y="38"/>
                  </a:cxn>
                  <a:cxn ang="0">
                    <a:pos x="97" y="43"/>
                  </a:cxn>
                  <a:cxn ang="0">
                    <a:pos x="104" y="47"/>
                  </a:cxn>
                  <a:cxn ang="0">
                    <a:pos x="108" y="53"/>
                  </a:cxn>
                  <a:cxn ang="0">
                    <a:pos x="110" y="59"/>
                  </a:cxn>
                  <a:cxn ang="0">
                    <a:pos x="114" y="81"/>
                  </a:cxn>
                  <a:cxn ang="0">
                    <a:pos x="118" y="99"/>
                  </a:cxn>
                  <a:cxn ang="0">
                    <a:pos x="121" y="108"/>
                  </a:cxn>
                  <a:cxn ang="0">
                    <a:pos x="125" y="116"/>
                  </a:cxn>
                  <a:cxn ang="0">
                    <a:pos x="132" y="123"/>
                  </a:cxn>
                  <a:cxn ang="0">
                    <a:pos x="142" y="130"/>
                  </a:cxn>
                  <a:cxn ang="0">
                    <a:pos x="152" y="134"/>
                  </a:cxn>
                  <a:cxn ang="0">
                    <a:pos x="162" y="136"/>
                  </a:cxn>
                  <a:cxn ang="0">
                    <a:pos x="167" y="138"/>
                  </a:cxn>
                  <a:cxn ang="0">
                    <a:pos x="173" y="139"/>
                  </a:cxn>
                  <a:cxn ang="0">
                    <a:pos x="176" y="142"/>
                  </a:cxn>
                  <a:cxn ang="0">
                    <a:pos x="180" y="147"/>
                  </a:cxn>
                  <a:cxn ang="0">
                    <a:pos x="184" y="160"/>
                  </a:cxn>
                  <a:cxn ang="0">
                    <a:pos x="188" y="175"/>
                  </a:cxn>
                  <a:cxn ang="0">
                    <a:pos x="171" y="173"/>
                  </a:cxn>
                  <a:cxn ang="0">
                    <a:pos x="153" y="169"/>
                  </a:cxn>
                  <a:cxn ang="0">
                    <a:pos x="135" y="164"/>
                  </a:cxn>
                  <a:cxn ang="0">
                    <a:pos x="119" y="158"/>
                  </a:cxn>
                  <a:cxn ang="0">
                    <a:pos x="83" y="135"/>
                  </a:cxn>
                </a:cxnLst>
                <a:rect l="0" t="0" r="r" b="b"/>
                <a:pathLst>
                  <a:path w="188" h="175">
                    <a:moveTo>
                      <a:pt x="83" y="135"/>
                    </a:moveTo>
                    <a:lnTo>
                      <a:pt x="75" y="122"/>
                    </a:lnTo>
                    <a:lnTo>
                      <a:pt x="69" y="108"/>
                    </a:lnTo>
                    <a:lnTo>
                      <a:pt x="64" y="94"/>
                    </a:lnTo>
                    <a:lnTo>
                      <a:pt x="57" y="81"/>
                    </a:lnTo>
                    <a:lnTo>
                      <a:pt x="52" y="74"/>
                    </a:lnTo>
                    <a:lnTo>
                      <a:pt x="44" y="66"/>
                    </a:lnTo>
                    <a:lnTo>
                      <a:pt x="35" y="60"/>
                    </a:lnTo>
                    <a:lnTo>
                      <a:pt x="25" y="52"/>
                    </a:lnTo>
                    <a:lnTo>
                      <a:pt x="16" y="46"/>
                    </a:lnTo>
                    <a:lnTo>
                      <a:pt x="8" y="38"/>
                    </a:lnTo>
                    <a:lnTo>
                      <a:pt x="5" y="34"/>
                    </a:lnTo>
                    <a:lnTo>
                      <a:pt x="3" y="30"/>
                    </a:lnTo>
                    <a:lnTo>
                      <a:pt x="2" y="28"/>
                    </a:lnTo>
                    <a:lnTo>
                      <a:pt x="0" y="24"/>
                    </a:lnTo>
                    <a:lnTo>
                      <a:pt x="2" y="19"/>
                    </a:lnTo>
                    <a:lnTo>
                      <a:pt x="3" y="15"/>
                    </a:lnTo>
                    <a:lnTo>
                      <a:pt x="5" y="12"/>
                    </a:lnTo>
                    <a:lnTo>
                      <a:pt x="9" y="11"/>
                    </a:lnTo>
                    <a:lnTo>
                      <a:pt x="17" y="9"/>
                    </a:lnTo>
                    <a:lnTo>
                      <a:pt x="25" y="8"/>
                    </a:lnTo>
                    <a:lnTo>
                      <a:pt x="35" y="6"/>
                    </a:lnTo>
                    <a:lnTo>
                      <a:pt x="46" y="3"/>
                    </a:lnTo>
                    <a:lnTo>
                      <a:pt x="56" y="0"/>
                    </a:lnTo>
                    <a:lnTo>
                      <a:pt x="65" y="0"/>
                    </a:lnTo>
                    <a:lnTo>
                      <a:pt x="69" y="0"/>
                    </a:lnTo>
                    <a:lnTo>
                      <a:pt x="72" y="2"/>
                    </a:lnTo>
                    <a:lnTo>
                      <a:pt x="73" y="4"/>
                    </a:lnTo>
                    <a:lnTo>
                      <a:pt x="74" y="7"/>
                    </a:lnTo>
                    <a:lnTo>
                      <a:pt x="74" y="13"/>
                    </a:lnTo>
                    <a:lnTo>
                      <a:pt x="74" y="20"/>
                    </a:lnTo>
                    <a:lnTo>
                      <a:pt x="75" y="25"/>
                    </a:lnTo>
                    <a:lnTo>
                      <a:pt x="79" y="29"/>
                    </a:lnTo>
                    <a:lnTo>
                      <a:pt x="86" y="34"/>
                    </a:lnTo>
                    <a:lnTo>
                      <a:pt x="91" y="38"/>
                    </a:lnTo>
                    <a:lnTo>
                      <a:pt x="97" y="43"/>
                    </a:lnTo>
                    <a:lnTo>
                      <a:pt x="104" y="47"/>
                    </a:lnTo>
                    <a:lnTo>
                      <a:pt x="108" y="53"/>
                    </a:lnTo>
                    <a:lnTo>
                      <a:pt x="110" y="59"/>
                    </a:lnTo>
                    <a:lnTo>
                      <a:pt x="114" y="81"/>
                    </a:lnTo>
                    <a:lnTo>
                      <a:pt x="118" y="99"/>
                    </a:lnTo>
                    <a:lnTo>
                      <a:pt x="121" y="108"/>
                    </a:lnTo>
                    <a:lnTo>
                      <a:pt x="125" y="116"/>
                    </a:lnTo>
                    <a:lnTo>
                      <a:pt x="132" y="123"/>
                    </a:lnTo>
                    <a:lnTo>
                      <a:pt x="142" y="130"/>
                    </a:lnTo>
                    <a:lnTo>
                      <a:pt x="152" y="134"/>
                    </a:lnTo>
                    <a:lnTo>
                      <a:pt x="162" y="136"/>
                    </a:lnTo>
                    <a:lnTo>
                      <a:pt x="167" y="138"/>
                    </a:lnTo>
                    <a:lnTo>
                      <a:pt x="173" y="139"/>
                    </a:lnTo>
                    <a:lnTo>
                      <a:pt x="176" y="142"/>
                    </a:lnTo>
                    <a:lnTo>
                      <a:pt x="180" y="147"/>
                    </a:lnTo>
                    <a:lnTo>
                      <a:pt x="184" y="160"/>
                    </a:lnTo>
                    <a:lnTo>
                      <a:pt x="188" y="175"/>
                    </a:lnTo>
                    <a:lnTo>
                      <a:pt x="171" y="173"/>
                    </a:lnTo>
                    <a:lnTo>
                      <a:pt x="153" y="169"/>
                    </a:lnTo>
                    <a:lnTo>
                      <a:pt x="135" y="164"/>
                    </a:lnTo>
                    <a:lnTo>
                      <a:pt x="119" y="158"/>
                    </a:lnTo>
                    <a:lnTo>
                      <a:pt x="83" y="135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80" name="Freeform 85"/>
              <p:cNvSpPr>
                <a:spLocks/>
              </p:cNvSpPr>
              <p:nvPr/>
            </p:nvSpPr>
            <p:spPr bwMode="auto">
              <a:xfrm>
                <a:off x="8623218" y="6430576"/>
                <a:ext cx="32790" cy="45158"/>
              </a:xfrm>
              <a:custGeom>
                <a:avLst/>
                <a:gdLst/>
                <a:ahLst/>
                <a:cxnLst>
                  <a:cxn ang="0">
                    <a:pos x="14" y="66"/>
                  </a:cxn>
                  <a:cxn ang="0">
                    <a:pos x="28" y="48"/>
                  </a:cxn>
                  <a:cxn ang="0">
                    <a:pos x="41" y="29"/>
                  </a:cxn>
                  <a:cxn ang="0">
                    <a:pos x="45" y="20"/>
                  </a:cxn>
                  <a:cxn ang="0">
                    <a:pos x="53" y="11"/>
                  </a:cxn>
                  <a:cxn ang="0">
                    <a:pos x="58" y="7"/>
                  </a:cxn>
                  <a:cxn ang="0">
                    <a:pos x="62" y="3"/>
                  </a:cxn>
                  <a:cxn ang="0">
                    <a:pos x="67" y="0"/>
                  </a:cxn>
                  <a:cxn ang="0">
                    <a:pos x="71" y="0"/>
                  </a:cxn>
                  <a:cxn ang="0">
                    <a:pos x="72" y="9"/>
                  </a:cxn>
                  <a:cxn ang="0">
                    <a:pos x="71" y="18"/>
                  </a:cxn>
                  <a:cxn ang="0">
                    <a:pos x="70" y="30"/>
                  </a:cxn>
                  <a:cxn ang="0">
                    <a:pos x="67" y="40"/>
                  </a:cxn>
                  <a:cxn ang="0">
                    <a:pos x="66" y="51"/>
                  </a:cxn>
                  <a:cxn ang="0">
                    <a:pos x="64" y="62"/>
                  </a:cxn>
                  <a:cxn ang="0">
                    <a:pos x="62" y="73"/>
                  </a:cxn>
                  <a:cxn ang="0">
                    <a:pos x="58" y="82"/>
                  </a:cxn>
                  <a:cxn ang="0">
                    <a:pos x="57" y="84"/>
                  </a:cxn>
                  <a:cxn ang="0">
                    <a:pos x="54" y="87"/>
                  </a:cxn>
                  <a:cxn ang="0">
                    <a:pos x="50" y="87"/>
                  </a:cxn>
                  <a:cxn ang="0">
                    <a:pos x="46" y="87"/>
                  </a:cxn>
                  <a:cxn ang="0">
                    <a:pos x="44" y="86"/>
                  </a:cxn>
                  <a:cxn ang="0">
                    <a:pos x="41" y="86"/>
                  </a:cxn>
                  <a:cxn ang="0">
                    <a:pos x="40" y="87"/>
                  </a:cxn>
                  <a:cxn ang="0">
                    <a:pos x="37" y="87"/>
                  </a:cxn>
                  <a:cxn ang="0">
                    <a:pos x="32" y="91"/>
                  </a:cxn>
                  <a:cxn ang="0">
                    <a:pos x="28" y="95"/>
                  </a:cxn>
                  <a:cxn ang="0">
                    <a:pos x="22" y="99"/>
                  </a:cxn>
                  <a:cxn ang="0">
                    <a:pos x="13" y="101"/>
                  </a:cxn>
                  <a:cxn ang="0">
                    <a:pos x="9" y="101"/>
                  </a:cxn>
                  <a:cxn ang="0">
                    <a:pos x="5" y="100"/>
                  </a:cxn>
                  <a:cxn ang="0">
                    <a:pos x="2" y="99"/>
                  </a:cxn>
                  <a:cxn ang="0">
                    <a:pos x="0" y="95"/>
                  </a:cxn>
                  <a:cxn ang="0">
                    <a:pos x="14" y="66"/>
                  </a:cxn>
                </a:cxnLst>
                <a:rect l="0" t="0" r="r" b="b"/>
                <a:pathLst>
                  <a:path w="72" h="101">
                    <a:moveTo>
                      <a:pt x="14" y="66"/>
                    </a:moveTo>
                    <a:lnTo>
                      <a:pt x="28" y="48"/>
                    </a:lnTo>
                    <a:lnTo>
                      <a:pt x="41" y="29"/>
                    </a:lnTo>
                    <a:lnTo>
                      <a:pt x="45" y="20"/>
                    </a:lnTo>
                    <a:lnTo>
                      <a:pt x="53" y="11"/>
                    </a:lnTo>
                    <a:lnTo>
                      <a:pt x="58" y="7"/>
                    </a:lnTo>
                    <a:lnTo>
                      <a:pt x="62" y="3"/>
                    </a:lnTo>
                    <a:lnTo>
                      <a:pt x="67" y="0"/>
                    </a:lnTo>
                    <a:lnTo>
                      <a:pt x="71" y="0"/>
                    </a:lnTo>
                    <a:lnTo>
                      <a:pt x="72" y="9"/>
                    </a:lnTo>
                    <a:lnTo>
                      <a:pt x="71" y="18"/>
                    </a:lnTo>
                    <a:lnTo>
                      <a:pt x="70" y="30"/>
                    </a:lnTo>
                    <a:lnTo>
                      <a:pt x="67" y="40"/>
                    </a:lnTo>
                    <a:lnTo>
                      <a:pt x="66" y="51"/>
                    </a:lnTo>
                    <a:lnTo>
                      <a:pt x="64" y="62"/>
                    </a:lnTo>
                    <a:lnTo>
                      <a:pt x="62" y="73"/>
                    </a:lnTo>
                    <a:lnTo>
                      <a:pt x="58" y="82"/>
                    </a:lnTo>
                    <a:lnTo>
                      <a:pt x="57" y="84"/>
                    </a:lnTo>
                    <a:lnTo>
                      <a:pt x="54" y="87"/>
                    </a:lnTo>
                    <a:lnTo>
                      <a:pt x="50" y="87"/>
                    </a:lnTo>
                    <a:lnTo>
                      <a:pt x="46" y="87"/>
                    </a:lnTo>
                    <a:lnTo>
                      <a:pt x="44" y="86"/>
                    </a:lnTo>
                    <a:lnTo>
                      <a:pt x="41" y="86"/>
                    </a:lnTo>
                    <a:lnTo>
                      <a:pt x="40" y="87"/>
                    </a:lnTo>
                    <a:lnTo>
                      <a:pt x="37" y="87"/>
                    </a:lnTo>
                    <a:lnTo>
                      <a:pt x="32" y="91"/>
                    </a:lnTo>
                    <a:lnTo>
                      <a:pt x="28" y="95"/>
                    </a:lnTo>
                    <a:lnTo>
                      <a:pt x="22" y="99"/>
                    </a:lnTo>
                    <a:lnTo>
                      <a:pt x="13" y="101"/>
                    </a:lnTo>
                    <a:lnTo>
                      <a:pt x="9" y="101"/>
                    </a:lnTo>
                    <a:lnTo>
                      <a:pt x="5" y="100"/>
                    </a:lnTo>
                    <a:lnTo>
                      <a:pt x="2" y="99"/>
                    </a:lnTo>
                    <a:lnTo>
                      <a:pt x="0" y="95"/>
                    </a:lnTo>
                    <a:lnTo>
                      <a:pt x="14" y="66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81" name="Freeform 86"/>
              <p:cNvSpPr>
                <a:spLocks/>
              </p:cNvSpPr>
              <p:nvPr/>
            </p:nvSpPr>
            <p:spPr bwMode="auto">
              <a:xfrm>
                <a:off x="8650544" y="6504634"/>
                <a:ext cx="23683" cy="34320"/>
              </a:xfrm>
              <a:custGeom>
                <a:avLst/>
                <a:gdLst/>
                <a:ahLst/>
                <a:cxnLst>
                  <a:cxn ang="0">
                    <a:pos x="51" y="51"/>
                  </a:cxn>
                  <a:cxn ang="0">
                    <a:pos x="47" y="48"/>
                  </a:cxn>
                  <a:cxn ang="0">
                    <a:pos x="45" y="44"/>
                  </a:cxn>
                  <a:cxn ang="0">
                    <a:pos x="42" y="39"/>
                  </a:cxn>
                  <a:cxn ang="0">
                    <a:pos x="41" y="34"/>
                  </a:cxn>
                  <a:cxn ang="0">
                    <a:pos x="38" y="24"/>
                  </a:cxn>
                  <a:cxn ang="0">
                    <a:pos x="33" y="15"/>
                  </a:cxn>
                  <a:cxn ang="0">
                    <a:pos x="28" y="8"/>
                  </a:cxn>
                  <a:cxn ang="0">
                    <a:pos x="19" y="3"/>
                  </a:cxn>
                  <a:cxn ang="0">
                    <a:pos x="14" y="2"/>
                  </a:cxn>
                  <a:cxn ang="0">
                    <a:pos x="9" y="0"/>
                  </a:cxn>
                  <a:cxn ang="0">
                    <a:pos x="5" y="0"/>
                  </a:cxn>
                  <a:cxn ang="0">
                    <a:pos x="2" y="3"/>
                  </a:cxn>
                  <a:cxn ang="0">
                    <a:pos x="1" y="6"/>
                  </a:cxn>
                  <a:cxn ang="0">
                    <a:pos x="0" y="9"/>
                  </a:cxn>
                  <a:cxn ang="0">
                    <a:pos x="0" y="12"/>
                  </a:cxn>
                  <a:cxn ang="0">
                    <a:pos x="1" y="16"/>
                  </a:cxn>
                  <a:cxn ang="0">
                    <a:pos x="2" y="22"/>
                  </a:cxn>
                  <a:cxn ang="0">
                    <a:pos x="6" y="28"/>
                  </a:cxn>
                  <a:cxn ang="0">
                    <a:pos x="13" y="44"/>
                  </a:cxn>
                  <a:cxn ang="0">
                    <a:pos x="22" y="61"/>
                  </a:cxn>
                  <a:cxn ang="0">
                    <a:pos x="25" y="68"/>
                  </a:cxn>
                  <a:cxn ang="0">
                    <a:pos x="32" y="74"/>
                  </a:cxn>
                  <a:cxn ang="0">
                    <a:pos x="37" y="77"/>
                  </a:cxn>
                  <a:cxn ang="0">
                    <a:pos x="42" y="77"/>
                  </a:cxn>
                  <a:cxn ang="0">
                    <a:pos x="47" y="73"/>
                  </a:cxn>
                  <a:cxn ang="0">
                    <a:pos x="51" y="68"/>
                  </a:cxn>
                  <a:cxn ang="0">
                    <a:pos x="51" y="51"/>
                  </a:cxn>
                </a:cxnLst>
                <a:rect l="0" t="0" r="r" b="b"/>
                <a:pathLst>
                  <a:path w="51" h="77">
                    <a:moveTo>
                      <a:pt x="51" y="51"/>
                    </a:moveTo>
                    <a:lnTo>
                      <a:pt x="47" y="48"/>
                    </a:lnTo>
                    <a:lnTo>
                      <a:pt x="45" y="44"/>
                    </a:lnTo>
                    <a:lnTo>
                      <a:pt x="42" y="39"/>
                    </a:lnTo>
                    <a:lnTo>
                      <a:pt x="41" y="34"/>
                    </a:lnTo>
                    <a:lnTo>
                      <a:pt x="38" y="24"/>
                    </a:lnTo>
                    <a:lnTo>
                      <a:pt x="33" y="15"/>
                    </a:lnTo>
                    <a:lnTo>
                      <a:pt x="28" y="8"/>
                    </a:lnTo>
                    <a:lnTo>
                      <a:pt x="19" y="3"/>
                    </a:lnTo>
                    <a:lnTo>
                      <a:pt x="14" y="2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2" y="3"/>
                    </a:lnTo>
                    <a:lnTo>
                      <a:pt x="1" y="6"/>
                    </a:lnTo>
                    <a:lnTo>
                      <a:pt x="0" y="9"/>
                    </a:lnTo>
                    <a:lnTo>
                      <a:pt x="0" y="12"/>
                    </a:lnTo>
                    <a:lnTo>
                      <a:pt x="1" y="16"/>
                    </a:lnTo>
                    <a:lnTo>
                      <a:pt x="2" y="22"/>
                    </a:lnTo>
                    <a:lnTo>
                      <a:pt x="6" y="28"/>
                    </a:lnTo>
                    <a:lnTo>
                      <a:pt x="13" y="44"/>
                    </a:lnTo>
                    <a:lnTo>
                      <a:pt x="22" y="61"/>
                    </a:lnTo>
                    <a:lnTo>
                      <a:pt x="25" y="68"/>
                    </a:lnTo>
                    <a:lnTo>
                      <a:pt x="32" y="74"/>
                    </a:lnTo>
                    <a:lnTo>
                      <a:pt x="37" y="77"/>
                    </a:lnTo>
                    <a:lnTo>
                      <a:pt x="42" y="77"/>
                    </a:lnTo>
                    <a:lnTo>
                      <a:pt x="47" y="73"/>
                    </a:lnTo>
                    <a:lnTo>
                      <a:pt x="51" y="68"/>
                    </a:lnTo>
                    <a:lnTo>
                      <a:pt x="51" y="51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82" name="Freeform 87"/>
              <p:cNvSpPr>
                <a:spLocks/>
              </p:cNvSpPr>
              <p:nvPr/>
            </p:nvSpPr>
            <p:spPr bwMode="auto">
              <a:xfrm>
                <a:off x="8606823" y="6515471"/>
                <a:ext cx="58294" cy="68640"/>
              </a:xfrm>
              <a:custGeom>
                <a:avLst/>
                <a:gdLst/>
                <a:ahLst/>
                <a:cxnLst>
                  <a:cxn ang="0">
                    <a:pos x="98" y="90"/>
                  </a:cxn>
                  <a:cxn ang="0">
                    <a:pos x="87" y="78"/>
                  </a:cxn>
                  <a:cxn ang="0">
                    <a:pos x="74" y="56"/>
                  </a:cxn>
                  <a:cxn ang="0">
                    <a:pos x="66" y="31"/>
                  </a:cxn>
                  <a:cxn ang="0">
                    <a:pos x="60" y="8"/>
                  </a:cxn>
                  <a:cxn ang="0">
                    <a:pos x="54" y="2"/>
                  </a:cxn>
                  <a:cxn ang="0">
                    <a:pos x="51" y="2"/>
                  </a:cxn>
                  <a:cxn ang="0">
                    <a:pos x="47" y="15"/>
                  </a:cxn>
                  <a:cxn ang="0">
                    <a:pos x="27" y="34"/>
                  </a:cxn>
                  <a:cxn ang="0">
                    <a:pos x="4" y="50"/>
                  </a:cxn>
                  <a:cxn ang="0">
                    <a:pos x="0" y="65"/>
                  </a:cxn>
                  <a:cxn ang="0">
                    <a:pos x="3" y="85"/>
                  </a:cxn>
                  <a:cxn ang="0">
                    <a:pos x="3" y="104"/>
                  </a:cxn>
                  <a:cxn ang="0">
                    <a:pos x="3" y="119"/>
                  </a:cxn>
                  <a:cxn ang="0">
                    <a:pos x="5" y="125"/>
                  </a:cxn>
                  <a:cxn ang="0">
                    <a:pos x="9" y="125"/>
                  </a:cxn>
                  <a:cxn ang="0">
                    <a:pos x="14" y="119"/>
                  </a:cxn>
                  <a:cxn ang="0">
                    <a:pos x="21" y="109"/>
                  </a:cxn>
                  <a:cxn ang="0">
                    <a:pos x="30" y="101"/>
                  </a:cxn>
                  <a:cxn ang="0">
                    <a:pos x="38" y="100"/>
                  </a:cxn>
                  <a:cxn ang="0">
                    <a:pos x="44" y="107"/>
                  </a:cxn>
                  <a:cxn ang="0">
                    <a:pos x="47" y="123"/>
                  </a:cxn>
                  <a:cxn ang="0">
                    <a:pos x="49" y="132"/>
                  </a:cxn>
                  <a:cxn ang="0">
                    <a:pos x="56" y="134"/>
                  </a:cxn>
                  <a:cxn ang="0">
                    <a:pos x="67" y="131"/>
                  </a:cxn>
                  <a:cxn ang="0">
                    <a:pos x="79" y="134"/>
                  </a:cxn>
                  <a:cxn ang="0">
                    <a:pos x="96" y="143"/>
                  </a:cxn>
                  <a:cxn ang="0">
                    <a:pos x="114" y="151"/>
                  </a:cxn>
                  <a:cxn ang="0">
                    <a:pos x="123" y="152"/>
                  </a:cxn>
                  <a:cxn ang="0">
                    <a:pos x="127" y="151"/>
                  </a:cxn>
                  <a:cxn ang="0">
                    <a:pos x="128" y="145"/>
                  </a:cxn>
                  <a:cxn ang="0">
                    <a:pos x="120" y="129"/>
                  </a:cxn>
                  <a:cxn ang="0">
                    <a:pos x="104" y="94"/>
                  </a:cxn>
                </a:cxnLst>
                <a:rect l="0" t="0" r="r" b="b"/>
                <a:pathLst>
                  <a:path w="128" h="152">
                    <a:moveTo>
                      <a:pt x="104" y="94"/>
                    </a:moveTo>
                    <a:lnTo>
                      <a:pt x="98" y="90"/>
                    </a:lnTo>
                    <a:lnTo>
                      <a:pt x="92" y="85"/>
                    </a:lnTo>
                    <a:lnTo>
                      <a:pt x="87" y="78"/>
                    </a:lnTo>
                    <a:lnTo>
                      <a:pt x="82" y="72"/>
                    </a:lnTo>
                    <a:lnTo>
                      <a:pt x="74" y="56"/>
                    </a:lnTo>
                    <a:lnTo>
                      <a:pt x="69" y="42"/>
                    </a:lnTo>
                    <a:lnTo>
                      <a:pt x="66" y="31"/>
                    </a:lnTo>
                    <a:lnTo>
                      <a:pt x="62" y="16"/>
                    </a:lnTo>
                    <a:lnTo>
                      <a:pt x="60" y="8"/>
                    </a:lnTo>
                    <a:lnTo>
                      <a:pt x="56" y="3"/>
                    </a:lnTo>
                    <a:lnTo>
                      <a:pt x="54" y="2"/>
                    </a:lnTo>
                    <a:lnTo>
                      <a:pt x="53" y="0"/>
                    </a:lnTo>
                    <a:lnTo>
                      <a:pt x="51" y="2"/>
                    </a:lnTo>
                    <a:lnTo>
                      <a:pt x="48" y="3"/>
                    </a:lnTo>
                    <a:lnTo>
                      <a:pt x="47" y="15"/>
                    </a:lnTo>
                    <a:lnTo>
                      <a:pt x="44" y="28"/>
                    </a:lnTo>
                    <a:lnTo>
                      <a:pt x="27" y="34"/>
                    </a:lnTo>
                    <a:lnTo>
                      <a:pt x="10" y="42"/>
                    </a:lnTo>
                    <a:lnTo>
                      <a:pt x="4" y="50"/>
                    </a:lnTo>
                    <a:lnTo>
                      <a:pt x="0" y="56"/>
                    </a:lnTo>
                    <a:lnTo>
                      <a:pt x="0" y="65"/>
                    </a:lnTo>
                    <a:lnTo>
                      <a:pt x="1" y="75"/>
                    </a:lnTo>
                    <a:lnTo>
                      <a:pt x="3" y="85"/>
                    </a:lnTo>
                    <a:lnTo>
                      <a:pt x="3" y="95"/>
                    </a:lnTo>
                    <a:lnTo>
                      <a:pt x="3" y="104"/>
                    </a:lnTo>
                    <a:lnTo>
                      <a:pt x="3" y="114"/>
                    </a:lnTo>
                    <a:lnTo>
                      <a:pt x="3" y="119"/>
                    </a:lnTo>
                    <a:lnTo>
                      <a:pt x="3" y="123"/>
                    </a:lnTo>
                    <a:lnTo>
                      <a:pt x="5" y="125"/>
                    </a:lnTo>
                    <a:lnTo>
                      <a:pt x="6" y="126"/>
                    </a:lnTo>
                    <a:lnTo>
                      <a:pt x="9" y="125"/>
                    </a:lnTo>
                    <a:lnTo>
                      <a:pt x="12" y="122"/>
                    </a:lnTo>
                    <a:lnTo>
                      <a:pt x="14" y="119"/>
                    </a:lnTo>
                    <a:lnTo>
                      <a:pt x="17" y="116"/>
                    </a:lnTo>
                    <a:lnTo>
                      <a:pt x="21" y="109"/>
                    </a:lnTo>
                    <a:lnTo>
                      <a:pt x="26" y="104"/>
                    </a:lnTo>
                    <a:lnTo>
                      <a:pt x="30" y="101"/>
                    </a:lnTo>
                    <a:lnTo>
                      <a:pt x="34" y="99"/>
                    </a:lnTo>
                    <a:lnTo>
                      <a:pt x="38" y="100"/>
                    </a:lnTo>
                    <a:lnTo>
                      <a:pt x="41" y="103"/>
                    </a:lnTo>
                    <a:lnTo>
                      <a:pt x="44" y="107"/>
                    </a:lnTo>
                    <a:lnTo>
                      <a:pt x="45" y="114"/>
                    </a:lnTo>
                    <a:lnTo>
                      <a:pt x="47" y="123"/>
                    </a:lnTo>
                    <a:lnTo>
                      <a:pt x="48" y="130"/>
                    </a:lnTo>
                    <a:lnTo>
                      <a:pt x="49" y="132"/>
                    </a:lnTo>
                    <a:lnTo>
                      <a:pt x="52" y="134"/>
                    </a:lnTo>
                    <a:lnTo>
                      <a:pt x="56" y="134"/>
                    </a:lnTo>
                    <a:lnTo>
                      <a:pt x="61" y="132"/>
                    </a:lnTo>
                    <a:lnTo>
                      <a:pt x="67" y="131"/>
                    </a:lnTo>
                    <a:lnTo>
                      <a:pt x="74" y="131"/>
                    </a:lnTo>
                    <a:lnTo>
                      <a:pt x="79" y="134"/>
                    </a:lnTo>
                    <a:lnTo>
                      <a:pt x="84" y="136"/>
                    </a:lnTo>
                    <a:lnTo>
                      <a:pt x="96" y="143"/>
                    </a:lnTo>
                    <a:lnTo>
                      <a:pt x="108" y="149"/>
                    </a:lnTo>
                    <a:lnTo>
                      <a:pt x="114" y="151"/>
                    </a:lnTo>
                    <a:lnTo>
                      <a:pt x="119" y="152"/>
                    </a:lnTo>
                    <a:lnTo>
                      <a:pt x="123" y="152"/>
                    </a:lnTo>
                    <a:lnTo>
                      <a:pt x="126" y="152"/>
                    </a:lnTo>
                    <a:lnTo>
                      <a:pt x="127" y="151"/>
                    </a:lnTo>
                    <a:lnTo>
                      <a:pt x="128" y="148"/>
                    </a:lnTo>
                    <a:lnTo>
                      <a:pt x="128" y="145"/>
                    </a:lnTo>
                    <a:lnTo>
                      <a:pt x="127" y="143"/>
                    </a:lnTo>
                    <a:lnTo>
                      <a:pt x="120" y="129"/>
                    </a:lnTo>
                    <a:lnTo>
                      <a:pt x="113" y="113"/>
                    </a:lnTo>
                    <a:lnTo>
                      <a:pt x="104" y="94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83" name="Freeform 88"/>
              <p:cNvSpPr>
                <a:spLocks/>
              </p:cNvSpPr>
              <p:nvPr/>
            </p:nvSpPr>
            <p:spPr bwMode="auto">
              <a:xfrm>
                <a:off x="8643257" y="6620237"/>
                <a:ext cx="52830" cy="46964"/>
              </a:xfrm>
              <a:custGeom>
                <a:avLst/>
                <a:gdLst/>
                <a:ahLst/>
                <a:cxnLst>
                  <a:cxn ang="0">
                    <a:pos x="110" y="64"/>
                  </a:cxn>
                  <a:cxn ang="0">
                    <a:pos x="97" y="51"/>
                  </a:cxn>
                  <a:cxn ang="0">
                    <a:pos x="86" y="36"/>
                  </a:cxn>
                  <a:cxn ang="0">
                    <a:pos x="72" y="29"/>
                  </a:cxn>
                  <a:cxn ang="0">
                    <a:pos x="59" y="18"/>
                  </a:cxn>
                  <a:cxn ang="0">
                    <a:pos x="53" y="13"/>
                  </a:cxn>
                  <a:cxn ang="0">
                    <a:pos x="48" y="8"/>
                  </a:cxn>
                  <a:cxn ang="0">
                    <a:pos x="43" y="4"/>
                  </a:cxn>
                  <a:cxn ang="0">
                    <a:pos x="35" y="1"/>
                  </a:cxn>
                  <a:cxn ang="0">
                    <a:pos x="29" y="0"/>
                  </a:cxn>
                  <a:cxn ang="0">
                    <a:pos x="24" y="0"/>
                  </a:cxn>
                  <a:cxn ang="0">
                    <a:pos x="20" y="3"/>
                  </a:cxn>
                  <a:cxn ang="0">
                    <a:pos x="16" y="8"/>
                  </a:cxn>
                  <a:cxn ang="0">
                    <a:pos x="5" y="18"/>
                  </a:cxn>
                  <a:cxn ang="0">
                    <a:pos x="0" y="27"/>
                  </a:cxn>
                  <a:cxn ang="0">
                    <a:pos x="0" y="31"/>
                  </a:cxn>
                  <a:cxn ang="0">
                    <a:pos x="2" y="35"/>
                  </a:cxn>
                  <a:cxn ang="0">
                    <a:pos x="5" y="40"/>
                  </a:cxn>
                  <a:cxn ang="0">
                    <a:pos x="12" y="46"/>
                  </a:cxn>
                  <a:cxn ang="0">
                    <a:pos x="21" y="52"/>
                  </a:cxn>
                  <a:cxn ang="0">
                    <a:pos x="29" y="58"/>
                  </a:cxn>
                  <a:cxn ang="0">
                    <a:pos x="33" y="62"/>
                  </a:cxn>
                  <a:cxn ang="0">
                    <a:pos x="35" y="66"/>
                  </a:cxn>
                  <a:cxn ang="0">
                    <a:pos x="39" y="70"/>
                  </a:cxn>
                  <a:cxn ang="0">
                    <a:pos x="40" y="77"/>
                  </a:cxn>
                  <a:cxn ang="0">
                    <a:pos x="43" y="83"/>
                  </a:cxn>
                  <a:cxn ang="0">
                    <a:pos x="47" y="88"/>
                  </a:cxn>
                  <a:cxn ang="0">
                    <a:pos x="50" y="93"/>
                  </a:cxn>
                  <a:cxn ang="0">
                    <a:pos x="53" y="97"/>
                  </a:cxn>
                  <a:cxn ang="0">
                    <a:pos x="57" y="100"/>
                  </a:cxn>
                  <a:cxn ang="0">
                    <a:pos x="62" y="103"/>
                  </a:cxn>
                  <a:cxn ang="0">
                    <a:pos x="69" y="104"/>
                  </a:cxn>
                  <a:cxn ang="0">
                    <a:pos x="77" y="104"/>
                  </a:cxn>
                  <a:cxn ang="0">
                    <a:pos x="88" y="104"/>
                  </a:cxn>
                  <a:cxn ang="0">
                    <a:pos x="104" y="103"/>
                  </a:cxn>
                  <a:cxn ang="0">
                    <a:pos x="109" y="100"/>
                  </a:cxn>
                  <a:cxn ang="0">
                    <a:pos x="113" y="96"/>
                  </a:cxn>
                  <a:cxn ang="0">
                    <a:pos x="114" y="93"/>
                  </a:cxn>
                  <a:cxn ang="0">
                    <a:pos x="116" y="91"/>
                  </a:cxn>
                  <a:cxn ang="0">
                    <a:pos x="114" y="87"/>
                  </a:cxn>
                  <a:cxn ang="0">
                    <a:pos x="113" y="83"/>
                  </a:cxn>
                  <a:cxn ang="0">
                    <a:pos x="110" y="64"/>
                  </a:cxn>
                </a:cxnLst>
                <a:rect l="0" t="0" r="r" b="b"/>
                <a:pathLst>
                  <a:path w="116" h="104">
                    <a:moveTo>
                      <a:pt x="110" y="64"/>
                    </a:moveTo>
                    <a:lnTo>
                      <a:pt x="97" y="51"/>
                    </a:lnTo>
                    <a:lnTo>
                      <a:pt x="86" y="36"/>
                    </a:lnTo>
                    <a:lnTo>
                      <a:pt x="72" y="29"/>
                    </a:lnTo>
                    <a:lnTo>
                      <a:pt x="59" y="18"/>
                    </a:lnTo>
                    <a:lnTo>
                      <a:pt x="53" y="13"/>
                    </a:lnTo>
                    <a:lnTo>
                      <a:pt x="48" y="8"/>
                    </a:lnTo>
                    <a:lnTo>
                      <a:pt x="43" y="4"/>
                    </a:lnTo>
                    <a:lnTo>
                      <a:pt x="35" y="1"/>
                    </a:lnTo>
                    <a:lnTo>
                      <a:pt x="29" y="0"/>
                    </a:lnTo>
                    <a:lnTo>
                      <a:pt x="24" y="0"/>
                    </a:lnTo>
                    <a:lnTo>
                      <a:pt x="20" y="3"/>
                    </a:lnTo>
                    <a:lnTo>
                      <a:pt x="16" y="8"/>
                    </a:lnTo>
                    <a:lnTo>
                      <a:pt x="5" y="18"/>
                    </a:lnTo>
                    <a:lnTo>
                      <a:pt x="0" y="27"/>
                    </a:lnTo>
                    <a:lnTo>
                      <a:pt x="0" y="31"/>
                    </a:lnTo>
                    <a:lnTo>
                      <a:pt x="2" y="35"/>
                    </a:lnTo>
                    <a:lnTo>
                      <a:pt x="5" y="40"/>
                    </a:lnTo>
                    <a:lnTo>
                      <a:pt x="12" y="46"/>
                    </a:lnTo>
                    <a:lnTo>
                      <a:pt x="21" y="52"/>
                    </a:lnTo>
                    <a:lnTo>
                      <a:pt x="29" y="58"/>
                    </a:lnTo>
                    <a:lnTo>
                      <a:pt x="33" y="62"/>
                    </a:lnTo>
                    <a:lnTo>
                      <a:pt x="35" y="66"/>
                    </a:lnTo>
                    <a:lnTo>
                      <a:pt x="39" y="70"/>
                    </a:lnTo>
                    <a:lnTo>
                      <a:pt x="40" y="77"/>
                    </a:lnTo>
                    <a:lnTo>
                      <a:pt x="43" y="83"/>
                    </a:lnTo>
                    <a:lnTo>
                      <a:pt x="47" y="88"/>
                    </a:lnTo>
                    <a:lnTo>
                      <a:pt x="50" y="93"/>
                    </a:lnTo>
                    <a:lnTo>
                      <a:pt x="53" y="97"/>
                    </a:lnTo>
                    <a:lnTo>
                      <a:pt x="57" y="100"/>
                    </a:lnTo>
                    <a:lnTo>
                      <a:pt x="62" y="103"/>
                    </a:lnTo>
                    <a:lnTo>
                      <a:pt x="69" y="104"/>
                    </a:lnTo>
                    <a:lnTo>
                      <a:pt x="77" y="104"/>
                    </a:lnTo>
                    <a:lnTo>
                      <a:pt x="88" y="104"/>
                    </a:lnTo>
                    <a:lnTo>
                      <a:pt x="104" y="103"/>
                    </a:lnTo>
                    <a:lnTo>
                      <a:pt x="109" y="100"/>
                    </a:lnTo>
                    <a:lnTo>
                      <a:pt x="113" y="96"/>
                    </a:lnTo>
                    <a:lnTo>
                      <a:pt x="114" y="93"/>
                    </a:lnTo>
                    <a:lnTo>
                      <a:pt x="116" y="91"/>
                    </a:lnTo>
                    <a:lnTo>
                      <a:pt x="114" y="87"/>
                    </a:lnTo>
                    <a:lnTo>
                      <a:pt x="113" y="83"/>
                    </a:lnTo>
                    <a:lnTo>
                      <a:pt x="110" y="64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84" name="Freeform 89"/>
              <p:cNvSpPr>
                <a:spLocks/>
              </p:cNvSpPr>
              <p:nvPr/>
            </p:nvSpPr>
            <p:spPr bwMode="auto">
              <a:xfrm>
                <a:off x="9038563" y="6923696"/>
                <a:ext cx="36434" cy="48771"/>
              </a:xfrm>
              <a:custGeom>
                <a:avLst/>
                <a:gdLst/>
                <a:ahLst/>
                <a:cxnLst>
                  <a:cxn ang="0">
                    <a:pos x="0" y="74"/>
                  </a:cxn>
                  <a:cxn ang="0">
                    <a:pos x="4" y="56"/>
                  </a:cxn>
                  <a:cxn ang="0">
                    <a:pos x="8" y="39"/>
                  </a:cxn>
                  <a:cxn ang="0">
                    <a:pos x="8" y="26"/>
                  </a:cxn>
                  <a:cxn ang="0">
                    <a:pos x="10" y="11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17" y="0"/>
                  </a:cxn>
                  <a:cxn ang="0">
                    <a:pos x="19" y="2"/>
                  </a:cxn>
                  <a:cxn ang="0">
                    <a:pos x="23" y="3"/>
                  </a:cxn>
                  <a:cxn ang="0">
                    <a:pos x="26" y="6"/>
                  </a:cxn>
                  <a:cxn ang="0">
                    <a:pos x="35" y="13"/>
                  </a:cxn>
                  <a:cxn ang="0">
                    <a:pos x="43" y="21"/>
                  </a:cxn>
                  <a:cxn ang="0">
                    <a:pos x="57" y="37"/>
                  </a:cxn>
                  <a:cxn ang="0">
                    <a:pos x="73" y="51"/>
                  </a:cxn>
                  <a:cxn ang="0">
                    <a:pos x="76" y="56"/>
                  </a:cxn>
                  <a:cxn ang="0">
                    <a:pos x="79" y="63"/>
                  </a:cxn>
                  <a:cxn ang="0">
                    <a:pos x="78" y="68"/>
                  </a:cxn>
                  <a:cxn ang="0">
                    <a:pos x="76" y="73"/>
                  </a:cxn>
                  <a:cxn ang="0">
                    <a:pos x="69" y="83"/>
                  </a:cxn>
                  <a:cxn ang="0">
                    <a:pos x="60" y="94"/>
                  </a:cxn>
                  <a:cxn ang="0">
                    <a:pos x="54" y="100"/>
                  </a:cxn>
                  <a:cxn ang="0">
                    <a:pos x="48" y="105"/>
                  </a:cxn>
                  <a:cxn ang="0">
                    <a:pos x="41" y="107"/>
                  </a:cxn>
                  <a:cxn ang="0">
                    <a:pos x="35" y="108"/>
                  </a:cxn>
                  <a:cxn ang="0">
                    <a:pos x="27" y="107"/>
                  </a:cxn>
                  <a:cxn ang="0">
                    <a:pos x="21" y="103"/>
                  </a:cxn>
                  <a:cxn ang="0">
                    <a:pos x="13" y="99"/>
                  </a:cxn>
                  <a:cxn ang="0">
                    <a:pos x="5" y="94"/>
                  </a:cxn>
                  <a:cxn ang="0">
                    <a:pos x="0" y="74"/>
                  </a:cxn>
                </a:cxnLst>
                <a:rect l="0" t="0" r="r" b="b"/>
                <a:pathLst>
                  <a:path w="79" h="108">
                    <a:moveTo>
                      <a:pt x="0" y="74"/>
                    </a:moveTo>
                    <a:lnTo>
                      <a:pt x="4" y="56"/>
                    </a:lnTo>
                    <a:lnTo>
                      <a:pt x="8" y="39"/>
                    </a:lnTo>
                    <a:lnTo>
                      <a:pt x="8" y="26"/>
                    </a:lnTo>
                    <a:lnTo>
                      <a:pt x="10" y="11"/>
                    </a:lnTo>
                    <a:lnTo>
                      <a:pt x="12" y="4"/>
                    </a:lnTo>
                    <a:lnTo>
                      <a:pt x="16" y="0"/>
                    </a:lnTo>
                    <a:lnTo>
                      <a:pt x="17" y="0"/>
                    </a:lnTo>
                    <a:lnTo>
                      <a:pt x="19" y="2"/>
                    </a:lnTo>
                    <a:lnTo>
                      <a:pt x="23" y="3"/>
                    </a:lnTo>
                    <a:lnTo>
                      <a:pt x="26" y="6"/>
                    </a:lnTo>
                    <a:lnTo>
                      <a:pt x="35" y="13"/>
                    </a:lnTo>
                    <a:lnTo>
                      <a:pt x="43" y="21"/>
                    </a:lnTo>
                    <a:lnTo>
                      <a:pt x="57" y="37"/>
                    </a:lnTo>
                    <a:lnTo>
                      <a:pt x="73" y="51"/>
                    </a:lnTo>
                    <a:lnTo>
                      <a:pt x="76" y="56"/>
                    </a:lnTo>
                    <a:lnTo>
                      <a:pt x="79" y="63"/>
                    </a:lnTo>
                    <a:lnTo>
                      <a:pt x="78" y="68"/>
                    </a:lnTo>
                    <a:lnTo>
                      <a:pt x="76" y="73"/>
                    </a:lnTo>
                    <a:lnTo>
                      <a:pt x="69" y="83"/>
                    </a:lnTo>
                    <a:lnTo>
                      <a:pt x="60" y="94"/>
                    </a:lnTo>
                    <a:lnTo>
                      <a:pt x="54" y="100"/>
                    </a:lnTo>
                    <a:lnTo>
                      <a:pt x="48" y="105"/>
                    </a:lnTo>
                    <a:lnTo>
                      <a:pt x="41" y="107"/>
                    </a:lnTo>
                    <a:lnTo>
                      <a:pt x="35" y="108"/>
                    </a:lnTo>
                    <a:lnTo>
                      <a:pt x="27" y="107"/>
                    </a:lnTo>
                    <a:lnTo>
                      <a:pt x="21" y="103"/>
                    </a:lnTo>
                    <a:lnTo>
                      <a:pt x="13" y="99"/>
                    </a:lnTo>
                    <a:lnTo>
                      <a:pt x="5" y="94"/>
                    </a:lnTo>
                    <a:lnTo>
                      <a:pt x="0" y="74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85" name="Freeform 93"/>
              <p:cNvSpPr>
                <a:spLocks/>
              </p:cNvSpPr>
              <p:nvPr/>
            </p:nvSpPr>
            <p:spPr bwMode="auto">
              <a:xfrm>
                <a:off x="9260809" y="5988030"/>
                <a:ext cx="41899" cy="41546"/>
              </a:xfrm>
              <a:custGeom>
                <a:avLst/>
                <a:gdLst/>
                <a:ahLst/>
                <a:cxnLst>
                  <a:cxn ang="0">
                    <a:pos x="0" y="51"/>
                  </a:cxn>
                  <a:cxn ang="0">
                    <a:pos x="9" y="35"/>
                  </a:cxn>
                  <a:cxn ang="0">
                    <a:pos x="17" y="21"/>
                  </a:cxn>
                  <a:cxn ang="0">
                    <a:pos x="21" y="13"/>
                  </a:cxn>
                  <a:cxn ang="0">
                    <a:pos x="28" y="8"/>
                  </a:cxn>
                  <a:cxn ang="0">
                    <a:pos x="34" y="3"/>
                  </a:cxn>
                  <a:cxn ang="0">
                    <a:pos x="43" y="0"/>
                  </a:cxn>
                  <a:cxn ang="0">
                    <a:pos x="50" y="0"/>
                  </a:cxn>
                  <a:cxn ang="0">
                    <a:pos x="55" y="2"/>
                  </a:cxn>
                  <a:cxn ang="0">
                    <a:pos x="60" y="3"/>
                  </a:cxn>
                  <a:cxn ang="0">
                    <a:pos x="65" y="5"/>
                  </a:cxn>
                  <a:cxn ang="0">
                    <a:pos x="69" y="9"/>
                  </a:cxn>
                  <a:cxn ang="0">
                    <a:pos x="72" y="14"/>
                  </a:cxn>
                  <a:cxn ang="0">
                    <a:pos x="74" y="20"/>
                  </a:cxn>
                  <a:cxn ang="0">
                    <a:pos x="77" y="26"/>
                  </a:cxn>
                  <a:cxn ang="0">
                    <a:pos x="81" y="35"/>
                  </a:cxn>
                  <a:cxn ang="0">
                    <a:pos x="86" y="44"/>
                  </a:cxn>
                  <a:cxn ang="0">
                    <a:pos x="91" y="60"/>
                  </a:cxn>
                  <a:cxn ang="0">
                    <a:pos x="94" y="77"/>
                  </a:cxn>
                  <a:cxn ang="0">
                    <a:pos x="92" y="82"/>
                  </a:cxn>
                  <a:cxn ang="0">
                    <a:pos x="88" y="87"/>
                  </a:cxn>
                  <a:cxn ang="0">
                    <a:pos x="83" y="91"/>
                  </a:cxn>
                  <a:cxn ang="0">
                    <a:pos x="78" y="92"/>
                  </a:cxn>
                  <a:cxn ang="0">
                    <a:pos x="61" y="87"/>
                  </a:cxn>
                  <a:cxn ang="0">
                    <a:pos x="46" y="81"/>
                  </a:cxn>
                  <a:cxn ang="0">
                    <a:pos x="33" y="79"/>
                  </a:cxn>
                  <a:cxn ang="0">
                    <a:pos x="21" y="78"/>
                  </a:cxn>
                  <a:cxn ang="0">
                    <a:pos x="16" y="77"/>
                  </a:cxn>
                  <a:cxn ang="0">
                    <a:pos x="11" y="73"/>
                  </a:cxn>
                  <a:cxn ang="0">
                    <a:pos x="6" y="69"/>
                  </a:cxn>
                  <a:cxn ang="0">
                    <a:pos x="2" y="62"/>
                  </a:cxn>
                  <a:cxn ang="0">
                    <a:pos x="0" y="51"/>
                  </a:cxn>
                </a:cxnLst>
                <a:rect l="0" t="0" r="r" b="b"/>
                <a:pathLst>
                  <a:path w="94" h="92">
                    <a:moveTo>
                      <a:pt x="0" y="51"/>
                    </a:moveTo>
                    <a:lnTo>
                      <a:pt x="9" y="35"/>
                    </a:lnTo>
                    <a:lnTo>
                      <a:pt x="17" y="21"/>
                    </a:lnTo>
                    <a:lnTo>
                      <a:pt x="21" y="13"/>
                    </a:lnTo>
                    <a:lnTo>
                      <a:pt x="28" y="8"/>
                    </a:lnTo>
                    <a:lnTo>
                      <a:pt x="34" y="3"/>
                    </a:lnTo>
                    <a:lnTo>
                      <a:pt x="43" y="0"/>
                    </a:lnTo>
                    <a:lnTo>
                      <a:pt x="50" y="0"/>
                    </a:lnTo>
                    <a:lnTo>
                      <a:pt x="55" y="2"/>
                    </a:lnTo>
                    <a:lnTo>
                      <a:pt x="60" y="3"/>
                    </a:lnTo>
                    <a:lnTo>
                      <a:pt x="65" y="5"/>
                    </a:lnTo>
                    <a:lnTo>
                      <a:pt x="69" y="9"/>
                    </a:lnTo>
                    <a:lnTo>
                      <a:pt x="72" y="14"/>
                    </a:lnTo>
                    <a:lnTo>
                      <a:pt x="74" y="20"/>
                    </a:lnTo>
                    <a:lnTo>
                      <a:pt x="77" y="26"/>
                    </a:lnTo>
                    <a:lnTo>
                      <a:pt x="81" y="35"/>
                    </a:lnTo>
                    <a:lnTo>
                      <a:pt x="86" y="44"/>
                    </a:lnTo>
                    <a:lnTo>
                      <a:pt x="91" y="60"/>
                    </a:lnTo>
                    <a:lnTo>
                      <a:pt x="94" y="77"/>
                    </a:lnTo>
                    <a:lnTo>
                      <a:pt x="92" y="82"/>
                    </a:lnTo>
                    <a:lnTo>
                      <a:pt x="88" y="87"/>
                    </a:lnTo>
                    <a:lnTo>
                      <a:pt x="83" y="91"/>
                    </a:lnTo>
                    <a:lnTo>
                      <a:pt x="78" y="92"/>
                    </a:lnTo>
                    <a:lnTo>
                      <a:pt x="61" y="87"/>
                    </a:lnTo>
                    <a:lnTo>
                      <a:pt x="46" y="81"/>
                    </a:lnTo>
                    <a:lnTo>
                      <a:pt x="33" y="79"/>
                    </a:lnTo>
                    <a:lnTo>
                      <a:pt x="21" y="78"/>
                    </a:lnTo>
                    <a:lnTo>
                      <a:pt x="16" y="77"/>
                    </a:lnTo>
                    <a:lnTo>
                      <a:pt x="11" y="73"/>
                    </a:lnTo>
                    <a:lnTo>
                      <a:pt x="6" y="69"/>
                    </a:lnTo>
                    <a:lnTo>
                      <a:pt x="2" y="62"/>
                    </a:lnTo>
                    <a:lnTo>
                      <a:pt x="0" y="51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86" name="Freeform 94"/>
              <p:cNvSpPr>
                <a:spLocks/>
              </p:cNvSpPr>
              <p:nvPr/>
            </p:nvSpPr>
            <p:spPr bwMode="auto">
              <a:xfrm>
                <a:off x="9422940" y="6034994"/>
                <a:ext cx="29147" cy="19870"/>
              </a:xfrm>
              <a:custGeom>
                <a:avLst/>
                <a:gdLst/>
                <a:ahLst/>
                <a:cxnLst>
                  <a:cxn ang="0">
                    <a:pos x="9" y="41"/>
                  </a:cxn>
                  <a:cxn ang="0">
                    <a:pos x="6" y="39"/>
                  </a:cxn>
                  <a:cxn ang="0">
                    <a:pos x="3" y="35"/>
                  </a:cxn>
                  <a:cxn ang="0">
                    <a:pos x="1" y="30"/>
                  </a:cxn>
                  <a:cxn ang="0">
                    <a:pos x="0" y="24"/>
                  </a:cxn>
                  <a:cxn ang="0">
                    <a:pos x="0" y="18"/>
                  </a:cxn>
                  <a:cxn ang="0">
                    <a:pos x="1" y="10"/>
                  </a:cxn>
                  <a:cxn ang="0">
                    <a:pos x="4" y="6"/>
                  </a:cxn>
                  <a:cxn ang="0">
                    <a:pos x="5" y="4"/>
                  </a:cxn>
                  <a:cxn ang="0">
                    <a:pos x="9" y="2"/>
                  </a:cxn>
                  <a:cxn ang="0">
                    <a:pos x="12" y="2"/>
                  </a:cxn>
                  <a:cxn ang="0">
                    <a:pos x="19" y="2"/>
                  </a:cxn>
                  <a:cxn ang="0">
                    <a:pos x="26" y="1"/>
                  </a:cxn>
                  <a:cxn ang="0">
                    <a:pos x="31" y="0"/>
                  </a:cxn>
                  <a:cxn ang="0">
                    <a:pos x="39" y="0"/>
                  </a:cxn>
                  <a:cxn ang="0">
                    <a:pos x="45" y="0"/>
                  </a:cxn>
                  <a:cxn ang="0">
                    <a:pos x="50" y="1"/>
                  </a:cxn>
                  <a:cxn ang="0">
                    <a:pos x="57" y="11"/>
                  </a:cxn>
                  <a:cxn ang="0">
                    <a:pos x="63" y="22"/>
                  </a:cxn>
                  <a:cxn ang="0">
                    <a:pos x="57" y="26"/>
                  </a:cxn>
                  <a:cxn ang="0">
                    <a:pos x="49" y="28"/>
                  </a:cxn>
                  <a:cxn ang="0">
                    <a:pos x="43" y="30"/>
                  </a:cxn>
                  <a:cxn ang="0">
                    <a:pos x="36" y="32"/>
                  </a:cxn>
                  <a:cxn ang="0">
                    <a:pos x="28" y="32"/>
                  </a:cxn>
                  <a:cxn ang="0">
                    <a:pos x="21" y="32"/>
                  </a:cxn>
                  <a:cxn ang="0">
                    <a:pos x="9" y="41"/>
                  </a:cxn>
                </a:cxnLst>
                <a:rect l="0" t="0" r="r" b="b"/>
                <a:pathLst>
                  <a:path w="63" h="41">
                    <a:moveTo>
                      <a:pt x="9" y="41"/>
                    </a:moveTo>
                    <a:lnTo>
                      <a:pt x="6" y="39"/>
                    </a:lnTo>
                    <a:lnTo>
                      <a:pt x="3" y="35"/>
                    </a:lnTo>
                    <a:lnTo>
                      <a:pt x="1" y="30"/>
                    </a:lnTo>
                    <a:lnTo>
                      <a:pt x="0" y="24"/>
                    </a:lnTo>
                    <a:lnTo>
                      <a:pt x="0" y="18"/>
                    </a:lnTo>
                    <a:lnTo>
                      <a:pt x="1" y="10"/>
                    </a:lnTo>
                    <a:lnTo>
                      <a:pt x="4" y="6"/>
                    </a:lnTo>
                    <a:lnTo>
                      <a:pt x="5" y="4"/>
                    </a:lnTo>
                    <a:lnTo>
                      <a:pt x="9" y="2"/>
                    </a:lnTo>
                    <a:lnTo>
                      <a:pt x="12" y="2"/>
                    </a:lnTo>
                    <a:lnTo>
                      <a:pt x="19" y="2"/>
                    </a:lnTo>
                    <a:lnTo>
                      <a:pt x="26" y="1"/>
                    </a:lnTo>
                    <a:lnTo>
                      <a:pt x="31" y="0"/>
                    </a:lnTo>
                    <a:lnTo>
                      <a:pt x="39" y="0"/>
                    </a:lnTo>
                    <a:lnTo>
                      <a:pt x="45" y="0"/>
                    </a:lnTo>
                    <a:lnTo>
                      <a:pt x="50" y="1"/>
                    </a:lnTo>
                    <a:lnTo>
                      <a:pt x="57" y="11"/>
                    </a:lnTo>
                    <a:lnTo>
                      <a:pt x="63" y="22"/>
                    </a:lnTo>
                    <a:lnTo>
                      <a:pt x="57" y="26"/>
                    </a:lnTo>
                    <a:lnTo>
                      <a:pt x="49" y="28"/>
                    </a:lnTo>
                    <a:lnTo>
                      <a:pt x="43" y="30"/>
                    </a:lnTo>
                    <a:lnTo>
                      <a:pt x="36" y="32"/>
                    </a:lnTo>
                    <a:lnTo>
                      <a:pt x="28" y="32"/>
                    </a:lnTo>
                    <a:lnTo>
                      <a:pt x="21" y="32"/>
                    </a:lnTo>
                    <a:lnTo>
                      <a:pt x="9" y="4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87" name="Freeform 95"/>
              <p:cNvSpPr>
                <a:spLocks/>
              </p:cNvSpPr>
              <p:nvPr/>
            </p:nvSpPr>
            <p:spPr bwMode="auto">
              <a:xfrm>
                <a:off x="9355537" y="6141567"/>
                <a:ext cx="51007" cy="54189"/>
              </a:xfrm>
              <a:custGeom>
                <a:avLst/>
                <a:gdLst/>
                <a:ahLst/>
                <a:cxnLst>
                  <a:cxn ang="0">
                    <a:pos x="87" y="80"/>
                  </a:cxn>
                  <a:cxn ang="0">
                    <a:pos x="74" y="62"/>
                  </a:cxn>
                  <a:cxn ang="0">
                    <a:pos x="68" y="59"/>
                  </a:cxn>
                  <a:cxn ang="0">
                    <a:pos x="63" y="64"/>
                  </a:cxn>
                  <a:cxn ang="0">
                    <a:pos x="60" y="80"/>
                  </a:cxn>
                  <a:cxn ang="0">
                    <a:pos x="61" y="101"/>
                  </a:cxn>
                  <a:cxn ang="0">
                    <a:pos x="57" y="111"/>
                  </a:cxn>
                  <a:cxn ang="0">
                    <a:pos x="47" y="117"/>
                  </a:cxn>
                  <a:cxn ang="0">
                    <a:pos x="37" y="116"/>
                  </a:cxn>
                  <a:cxn ang="0">
                    <a:pos x="26" y="110"/>
                  </a:cxn>
                  <a:cxn ang="0">
                    <a:pos x="20" y="101"/>
                  </a:cxn>
                  <a:cxn ang="0">
                    <a:pos x="19" y="85"/>
                  </a:cxn>
                  <a:cxn ang="0">
                    <a:pos x="16" y="71"/>
                  </a:cxn>
                  <a:cxn ang="0">
                    <a:pos x="7" y="53"/>
                  </a:cxn>
                  <a:cxn ang="0">
                    <a:pos x="0" y="35"/>
                  </a:cxn>
                  <a:cxn ang="0">
                    <a:pos x="0" y="25"/>
                  </a:cxn>
                  <a:cxn ang="0">
                    <a:pos x="7" y="20"/>
                  </a:cxn>
                  <a:cxn ang="0">
                    <a:pos x="16" y="20"/>
                  </a:cxn>
                  <a:cxn ang="0">
                    <a:pos x="30" y="24"/>
                  </a:cxn>
                  <a:cxn ang="0">
                    <a:pos x="48" y="29"/>
                  </a:cxn>
                  <a:cxn ang="0">
                    <a:pos x="64" y="27"/>
                  </a:cxn>
                  <a:cxn ang="0">
                    <a:pos x="83" y="14"/>
                  </a:cxn>
                  <a:cxn ang="0">
                    <a:pos x="103" y="2"/>
                  </a:cxn>
                  <a:cxn ang="0">
                    <a:pos x="110" y="0"/>
                  </a:cxn>
                  <a:cxn ang="0">
                    <a:pos x="114" y="2"/>
                  </a:cxn>
                  <a:cxn ang="0">
                    <a:pos x="116" y="9"/>
                  </a:cxn>
                  <a:cxn ang="0">
                    <a:pos x="110" y="22"/>
                  </a:cxn>
                  <a:cxn ang="0">
                    <a:pos x="105" y="36"/>
                  </a:cxn>
                  <a:cxn ang="0">
                    <a:pos x="108" y="63"/>
                  </a:cxn>
                  <a:cxn ang="0">
                    <a:pos x="113" y="85"/>
                  </a:cxn>
                  <a:cxn ang="0">
                    <a:pos x="113" y="93"/>
                  </a:cxn>
                  <a:cxn ang="0">
                    <a:pos x="109" y="99"/>
                  </a:cxn>
                  <a:cxn ang="0">
                    <a:pos x="101" y="102"/>
                  </a:cxn>
                  <a:cxn ang="0">
                    <a:pos x="92" y="92"/>
                  </a:cxn>
                </a:cxnLst>
                <a:rect l="0" t="0" r="r" b="b"/>
                <a:pathLst>
                  <a:path w="116" h="117">
                    <a:moveTo>
                      <a:pt x="92" y="92"/>
                    </a:moveTo>
                    <a:lnTo>
                      <a:pt x="87" y="80"/>
                    </a:lnTo>
                    <a:lnTo>
                      <a:pt x="79" y="66"/>
                    </a:lnTo>
                    <a:lnTo>
                      <a:pt x="74" y="62"/>
                    </a:lnTo>
                    <a:lnTo>
                      <a:pt x="69" y="59"/>
                    </a:lnTo>
                    <a:lnTo>
                      <a:pt x="68" y="59"/>
                    </a:lnTo>
                    <a:lnTo>
                      <a:pt x="65" y="62"/>
                    </a:lnTo>
                    <a:lnTo>
                      <a:pt x="63" y="64"/>
                    </a:lnTo>
                    <a:lnTo>
                      <a:pt x="61" y="68"/>
                    </a:lnTo>
                    <a:lnTo>
                      <a:pt x="60" y="80"/>
                    </a:lnTo>
                    <a:lnTo>
                      <a:pt x="61" y="94"/>
                    </a:lnTo>
                    <a:lnTo>
                      <a:pt x="61" y="101"/>
                    </a:lnTo>
                    <a:lnTo>
                      <a:pt x="60" y="106"/>
                    </a:lnTo>
                    <a:lnTo>
                      <a:pt x="57" y="111"/>
                    </a:lnTo>
                    <a:lnTo>
                      <a:pt x="52" y="116"/>
                    </a:lnTo>
                    <a:lnTo>
                      <a:pt x="47" y="117"/>
                    </a:lnTo>
                    <a:lnTo>
                      <a:pt x="42" y="117"/>
                    </a:lnTo>
                    <a:lnTo>
                      <a:pt x="37" y="116"/>
                    </a:lnTo>
                    <a:lnTo>
                      <a:pt x="31" y="112"/>
                    </a:lnTo>
                    <a:lnTo>
                      <a:pt x="26" y="110"/>
                    </a:lnTo>
                    <a:lnTo>
                      <a:pt x="22" y="104"/>
                    </a:lnTo>
                    <a:lnTo>
                      <a:pt x="20" y="101"/>
                    </a:lnTo>
                    <a:lnTo>
                      <a:pt x="19" y="95"/>
                    </a:lnTo>
                    <a:lnTo>
                      <a:pt x="19" y="85"/>
                    </a:lnTo>
                    <a:lnTo>
                      <a:pt x="19" y="77"/>
                    </a:lnTo>
                    <a:lnTo>
                      <a:pt x="16" y="71"/>
                    </a:lnTo>
                    <a:lnTo>
                      <a:pt x="12" y="62"/>
                    </a:lnTo>
                    <a:lnTo>
                      <a:pt x="7" y="53"/>
                    </a:lnTo>
                    <a:lnTo>
                      <a:pt x="2" y="41"/>
                    </a:lnTo>
                    <a:lnTo>
                      <a:pt x="0" y="35"/>
                    </a:lnTo>
                    <a:lnTo>
                      <a:pt x="0" y="29"/>
                    </a:lnTo>
                    <a:lnTo>
                      <a:pt x="0" y="25"/>
                    </a:lnTo>
                    <a:lnTo>
                      <a:pt x="3" y="22"/>
                    </a:lnTo>
                    <a:lnTo>
                      <a:pt x="7" y="20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21" y="22"/>
                    </a:lnTo>
                    <a:lnTo>
                      <a:pt x="30" y="24"/>
                    </a:lnTo>
                    <a:lnTo>
                      <a:pt x="38" y="27"/>
                    </a:lnTo>
                    <a:lnTo>
                      <a:pt x="48" y="29"/>
                    </a:lnTo>
                    <a:lnTo>
                      <a:pt x="56" y="28"/>
                    </a:lnTo>
                    <a:lnTo>
                      <a:pt x="64" y="27"/>
                    </a:lnTo>
                    <a:lnTo>
                      <a:pt x="70" y="23"/>
                    </a:lnTo>
                    <a:lnTo>
                      <a:pt x="83" y="14"/>
                    </a:lnTo>
                    <a:lnTo>
                      <a:pt x="99" y="3"/>
                    </a:lnTo>
                    <a:lnTo>
                      <a:pt x="103" y="2"/>
                    </a:lnTo>
                    <a:lnTo>
                      <a:pt x="107" y="1"/>
                    </a:lnTo>
                    <a:lnTo>
                      <a:pt x="110" y="0"/>
                    </a:lnTo>
                    <a:lnTo>
                      <a:pt x="113" y="1"/>
                    </a:lnTo>
                    <a:lnTo>
                      <a:pt x="114" y="2"/>
                    </a:lnTo>
                    <a:lnTo>
                      <a:pt x="116" y="5"/>
                    </a:lnTo>
                    <a:lnTo>
                      <a:pt x="116" y="9"/>
                    </a:lnTo>
                    <a:lnTo>
                      <a:pt x="114" y="14"/>
                    </a:lnTo>
                    <a:lnTo>
                      <a:pt x="110" y="22"/>
                    </a:lnTo>
                    <a:lnTo>
                      <a:pt x="108" y="28"/>
                    </a:lnTo>
                    <a:lnTo>
                      <a:pt x="105" y="36"/>
                    </a:lnTo>
                    <a:lnTo>
                      <a:pt x="105" y="44"/>
                    </a:lnTo>
                    <a:lnTo>
                      <a:pt x="108" y="63"/>
                    </a:lnTo>
                    <a:lnTo>
                      <a:pt x="113" y="81"/>
                    </a:lnTo>
                    <a:lnTo>
                      <a:pt x="113" y="85"/>
                    </a:lnTo>
                    <a:lnTo>
                      <a:pt x="113" y="89"/>
                    </a:lnTo>
                    <a:lnTo>
                      <a:pt x="113" y="93"/>
                    </a:lnTo>
                    <a:lnTo>
                      <a:pt x="112" y="97"/>
                    </a:lnTo>
                    <a:lnTo>
                      <a:pt x="109" y="99"/>
                    </a:lnTo>
                    <a:lnTo>
                      <a:pt x="107" y="101"/>
                    </a:lnTo>
                    <a:lnTo>
                      <a:pt x="101" y="102"/>
                    </a:lnTo>
                    <a:lnTo>
                      <a:pt x="96" y="101"/>
                    </a:lnTo>
                    <a:lnTo>
                      <a:pt x="92" y="92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88" name="Freeform 98"/>
              <p:cNvSpPr>
                <a:spLocks/>
              </p:cNvSpPr>
              <p:nvPr/>
            </p:nvSpPr>
            <p:spPr bwMode="auto">
              <a:xfrm>
                <a:off x="9018525" y="6374580"/>
                <a:ext cx="284184" cy="214951"/>
              </a:xfrm>
              <a:custGeom>
                <a:avLst/>
                <a:gdLst/>
                <a:ahLst/>
                <a:cxnLst>
                  <a:cxn ang="0">
                    <a:pos x="514" y="338"/>
                  </a:cxn>
                  <a:cxn ang="0">
                    <a:pos x="492" y="307"/>
                  </a:cxn>
                  <a:cxn ang="0">
                    <a:pos x="476" y="271"/>
                  </a:cxn>
                  <a:cxn ang="0">
                    <a:pos x="461" y="240"/>
                  </a:cxn>
                  <a:cxn ang="0">
                    <a:pos x="440" y="213"/>
                  </a:cxn>
                  <a:cxn ang="0">
                    <a:pos x="425" y="188"/>
                  </a:cxn>
                  <a:cxn ang="0">
                    <a:pos x="406" y="178"/>
                  </a:cxn>
                  <a:cxn ang="0">
                    <a:pos x="362" y="172"/>
                  </a:cxn>
                  <a:cxn ang="0">
                    <a:pos x="325" y="175"/>
                  </a:cxn>
                  <a:cxn ang="0">
                    <a:pos x="313" y="171"/>
                  </a:cxn>
                  <a:cxn ang="0">
                    <a:pos x="296" y="148"/>
                  </a:cxn>
                  <a:cxn ang="0">
                    <a:pos x="285" y="137"/>
                  </a:cxn>
                  <a:cxn ang="0">
                    <a:pos x="247" y="123"/>
                  </a:cxn>
                  <a:cxn ang="0">
                    <a:pos x="212" y="100"/>
                  </a:cxn>
                  <a:cxn ang="0">
                    <a:pos x="184" y="65"/>
                  </a:cxn>
                  <a:cxn ang="0">
                    <a:pos x="165" y="17"/>
                  </a:cxn>
                  <a:cxn ang="0">
                    <a:pos x="143" y="0"/>
                  </a:cxn>
                  <a:cxn ang="0">
                    <a:pos x="111" y="16"/>
                  </a:cxn>
                  <a:cxn ang="0">
                    <a:pos x="64" y="60"/>
                  </a:cxn>
                  <a:cxn ang="0">
                    <a:pos x="44" y="75"/>
                  </a:cxn>
                  <a:cxn ang="0">
                    <a:pos x="15" y="86"/>
                  </a:cxn>
                  <a:cxn ang="0">
                    <a:pos x="1" y="92"/>
                  </a:cxn>
                  <a:cxn ang="0">
                    <a:pos x="10" y="100"/>
                  </a:cxn>
                  <a:cxn ang="0">
                    <a:pos x="50" y="97"/>
                  </a:cxn>
                  <a:cxn ang="0">
                    <a:pos x="97" y="100"/>
                  </a:cxn>
                  <a:cxn ang="0">
                    <a:pos x="120" y="108"/>
                  </a:cxn>
                  <a:cxn ang="0">
                    <a:pos x="194" y="163"/>
                  </a:cxn>
                  <a:cxn ang="0">
                    <a:pos x="242" y="194"/>
                  </a:cxn>
                  <a:cxn ang="0">
                    <a:pos x="257" y="200"/>
                  </a:cxn>
                  <a:cxn ang="0">
                    <a:pos x="273" y="200"/>
                  </a:cxn>
                  <a:cxn ang="0">
                    <a:pos x="279" y="206"/>
                  </a:cxn>
                  <a:cxn ang="0">
                    <a:pos x="283" y="229"/>
                  </a:cxn>
                  <a:cxn ang="0">
                    <a:pos x="295" y="263"/>
                  </a:cxn>
                  <a:cxn ang="0">
                    <a:pos x="318" y="275"/>
                  </a:cxn>
                  <a:cxn ang="0">
                    <a:pos x="346" y="275"/>
                  </a:cxn>
                  <a:cxn ang="0">
                    <a:pos x="392" y="272"/>
                  </a:cxn>
                  <a:cxn ang="0">
                    <a:pos x="412" y="283"/>
                  </a:cxn>
                  <a:cxn ang="0">
                    <a:pos x="425" y="307"/>
                  </a:cxn>
                  <a:cxn ang="0">
                    <a:pos x="439" y="321"/>
                  </a:cxn>
                  <a:cxn ang="0">
                    <a:pos x="457" y="337"/>
                  </a:cxn>
                  <a:cxn ang="0">
                    <a:pos x="479" y="368"/>
                  </a:cxn>
                  <a:cxn ang="0">
                    <a:pos x="505" y="411"/>
                  </a:cxn>
                  <a:cxn ang="0">
                    <a:pos x="523" y="452"/>
                  </a:cxn>
                  <a:cxn ang="0">
                    <a:pos x="553" y="468"/>
                  </a:cxn>
                  <a:cxn ang="0">
                    <a:pos x="601" y="453"/>
                  </a:cxn>
                  <a:cxn ang="0">
                    <a:pos x="616" y="446"/>
                  </a:cxn>
                  <a:cxn ang="0">
                    <a:pos x="620" y="435"/>
                  </a:cxn>
                  <a:cxn ang="0">
                    <a:pos x="625" y="384"/>
                  </a:cxn>
                  <a:cxn ang="0">
                    <a:pos x="612" y="367"/>
                  </a:cxn>
                  <a:cxn ang="0">
                    <a:pos x="584" y="371"/>
                  </a:cxn>
                  <a:cxn ang="0">
                    <a:pos x="546" y="367"/>
                  </a:cxn>
                </a:cxnLst>
                <a:rect l="0" t="0" r="r" b="b"/>
                <a:pathLst>
                  <a:path w="625" h="476">
                    <a:moveTo>
                      <a:pt x="532" y="358"/>
                    </a:moveTo>
                    <a:lnTo>
                      <a:pt x="522" y="349"/>
                    </a:lnTo>
                    <a:lnTo>
                      <a:pt x="514" y="338"/>
                    </a:lnTo>
                    <a:lnTo>
                      <a:pt x="505" y="328"/>
                    </a:lnTo>
                    <a:lnTo>
                      <a:pt x="498" y="317"/>
                    </a:lnTo>
                    <a:lnTo>
                      <a:pt x="492" y="307"/>
                    </a:lnTo>
                    <a:lnTo>
                      <a:pt x="485" y="295"/>
                    </a:lnTo>
                    <a:lnTo>
                      <a:pt x="480" y="284"/>
                    </a:lnTo>
                    <a:lnTo>
                      <a:pt x="476" y="271"/>
                    </a:lnTo>
                    <a:lnTo>
                      <a:pt x="473" y="259"/>
                    </a:lnTo>
                    <a:lnTo>
                      <a:pt x="467" y="249"/>
                    </a:lnTo>
                    <a:lnTo>
                      <a:pt x="461" y="240"/>
                    </a:lnTo>
                    <a:lnTo>
                      <a:pt x="454" y="231"/>
                    </a:lnTo>
                    <a:lnTo>
                      <a:pt x="447" y="222"/>
                    </a:lnTo>
                    <a:lnTo>
                      <a:pt x="440" y="213"/>
                    </a:lnTo>
                    <a:lnTo>
                      <a:pt x="434" y="203"/>
                    </a:lnTo>
                    <a:lnTo>
                      <a:pt x="428" y="193"/>
                    </a:lnTo>
                    <a:lnTo>
                      <a:pt x="425" y="188"/>
                    </a:lnTo>
                    <a:lnTo>
                      <a:pt x="419" y="184"/>
                    </a:lnTo>
                    <a:lnTo>
                      <a:pt x="414" y="180"/>
                    </a:lnTo>
                    <a:lnTo>
                      <a:pt x="406" y="178"/>
                    </a:lnTo>
                    <a:lnTo>
                      <a:pt x="392" y="172"/>
                    </a:lnTo>
                    <a:lnTo>
                      <a:pt x="378" y="170"/>
                    </a:lnTo>
                    <a:lnTo>
                      <a:pt x="362" y="172"/>
                    </a:lnTo>
                    <a:lnTo>
                      <a:pt x="343" y="175"/>
                    </a:lnTo>
                    <a:lnTo>
                      <a:pt x="334" y="176"/>
                    </a:lnTo>
                    <a:lnTo>
                      <a:pt x="325" y="175"/>
                    </a:lnTo>
                    <a:lnTo>
                      <a:pt x="320" y="175"/>
                    </a:lnTo>
                    <a:lnTo>
                      <a:pt x="316" y="172"/>
                    </a:lnTo>
                    <a:lnTo>
                      <a:pt x="313" y="171"/>
                    </a:lnTo>
                    <a:lnTo>
                      <a:pt x="309" y="169"/>
                    </a:lnTo>
                    <a:lnTo>
                      <a:pt x="301" y="157"/>
                    </a:lnTo>
                    <a:lnTo>
                      <a:pt x="296" y="148"/>
                    </a:lnTo>
                    <a:lnTo>
                      <a:pt x="294" y="144"/>
                    </a:lnTo>
                    <a:lnTo>
                      <a:pt x="290" y="140"/>
                    </a:lnTo>
                    <a:lnTo>
                      <a:pt x="285" y="137"/>
                    </a:lnTo>
                    <a:lnTo>
                      <a:pt x="277" y="134"/>
                    </a:lnTo>
                    <a:lnTo>
                      <a:pt x="261" y="128"/>
                    </a:lnTo>
                    <a:lnTo>
                      <a:pt x="247" y="123"/>
                    </a:lnTo>
                    <a:lnTo>
                      <a:pt x="234" y="117"/>
                    </a:lnTo>
                    <a:lnTo>
                      <a:pt x="222" y="109"/>
                    </a:lnTo>
                    <a:lnTo>
                      <a:pt x="212" y="100"/>
                    </a:lnTo>
                    <a:lnTo>
                      <a:pt x="202" y="91"/>
                    </a:lnTo>
                    <a:lnTo>
                      <a:pt x="193" y="79"/>
                    </a:lnTo>
                    <a:lnTo>
                      <a:pt x="184" y="65"/>
                    </a:lnTo>
                    <a:lnTo>
                      <a:pt x="176" y="49"/>
                    </a:lnTo>
                    <a:lnTo>
                      <a:pt x="171" y="32"/>
                    </a:lnTo>
                    <a:lnTo>
                      <a:pt x="165" y="17"/>
                    </a:lnTo>
                    <a:lnTo>
                      <a:pt x="158" y="1"/>
                    </a:lnTo>
                    <a:lnTo>
                      <a:pt x="151" y="0"/>
                    </a:lnTo>
                    <a:lnTo>
                      <a:pt x="143" y="0"/>
                    </a:lnTo>
                    <a:lnTo>
                      <a:pt x="134" y="1"/>
                    </a:lnTo>
                    <a:lnTo>
                      <a:pt x="127" y="5"/>
                    </a:lnTo>
                    <a:lnTo>
                      <a:pt x="111" y="16"/>
                    </a:lnTo>
                    <a:lnTo>
                      <a:pt x="96" y="30"/>
                    </a:lnTo>
                    <a:lnTo>
                      <a:pt x="80" y="44"/>
                    </a:lnTo>
                    <a:lnTo>
                      <a:pt x="64" y="60"/>
                    </a:lnTo>
                    <a:lnTo>
                      <a:pt x="58" y="66"/>
                    </a:lnTo>
                    <a:lnTo>
                      <a:pt x="50" y="71"/>
                    </a:lnTo>
                    <a:lnTo>
                      <a:pt x="44" y="75"/>
                    </a:lnTo>
                    <a:lnTo>
                      <a:pt x="37" y="79"/>
                    </a:lnTo>
                    <a:lnTo>
                      <a:pt x="28" y="82"/>
                    </a:lnTo>
                    <a:lnTo>
                      <a:pt x="15" y="86"/>
                    </a:lnTo>
                    <a:lnTo>
                      <a:pt x="9" y="87"/>
                    </a:lnTo>
                    <a:lnTo>
                      <a:pt x="5" y="89"/>
                    </a:lnTo>
                    <a:lnTo>
                      <a:pt x="1" y="92"/>
                    </a:lnTo>
                    <a:lnTo>
                      <a:pt x="0" y="96"/>
                    </a:lnTo>
                    <a:lnTo>
                      <a:pt x="4" y="99"/>
                    </a:lnTo>
                    <a:lnTo>
                      <a:pt x="10" y="100"/>
                    </a:lnTo>
                    <a:lnTo>
                      <a:pt x="19" y="100"/>
                    </a:lnTo>
                    <a:lnTo>
                      <a:pt x="29" y="100"/>
                    </a:lnTo>
                    <a:lnTo>
                      <a:pt x="50" y="97"/>
                    </a:lnTo>
                    <a:lnTo>
                      <a:pt x="64" y="96"/>
                    </a:lnTo>
                    <a:lnTo>
                      <a:pt x="83" y="99"/>
                    </a:lnTo>
                    <a:lnTo>
                      <a:pt x="97" y="100"/>
                    </a:lnTo>
                    <a:lnTo>
                      <a:pt x="105" y="102"/>
                    </a:lnTo>
                    <a:lnTo>
                      <a:pt x="112" y="105"/>
                    </a:lnTo>
                    <a:lnTo>
                      <a:pt x="120" y="108"/>
                    </a:lnTo>
                    <a:lnTo>
                      <a:pt x="128" y="113"/>
                    </a:lnTo>
                    <a:lnTo>
                      <a:pt x="154" y="132"/>
                    </a:lnTo>
                    <a:lnTo>
                      <a:pt x="194" y="163"/>
                    </a:lnTo>
                    <a:lnTo>
                      <a:pt x="215" y="178"/>
                    </a:lnTo>
                    <a:lnTo>
                      <a:pt x="234" y="191"/>
                    </a:lnTo>
                    <a:lnTo>
                      <a:pt x="242" y="194"/>
                    </a:lnTo>
                    <a:lnTo>
                      <a:pt x="248" y="198"/>
                    </a:lnTo>
                    <a:lnTo>
                      <a:pt x="254" y="200"/>
                    </a:lnTo>
                    <a:lnTo>
                      <a:pt x="257" y="200"/>
                    </a:lnTo>
                    <a:lnTo>
                      <a:pt x="264" y="198"/>
                    </a:lnTo>
                    <a:lnTo>
                      <a:pt x="269" y="200"/>
                    </a:lnTo>
                    <a:lnTo>
                      <a:pt x="273" y="200"/>
                    </a:lnTo>
                    <a:lnTo>
                      <a:pt x="276" y="202"/>
                    </a:lnTo>
                    <a:lnTo>
                      <a:pt x="278" y="203"/>
                    </a:lnTo>
                    <a:lnTo>
                      <a:pt x="279" y="206"/>
                    </a:lnTo>
                    <a:lnTo>
                      <a:pt x="281" y="210"/>
                    </a:lnTo>
                    <a:lnTo>
                      <a:pt x="282" y="213"/>
                    </a:lnTo>
                    <a:lnTo>
                      <a:pt x="283" y="229"/>
                    </a:lnTo>
                    <a:lnTo>
                      <a:pt x="286" y="246"/>
                    </a:lnTo>
                    <a:lnTo>
                      <a:pt x="290" y="257"/>
                    </a:lnTo>
                    <a:lnTo>
                      <a:pt x="295" y="263"/>
                    </a:lnTo>
                    <a:lnTo>
                      <a:pt x="303" y="268"/>
                    </a:lnTo>
                    <a:lnTo>
                      <a:pt x="309" y="272"/>
                    </a:lnTo>
                    <a:lnTo>
                      <a:pt x="318" y="275"/>
                    </a:lnTo>
                    <a:lnTo>
                      <a:pt x="327" y="275"/>
                    </a:lnTo>
                    <a:lnTo>
                      <a:pt x="336" y="275"/>
                    </a:lnTo>
                    <a:lnTo>
                      <a:pt x="346" y="275"/>
                    </a:lnTo>
                    <a:lnTo>
                      <a:pt x="365" y="273"/>
                    </a:lnTo>
                    <a:lnTo>
                      <a:pt x="383" y="272"/>
                    </a:lnTo>
                    <a:lnTo>
                      <a:pt x="392" y="272"/>
                    </a:lnTo>
                    <a:lnTo>
                      <a:pt x="400" y="275"/>
                    </a:lnTo>
                    <a:lnTo>
                      <a:pt x="406" y="277"/>
                    </a:lnTo>
                    <a:lnTo>
                      <a:pt x="412" y="283"/>
                    </a:lnTo>
                    <a:lnTo>
                      <a:pt x="418" y="293"/>
                    </a:lnTo>
                    <a:lnTo>
                      <a:pt x="422" y="302"/>
                    </a:lnTo>
                    <a:lnTo>
                      <a:pt x="425" y="307"/>
                    </a:lnTo>
                    <a:lnTo>
                      <a:pt x="428" y="311"/>
                    </a:lnTo>
                    <a:lnTo>
                      <a:pt x="432" y="316"/>
                    </a:lnTo>
                    <a:lnTo>
                      <a:pt x="439" y="321"/>
                    </a:lnTo>
                    <a:lnTo>
                      <a:pt x="447" y="327"/>
                    </a:lnTo>
                    <a:lnTo>
                      <a:pt x="453" y="332"/>
                    </a:lnTo>
                    <a:lnTo>
                      <a:pt x="457" y="337"/>
                    </a:lnTo>
                    <a:lnTo>
                      <a:pt x="462" y="343"/>
                    </a:lnTo>
                    <a:lnTo>
                      <a:pt x="469" y="355"/>
                    </a:lnTo>
                    <a:lnTo>
                      <a:pt x="479" y="368"/>
                    </a:lnTo>
                    <a:lnTo>
                      <a:pt x="491" y="382"/>
                    </a:lnTo>
                    <a:lnTo>
                      <a:pt x="498" y="395"/>
                    </a:lnTo>
                    <a:lnTo>
                      <a:pt x="505" y="411"/>
                    </a:lnTo>
                    <a:lnTo>
                      <a:pt x="511" y="426"/>
                    </a:lnTo>
                    <a:lnTo>
                      <a:pt x="517" y="438"/>
                    </a:lnTo>
                    <a:lnTo>
                      <a:pt x="523" y="452"/>
                    </a:lnTo>
                    <a:lnTo>
                      <a:pt x="531" y="465"/>
                    </a:lnTo>
                    <a:lnTo>
                      <a:pt x="539" y="476"/>
                    </a:lnTo>
                    <a:lnTo>
                      <a:pt x="553" y="468"/>
                    </a:lnTo>
                    <a:lnTo>
                      <a:pt x="570" y="457"/>
                    </a:lnTo>
                    <a:lnTo>
                      <a:pt x="584" y="455"/>
                    </a:lnTo>
                    <a:lnTo>
                      <a:pt x="601" y="453"/>
                    </a:lnTo>
                    <a:lnTo>
                      <a:pt x="607" y="451"/>
                    </a:lnTo>
                    <a:lnTo>
                      <a:pt x="614" y="448"/>
                    </a:lnTo>
                    <a:lnTo>
                      <a:pt x="616" y="446"/>
                    </a:lnTo>
                    <a:lnTo>
                      <a:pt x="619" y="443"/>
                    </a:lnTo>
                    <a:lnTo>
                      <a:pt x="620" y="439"/>
                    </a:lnTo>
                    <a:lnTo>
                      <a:pt x="620" y="435"/>
                    </a:lnTo>
                    <a:lnTo>
                      <a:pt x="621" y="417"/>
                    </a:lnTo>
                    <a:lnTo>
                      <a:pt x="623" y="399"/>
                    </a:lnTo>
                    <a:lnTo>
                      <a:pt x="625" y="384"/>
                    </a:lnTo>
                    <a:lnTo>
                      <a:pt x="625" y="368"/>
                    </a:lnTo>
                    <a:lnTo>
                      <a:pt x="620" y="367"/>
                    </a:lnTo>
                    <a:lnTo>
                      <a:pt x="612" y="367"/>
                    </a:lnTo>
                    <a:lnTo>
                      <a:pt x="603" y="369"/>
                    </a:lnTo>
                    <a:lnTo>
                      <a:pt x="597" y="371"/>
                    </a:lnTo>
                    <a:lnTo>
                      <a:pt x="584" y="371"/>
                    </a:lnTo>
                    <a:lnTo>
                      <a:pt x="572" y="371"/>
                    </a:lnTo>
                    <a:lnTo>
                      <a:pt x="559" y="369"/>
                    </a:lnTo>
                    <a:lnTo>
                      <a:pt x="546" y="367"/>
                    </a:lnTo>
                    <a:lnTo>
                      <a:pt x="532" y="358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89" name="Freeform 99"/>
              <p:cNvSpPr>
                <a:spLocks/>
              </p:cNvSpPr>
              <p:nvPr/>
            </p:nvSpPr>
            <p:spPr bwMode="auto">
              <a:xfrm>
                <a:off x="9319103" y="6584111"/>
                <a:ext cx="41899" cy="34320"/>
              </a:xfrm>
              <a:custGeom>
                <a:avLst/>
                <a:gdLst/>
                <a:ahLst/>
                <a:cxnLst>
                  <a:cxn ang="0">
                    <a:pos x="89" y="60"/>
                  </a:cxn>
                  <a:cxn ang="0">
                    <a:pos x="84" y="48"/>
                  </a:cxn>
                  <a:cxn ang="0">
                    <a:pos x="79" y="37"/>
                  </a:cxn>
                  <a:cxn ang="0">
                    <a:pos x="71" y="26"/>
                  </a:cxn>
                  <a:cxn ang="0">
                    <a:pos x="63" y="16"/>
                  </a:cxn>
                  <a:cxn ang="0">
                    <a:pos x="53" y="9"/>
                  </a:cxn>
                  <a:cxn ang="0">
                    <a:pos x="41" y="4"/>
                  </a:cxn>
                  <a:cxn ang="0">
                    <a:pos x="36" y="2"/>
                  </a:cxn>
                  <a:cxn ang="0">
                    <a:pos x="30" y="0"/>
                  </a:cxn>
                  <a:cxn ang="0">
                    <a:pos x="22" y="0"/>
                  </a:cxn>
                  <a:cxn ang="0">
                    <a:pos x="15" y="0"/>
                  </a:cxn>
                  <a:cxn ang="0">
                    <a:pos x="12" y="2"/>
                  </a:cxn>
                  <a:cxn ang="0">
                    <a:pos x="8" y="3"/>
                  </a:cxn>
                  <a:cxn ang="0">
                    <a:pos x="4" y="4"/>
                  </a:cxn>
                  <a:cxn ang="0">
                    <a:pos x="3" y="7"/>
                  </a:cxn>
                  <a:cxn ang="0">
                    <a:pos x="1" y="9"/>
                  </a:cxn>
                  <a:cxn ang="0">
                    <a:pos x="0" y="12"/>
                  </a:cxn>
                  <a:cxn ang="0">
                    <a:pos x="1" y="16"/>
                  </a:cxn>
                  <a:cxn ang="0">
                    <a:pos x="4" y="20"/>
                  </a:cxn>
                  <a:cxn ang="0">
                    <a:pos x="9" y="25"/>
                  </a:cxn>
                  <a:cxn ang="0">
                    <a:pos x="15" y="29"/>
                  </a:cxn>
                  <a:cxn ang="0">
                    <a:pos x="22" y="33"/>
                  </a:cxn>
                  <a:cxn ang="0">
                    <a:pos x="28" y="37"/>
                  </a:cxn>
                  <a:cxn ang="0">
                    <a:pos x="36" y="42"/>
                  </a:cxn>
                  <a:cxn ang="0">
                    <a:pos x="44" y="47"/>
                  </a:cxn>
                  <a:cxn ang="0">
                    <a:pos x="52" y="55"/>
                  </a:cxn>
                  <a:cxn ang="0">
                    <a:pos x="60" y="61"/>
                  </a:cxn>
                  <a:cxn ang="0">
                    <a:pos x="66" y="68"/>
                  </a:cxn>
                  <a:cxn ang="0">
                    <a:pos x="71" y="74"/>
                  </a:cxn>
                  <a:cxn ang="0">
                    <a:pos x="74" y="77"/>
                  </a:cxn>
                  <a:cxn ang="0">
                    <a:pos x="78" y="78"/>
                  </a:cxn>
                  <a:cxn ang="0">
                    <a:pos x="83" y="78"/>
                  </a:cxn>
                  <a:cxn ang="0">
                    <a:pos x="89" y="78"/>
                  </a:cxn>
                  <a:cxn ang="0">
                    <a:pos x="89" y="60"/>
                  </a:cxn>
                </a:cxnLst>
                <a:rect l="0" t="0" r="r" b="b"/>
                <a:pathLst>
                  <a:path w="89" h="78">
                    <a:moveTo>
                      <a:pt x="89" y="60"/>
                    </a:moveTo>
                    <a:lnTo>
                      <a:pt x="84" y="48"/>
                    </a:lnTo>
                    <a:lnTo>
                      <a:pt x="79" y="37"/>
                    </a:lnTo>
                    <a:lnTo>
                      <a:pt x="71" y="26"/>
                    </a:lnTo>
                    <a:lnTo>
                      <a:pt x="63" y="16"/>
                    </a:lnTo>
                    <a:lnTo>
                      <a:pt x="53" y="9"/>
                    </a:lnTo>
                    <a:lnTo>
                      <a:pt x="41" y="4"/>
                    </a:lnTo>
                    <a:lnTo>
                      <a:pt x="36" y="2"/>
                    </a:lnTo>
                    <a:lnTo>
                      <a:pt x="30" y="0"/>
                    </a:lnTo>
                    <a:lnTo>
                      <a:pt x="22" y="0"/>
                    </a:lnTo>
                    <a:lnTo>
                      <a:pt x="15" y="0"/>
                    </a:lnTo>
                    <a:lnTo>
                      <a:pt x="12" y="2"/>
                    </a:lnTo>
                    <a:lnTo>
                      <a:pt x="8" y="3"/>
                    </a:lnTo>
                    <a:lnTo>
                      <a:pt x="4" y="4"/>
                    </a:lnTo>
                    <a:lnTo>
                      <a:pt x="3" y="7"/>
                    </a:lnTo>
                    <a:lnTo>
                      <a:pt x="1" y="9"/>
                    </a:lnTo>
                    <a:lnTo>
                      <a:pt x="0" y="12"/>
                    </a:lnTo>
                    <a:lnTo>
                      <a:pt x="1" y="16"/>
                    </a:lnTo>
                    <a:lnTo>
                      <a:pt x="4" y="20"/>
                    </a:lnTo>
                    <a:lnTo>
                      <a:pt x="9" y="25"/>
                    </a:lnTo>
                    <a:lnTo>
                      <a:pt x="15" y="29"/>
                    </a:lnTo>
                    <a:lnTo>
                      <a:pt x="22" y="33"/>
                    </a:lnTo>
                    <a:lnTo>
                      <a:pt x="28" y="37"/>
                    </a:lnTo>
                    <a:lnTo>
                      <a:pt x="36" y="42"/>
                    </a:lnTo>
                    <a:lnTo>
                      <a:pt x="44" y="47"/>
                    </a:lnTo>
                    <a:lnTo>
                      <a:pt x="52" y="55"/>
                    </a:lnTo>
                    <a:lnTo>
                      <a:pt x="60" y="61"/>
                    </a:lnTo>
                    <a:lnTo>
                      <a:pt x="66" y="68"/>
                    </a:lnTo>
                    <a:lnTo>
                      <a:pt x="71" y="74"/>
                    </a:lnTo>
                    <a:lnTo>
                      <a:pt x="74" y="77"/>
                    </a:lnTo>
                    <a:lnTo>
                      <a:pt x="78" y="78"/>
                    </a:lnTo>
                    <a:lnTo>
                      <a:pt x="83" y="78"/>
                    </a:lnTo>
                    <a:lnTo>
                      <a:pt x="89" y="78"/>
                    </a:lnTo>
                    <a:lnTo>
                      <a:pt x="89" y="60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90" name="Freeform 100"/>
              <p:cNvSpPr>
                <a:spLocks/>
              </p:cNvSpPr>
              <p:nvPr/>
            </p:nvSpPr>
            <p:spPr bwMode="auto">
              <a:xfrm>
                <a:off x="9375576" y="6634687"/>
                <a:ext cx="36434" cy="25288"/>
              </a:xfrm>
              <a:custGeom>
                <a:avLst/>
                <a:gdLst/>
                <a:ahLst/>
                <a:cxnLst>
                  <a:cxn ang="0">
                    <a:pos x="78" y="15"/>
                  </a:cxn>
                  <a:cxn ang="0">
                    <a:pos x="68" y="12"/>
                  </a:cxn>
                  <a:cxn ang="0">
                    <a:pos x="57" y="7"/>
                  </a:cxn>
                  <a:cxn ang="0">
                    <a:pos x="44" y="5"/>
                  </a:cxn>
                  <a:cxn ang="0">
                    <a:pos x="33" y="3"/>
                  </a:cxn>
                  <a:cxn ang="0">
                    <a:pos x="20" y="2"/>
                  </a:cxn>
                  <a:cxn ang="0">
                    <a:pos x="8" y="0"/>
                  </a:cxn>
                  <a:cxn ang="0">
                    <a:pos x="4" y="2"/>
                  </a:cxn>
                  <a:cxn ang="0">
                    <a:pos x="2" y="3"/>
                  </a:cxn>
                  <a:cxn ang="0">
                    <a:pos x="0" y="5"/>
                  </a:cxn>
                  <a:cxn ang="0">
                    <a:pos x="2" y="8"/>
                  </a:cxn>
                  <a:cxn ang="0">
                    <a:pos x="3" y="12"/>
                  </a:cxn>
                  <a:cxn ang="0">
                    <a:pos x="7" y="15"/>
                  </a:cxn>
                  <a:cxn ang="0">
                    <a:pos x="11" y="17"/>
                  </a:cxn>
                  <a:cxn ang="0">
                    <a:pos x="15" y="18"/>
                  </a:cxn>
                  <a:cxn ang="0">
                    <a:pos x="22" y="21"/>
                  </a:cxn>
                  <a:cxn ang="0">
                    <a:pos x="30" y="24"/>
                  </a:cxn>
                  <a:cxn ang="0">
                    <a:pos x="35" y="26"/>
                  </a:cxn>
                  <a:cxn ang="0">
                    <a:pos x="39" y="29"/>
                  </a:cxn>
                  <a:cxn ang="0">
                    <a:pos x="42" y="33"/>
                  </a:cxn>
                  <a:cxn ang="0">
                    <a:pos x="44" y="38"/>
                  </a:cxn>
                  <a:cxn ang="0">
                    <a:pos x="47" y="42"/>
                  </a:cxn>
                  <a:cxn ang="0">
                    <a:pos x="48" y="46"/>
                  </a:cxn>
                  <a:cxn ang="0">
                    <a:pos x="52" y="49"/>
                  </a:cxn>
                  <a:cxn ang="0">
                    <a:pos x="56" y="53"/>
                  </a:cxn>
                  <a:cxn ang="0">
                    <a:pos x="60" y="56"/>
                  </a:cxn>
                  <a:cxn ang="0">
                    <a:pos x="65" y="56"/>
                  </a:cxn>
                  <a:cxn ang="0">
                    <a:pos x="69" y="55"/>
                  </a:cxn>
                  <a:cxn ang="0">
                    <a:pos x="73" y="52"/>
                  </a:cxn>
                  <a:cxn ang="0">
                    <a:pos x="77" y="48"/>
                  </a:cxn>
                  <a:cxn ang="0">
                    <a:pos x="81" y="42"/>
                  </a:cxn>
                  <a:cxn ang="0">
                    <a:pos x="81" y="38"/>
                  </a:cxn>
                  <a:cxn ang="0">
                    <a:pos x="81" y="34"/>
                  </a:cxn>
                  <a:cxn ang="0">
                    <a:pos x="81" y="31"/>
                  </a:cxn>
                  <a:cxn ang="0">
                    <a:pos x="79" y="29"/>
                  </a:cxn>
                  <a:cxn ang="0">
                    <a:pos x="78" y="15"/>
                  </a:cxn>
                </a:cxnLst>
                <a:rect l="0" t="0" r="r" b="b"/>
                <a:pathLst>
                  <a:path w="81" h="56">
                    <a:moveTo>
                      <a:pt x="78" y="15"/>
                    </a:moveTo>
                    <a:lnTo>
                      <a:pt x="68" y="12"/>
                    </a:lnTo>
                    <a:lnTo>
                      <a:pt x="57" y="7"/>
                    </a:lnTo>
                    <a:lnTo>
                      <a:pt x="44" y="5"/>
                    </a:lnTo>
                    <a:lnTo>
                      <a:pt x="33" y="3"/>
                    </a:lnTo>
                    <a:lnTo>
                      <a:pt x="20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2" y="3"/>
                    </a:lnTo>
                    <a:lnTo>
                      <a:pt x="0" y="5"/>
                    </a:lnTo>
                    <a:lnTo>
                      <a:pt x="2" y="8"/>
                    </a:lnTo>
                    <a:lnTo>
                      <a:pt x="3" y="12"/>
                    </a:lnTo>
                    <a:lnTo>
                      <a:pt x="7" y="15"/>
                    </a:lnTo>
                    <a:lnTo>
                      <a:pt x="11" y="17"/>
                    </a:lnTo>
                    <a:lnTo>
                      <a:pt x="15" y="18"/>
                    </a:lnTo>
                    <a:lnTo>
                      <a:pt x="22" y="21"/>
                    </a:lnTo>
                    <a:lnTo>
                      <a:pt x="30" y="24"/>
                    </a:lnTo>
                    <a:lnTo>
                      <a:pt x="35" y="26"/>
                    </a:lnTo>
                    <a:lnTo>
                      <a:pt x="39" y="29"/>
                    </a:lnTo>
                    <a:lnTo>
                      <a:pt x="42" y="33"/>
                    </a:lnTo>
                    <a:lnTo>
                      <a:pt x="44" y="38"/>
                    </a:lnTo>
                    <a:lnTo>
                      <a:pt x="47" y="42"/>
                    </a:lnTo>
                    <a:lnTo>
                      <a:pt x="48" y="46"/>
                    </a:lnTo>
                    <a:lnTo>
                      <a:pt x="52" y="49"/>
                    </a:lnTo>
                    <a:lnTo>
                      <a:pt x="56" y="53"/>
                    </a:lnTo>
                    <a:lnTo>
                      <a:pt x="60" y="56"/>
                    </a:lnTo>
                    <a:lnTo>
                      <a:pt x="65" y="56"/>
                    </a:lnTo>
                    <a:lnTo>
                      <a:pt x="69" y="55"/>
                    </a:lnTo>
                    <a:lnTo>
                      <a:pt x="73" y="52"/>
                    </a:lnTo>
                    <a:lnTo>
                      <a:pt x="77" y="48"/>
                    </a:lnTo>
                    <a:lnTo>
                      <a:pt x="81" y="42"/>
                    </a:lnTo>
                    <a:lnTo>
                      <a:pt x="81" y="38"/>
                    </a:lnTo>
                    <a:lnTo>
                      <a:pt x="81" y="34"/>
                    </a:lnTo>
                    <a:lnTo>
                      <a:pt x="81" y="31"/>
                    </a:lnTo>
                    <a:lnTo>
                      <a:pt x="79" y="29"/>
                    </a:lnTo>
                    <a:lnTo>
                      <a:pt x="78" y="15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91" name="Freeform 108"/>
              <p:cNvSpPr>
                <a:spLocks/>
              </p:cNvSpPr>
              <p:nvPr/>
            </p:nvSpPr>
            <p:spPr bwMode="auto">
              <a:xfrm>
                <a:off x="9286313" y="6829768"/>
                <a:ext cx="32790" cy="32513"/>
              </a:xfrm>
              <a:custGeom>
                <a:avLst/>
                <a:gdLst/>
                <a:ahLst/>
                <a:cxnLst>
                  <a:cxn ang="0">
                    <a:pos x="6" y="39"/>
                  </a:cxn>
                  <a:cxn ang="0">
                    <a:pos x="14" y="39"/>
                  </a:cxn>
                  <a:cxn ang="0">
                    <a:pos x="22" y="35"/>
                  </a:cxn>
                  <a:cxn ang="0">
                    <a:pos x="30" y="31"/>
                  </a:cxn>
                  <a:cxn ang="0">
                    <a:pos x="36" y="26"/>
                  </a:cxn>
                  <a:cxn ang="0">
                    <a:pos x="41" y="18"/>
                  </a:cxn>
                  <a:cxn ang="0">
                    <a:pos x="50" y="9"/>
                  </a:cxn>
                  <a:cxn ang="0">
                    <a:pos x="56" y="5"/>
                  </a:cxn>
                  <a:cxn ang="0">
                    <a:pos x="59" y="3"/>
                  </a:cxn>
                  <a:cxn ang="0">
                    <a:pos x="65" y="0"/>
                  </a:cxn>
                  <a:cxn ang="0">
                    <a:pos x="70" y="0"/>
                  </a:cxn>
                  <a:cxn ang="0">
                    <a:pos x="72" y="1"/>
                  </a:cxn>
                  <a:cxn ang="0">
                    <a:pos x="74" y="5"/>
                  </a:cxn>
                  <a:cxn ang="0">
                    <a:pos x="74" y="8"/>
                  </a:cxn>
                  <a:cxn ang="0">
                    <a:pos x="72" y="12"/>
                  </a:cxn>
                  <a:cxn ang="0">
                    <a:pos x="70" y="19"/>
                  </a:cxn>
                  <a:cxn ang="0">
                    <a:pos x="67" y="25"/>
                  </a:cxn>
                  <a:cxn ang="0">
                    <a:pos x="58" y="35"/>
                  </a:cxn>
                  <a:cxn ang="0">
                    <a:pos x="49" y="45"/>
                  </a:cxn>
                  <a:cxn ang="0">
                    <a:pos x="46" y="50"/>
                  </a:cxn>
                  <a:cxn ang="0">
                    <a:pos x="46" y="57"/>
                  </a:cxn>
                  <a:cxn ang="0">
                    <a:pos x="45" y="60"/>
                  </a:cxn>
                  <a:cxn ang="0">
                    <a:pos x="43" y="62"/>
                  </a:cxn>
                  <a:cxn ang="0">
                    <a:pos x="40" y="65"/>
                  </a:cxn>
                  <a:cxn ang="0">
                    <a:pos x="36" y="67"/>
                  </a:cxn>
                  <a:cxn ang="0">
                    <a:pos x="28" y="70"/>
                  </a:cxn>
                  <a:cxn ang="0">
                    <a:pos x="22" y="71"/>
                  </a:cxn>
                  <a:cxn ang="0">
                    <a:pos x="18" y="72"/>
                  </a:cxn>
                  <a:cxn ang="0">
                    <a:pos x="14" y="71"/>
                  </a:cxn>
                  <a:cxn ang="0">
                    <a:pos x="10" y="70"/>
                  </a:cxn>
                  <a:cxn ang="0">
                    <a:pos x="6" y="69"/>
                  </a:cxn>
                  <a:cxn ang="0">
                    <a:pos x="4" y="66"/>
                  </a:cxn>
                  <a:cxn ang="0">
                    <a:pos x="1" y="63"/>
                  </a:cxn>
                  <a:cxn ang="0">
                    <a:pos x="0" y="60"/>
                  </a:cxn>
                  <a:cxn ang="0">
                    <a:pos x="0" y="56"/>
                  </a:cxn>
                  <a:cxn ang="0">
                    <a:pos x="6" y="39"/>
                  </a:cxn>
                </a:cxnLst>
                <a:rect l="0" t="0" r="r" b="b"/>
                <a:pathLst>
                  <a:path w="74" h="72">
                    <a:moveTo>
                      <a:pt x="6" y="39"/>
                    </a:moveTo>
                    <a:lnTo>
                      <a:pt x="14" y="39"/>
                    </a:lnTo>
                    <a:lnTo>
                      <a:pt x="22" y="35"/>
                    </a:lnTo>
                    <a:lnTo>
                      <a:pt x="30" y="31"/>
                    </a:lnTo>
                    <a:lnTo>
                      <a:pt x="36" y="26"/>
                    </a:lnTo>
                    <a:lnTo>
                      <a:pt x="41" y="18"/>
                    </a:lnTo>
                    <a:lnTo>
                      <a:pt x="50" y="9"/>
                    </a:lnTo>
                    <a:lnTo>
                      <a:pt x="56" y="5"/>
                    </a:lnTo>
                    <a:lnTo>
                      <a:pt x="59" y="3"/>
                    </a:lnTo>
                    <a:lnTo>
                      <a:pt x="65" y="0"/>
                    </a:lnTo>
                    <a:lnTo>
                      <a:pt x="70" y="0"/>
                    </a:lnTo>
                    <a:lnTo>
                      <a:pt x="72" y="1"/>
                    </a:lnTo>
                    <a:lnTo>
                      <a:pt x="74" y="5"/>
                    </a:lnTo>
                    <a:lnTo>
                      <a:pt x="74" y="8"/>
                    </a:lnTo>
                    <a:lnTo>
                      <a:pt x="72" y="12"/>
                    </a:lnTo>
                    <a:lnTo>
                      <a:pt x="70" y="19"/>
                    </a:lnTo>
                    <a:lnTo>
                      <a:pt x="67" y="25"/>
                    </a:lnTo>
                    <a:lnTo>
                      <a:pt x="58" y="35"/>
                    </a:lnTo>
                    <a:lnTo>
                      <a:pt x="49" y="45"/>
                    </a:lnTo>
                    <a:lnTo>
                      <a:pt x="46" y="50"/>
                    </a:lnTo>
                    <a:lnTo>
                      <a:pt x="46" y="57"/>
                    </a:lnTo>
                    <a:lnTo>
                      <a:pt x="45" y="60"/>
                    </a:lnTo>
                    <a:lnTo>
                      <a:pt x="43" y="62"/>
                    </a:lnTo>
                    <a:lnTo>
                      <a:pt x="40" y="65"/>
                    </a:lnTo>
                    <a:lnTo>
                      <a:pt x="36" y="67"/>
                    </a:lnTo>
                    <a:lnTo>
                      <a:pt x="28" y="70"/>
                    </a:lnTo>
                    <a:lnTo>
                      <a:pt x="22" y="71"/>
                    </a:lnTo>
                    <a:lnTo>
                      <a:pt x="18" y="72"/>
                    </a:lnTo>
                    <a:lnTo>
                      <a:pt x="14" y="71"/>
                    </a:lnTo>
                    <a:lnTo>
                      <a:pt x="10" y="70"/>
                    </a:lnTo>
                    <a:lnTo>
                      <a:pt x="6" y="69"/>
                    </a:lnTo>
                    <a:lnTo>
                      <a:pt x="4" y="66"/>
                    </a:lnTo>
                    <a:lnTo>
                      <a:pt x="1" y="63"/>
                    </a:lnTo>
                    <a:lnTo>
                      <a:pt x="0" y="60"/>
                    </a:lnTo>
                    <a:lnTo>
                      <a:pt x="0" y="56"/>
                    </a:lnTo>
                    <a:lnTo>
                      <a:pt x="6" y="3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92" name="Freeform 109"/>
              <p:cNvSpPr>
                <a:spLocks/>
              </p:cNvSpPr>
              <p:nvPr/>
            </p:nvSpPr>
            <p:spPr bwMode="auto">
              <a:xfrm>
                <a:off x="9413831" y="6755710"/>
                <a:ext cx="14574" cy="21676"/>
              </a:xfrm>
              <a:custGeom>
                <a:avLst/>
                <a:gdLst/>
                <a:ahLst/>
                <a:cxnLst>
                  <a:cxn ang="0">
                    <a:pos x="34" y="39"/>
                  </a:cxn>
                  <a:cxn ang="0">
                    <a:pos x="34" y="24"/>
                  </a:cxn>
                  <a:cxn ang="0">
                    <a:pos x="31" y="7"/>
                  </a:cxn>
                  <a:cxn ang="0">
                    <a:pos x="30" y="4"/>
                  </a:cxn>
                  <a:cxn ang="0">
                    <a:pos x="27" y="3"/>
                  </a:cxn>
                  <a:cxn ang="0">
                    <a:pos x="25" y="2"/>
                  </a:cxn>
                  <a:cxn ang="0">
                    <a:pos x="22" y="0"/>
                  </a:cxn>
                  <a:cxn ang="0">
                    <a:pos x="15" y="0"/>
                  </a:cxn>
                  <a:cxn ang="0">
                    <a:pos x="9" y="0"/>
                  </a:cxn>
                  <a:cxn ang="0">
                    <a:pos x="5" y="3"/>
                  </a:cxn>
                  <a:cxn ang="0">
                    <a:pos x="3" y="6"/>
                  </a:cxn>
                  <a:cxn ang="0">
                    <a:pos x="1" y="9"/>
                  </a:cxn>
                  <a:cxn ang="0">
                    <a:pos x="0" y="13"/>
                  </a:cxn>
                  <a:cxn ang="0">
                    <a:pos x="3" y="17"/>
                  </a:cxn>
                  <a:cxn ang="0">
                    <a:pos x="6" y="21"/>
                  </a:cxn>
                  <a:cxn ang="0">
                    <a:pos x="8" y="25"/>
                  </a:cxn>
                  <a:cxn ang="0">
                    <a:pos x="6" y="30"/>
                  </a:cxn>
                  <a:cxn ang="0">
                    <a:pos x="6" y="34"/>
                  </a:cxn>
                  <a:cxn ang="0">
                    <a:pos x="5" y="38"/>
                  </a:cxn>
                  <a:cxn ang="0">
                    <a:pos x="5" y="42"/>
                  </a:cxn>
                  <a:cxn ang="0">
                    <a:pos x="5" y="44"/>
                  </a:cxn>
                  <a:cxn ang="0">
                    <a:pos x="6" y="47"/>
                  </a:cxn>
                  <a:cxn ang="0">
                    <a:pos x="8" y="48"/>
                  </a:cxn>
                  <a:cxn ang="0">
                    <a:pos x="12" y="50"/>
                  </a:cxn>
                  <a:cxn ang="0">
                    <a:pos x="18" y="48"/>
                  </a:cxn>
                  <a:cxn ang="0">
                    <a:pos x="34" y="39"/>
                  </a:cxn>
                </a:cxnLst>
                <a:rect l="0" t="0" r="r" b="b"/>
                <a:pathLst>
                  <a:path w="34" h="50">
                    <a:moveTo>
                      <a:pt x="34" y="39"/>
                    </a:moveTo>
                    <a:lnTo>
                      <a:pt x="34" y="24"/>
                    </a:lnTo>
                    <a:lnTo>
                      <a:pt x="31" y="7"/>
                    </a:lnTo>
                    <a:lnTo>
                      <a:pt x="30" y="4"/>
                    </a:lnTo>
                    <a:lnTo>
                      <a:pt x="27" y="3"/>
                    </a:lnTo>
                    <a:lnTo>
                      <a:pt x="25" y="2"/>
                    </a:lnTo>
                    <a:lnTo>
                      <a:pt x="22" y="0"/>
                    </a:lnTo>
                    <a:lnTo>
                      <a:pt x="15" y="0"/>
                    </a:lnTo>
                    <a:lnTo>
                      <a:pt x="9" y="0"/>
                    </a:lnTo>
                    <a:lnTo>
                      <a:pt x="5" y="3"/>
                    </a:lnTo>
                    <a:lnTo>
                      <a:pt x="3" y="6"/>
                    </a:lnTo>
                    <a:lnTo>
                      <a:pt x="1" y="9"/>
                    </a:lnTo>
                    <a:lnTo>
                      <a:pt x="0" y="13"/>
                    </a:lnTo>
                    <a:lnTo>
                      <a:pt x="3" y="17"/>
                    </a:lnTo>
                    <a:lnTo>
                      <a:pt x="6" y="21"/>
                    </a:lnTo>
                    <a:lnTo>
                      <a:pt x="8" y="25"/>
                    </a:lnTo>
                    <a:lnTo>
                      <a:pt x="6" y="30"/>
                    </a:lnTo>
                    <a:lnTo>
                      <a:pt x="6" y="34"/>
                    </a:lnTo>
                    <a:lnTo>
                      <a:pt x="5" y="38"/>
                    </a:lnTo>
                    <a:lnTo>
                      <a:pt x="5" y="42"/>
                    </a:lnTo>
                    <a:lnTo>
                      <a:pt x="5" y="44"/>
                    </a:lnTo>
                    <a:lnTo>
                      <a:pt x="6" y="47"/>
                    </a:lnTo>
                    <a:lnTo>
                      <a:pt x="8" y="48"/>
                    </a:lnTo>
                    <a:lnTo>
                      <a:pt x="12" y="50"/>
                    </a:lnTo>
                    <a:lnTo>
                      <a:pt x="18" y="48"/>
                    </a:lnTo>
                    <a:lnTo>
                      <a:pt x="34" y="3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93" name="Freeform 110"/>
              <p:cNvSpPr>
                <a:spLocks/>
              </p:cNvSpPr>
              <p:nvPr/>
            </p:nvSpPr>
            <p:spPr bwMode="auto">
              <a:xfrm>
                <a:off x="8532133" y="5738760"/>
                <a:ext cx="1062046" cy="1193968"/>
              </a:xfrm>
              <a:custGeom>
                <a:avLst/>
                <a:gdLst/>
                <a:ahLst/>
                <a:cxnLst>
                  <a:cxn ang="0">
                    <a:pos x="692" y="453"/>
                  </a:cxn>
                  <a:cxn ang="0">
                    <a:pos x="973" y="334"/>
                  </a:cxn>
                  <a:cxn ang="0">
                    <a:pos x="1243" y="287"/>
                  </a:cxn>
                  <a:cxn ang="0">
                    <a:pos x="1503" y="127"/>
                  </a:cxn>
                  <a:cxn ang="0">
                    <a:pos x="1782" y="212"/>
                  </a:cxn>
                  <a:cxn ang="0">
                    <a:pos x="2075" y="167"/>
                  </a:cxn>
                  <a:cxn ang="0">
                    <a:pos x="2126" y="4"/>
                  </a:cxn>
                  <a:cxn ang="0">
                    <a:pos x="2304" y="129"/>
                  </a:cxn>
                  <a:cxn ang="0">
                    <a:pos x="2240" y="237"/>
                  </a:cxn>
                  <a:cxn ang="0">
                    <a:pos x="2224" y="374"/>
                  </a:cxn>
                  <a:cxn ang="0">
                    <a:pos x="1923" y="465"/>
                  </a:cxn>
                  <a:cxn ang="0">
                    <a:pos x="1769" y="460"/>
                  </a:cxn>
                  <a:cxn ang="0">
                    <a:pos x="1577" y="471"/>
                  </a:cxn>
                  <a:cxn ang="0">
                    <a:pos x="1328" y="577"/>
                  </a:cxn>
                  <a:cxn ang="0">
                    <a:pos x="1497" y="768"/>
                  </a:cxn>
                  <a:cxn ang="0">
                    <a:pos x="1419" y="772"/>
                  </a:cxn>
                  <a:cxn ang="0">
                    <a:pos x="1435" y="918"/>
                  </a:cxn>
                  <a:cxn ang="0">
                    <a:pos x="1235" y="815"/>
                  </a:cxn>
                  <a:cxn ang="0">
                    <a:pos x="1344" y="996"/>
                  </a:cxn>
                  <a:cxn ang="0">
                    <a:pos x="1122" y="816"/>
                  </a:cxn>
                  <a:cxn ang="0">
                    <a:pos x="1033" y="690"/>
                  </a:cxn>
                  <a:cxn ang="0">
                    <a:pos x="928" y="843"/>
                  </a:cxn>
                  <a:cxn ang="0">
                    <a:pos x="1071" y="1162"/>
                  </a:cxn>
                  <a:cxn ang="0">
                    <a:pos x="1174" y="1361"/>
                  </a:cxn>
                  <a:cxn ang="0">
                    <a:pos x="1155" y="1298"/>
                  </a:cxn>
                  <a:cxn ang="0">
                    <a:pos x="997" y="1286"/>
                  </a:cxn>
                  <a:cxn ang="0">
                    <a:pos x="1077" y="1425"/>
                  </a:cxn>
                  <a:cxn ang="0">
                    <a:pos x="964" y="1527"/>
                  </a:cxn>
                  <a:cxn ang="0">
                    <a:pos x="1181" y="1605"/>
                  </a:cxn>
                  <a:cxn ang="0">
                    <a:pos x="1332" y="1675"/>
                  </a:cxn>
                  <a:cxn ang="0">
                    <a:pos x="1490" y="1796"/>
                  </a:cxn>
                  <a:cxn ang="0">
                    <a:pos x="1533" y="1988"/>
                  </a:cxn>
                  <a:cxn ang="0">
                    <a:pos x="1375" y="1905"/>
                  </a:cxn>
                  <a:cxn ang="0">
                    <a:pos x="1148" y="1944"/>
                  </a:cxn>
                  <a:cxn ang="0">
                    <a:pos x="1207" y="2096"/>
                  </a:cxn>
                  <a:cxn ang="0">
                    <a:pos x="1282" y="2163"/>
                  </a:cxn>
                  <a:cxn ang="0">
                    <a:pos x="1190" y="2216"/>
                  </a:cxn>
                  <a:cxn ang="0">
                    <a:pos x="1028" y="2105"/>
                  </a:cxn>
                  <a:cxn ang="0">
                    <a:pos x="1160" y="2438"/>
                  </a:cxn>
                  <a:cxn ang="0">
                    <a:pos x="1208" y="2591"/>
                  </a:cxn>
                  <a:cxn ang="0">
                    <a:pos x="993" y="2469"/>
                  </a:cxn>
                  <a:cxn ang="0">
                    <a:pos x="880" y="2583"/>
                  </a:cxn>
                  <a:cxn ang="0">
                    <a:pos x="831" y="2382"/>
                  </a:cxn>
                  <a:cxn ang="0">
                    <a:pos x="736" y="2435"/>
                  </a:cxn>
                  <a:cxn ang="0">
                    <a:pos x="669" y="2395"/>
                  </a:cxn>
                  <a:cxn ang="0">
                    <a:pos x="642" y="2208"/>
                  </a:cxn>
                  <a:cxn ang="0">
                    <a:pos x="464" y="2043"/>
                  </a:cxn>
                  <a:cxn ang="0">
                    <a:pos x="471" y="1904"/>
                  </a:cxn>
                  <a:cxn ang="0">
                    <a:pos x="674" y="1821"/>
                  </a:cxn>
                  <a:cxn ang="0">
                    <a:pos x="966" y="1870"/>
                  </a:cxn>
                  <a:cxn ang="0">
                    <a:pos x="1083" y="1894"/>
                  </a:cxn>
                  <a:cxn ang="0">
                    <a:pos x="1128" y="1787"/>
                  </a:cxn>
                  <a:cxn ang="0">
                    <a:pos x="989" y="1736"/>
                  </a:cxn>
                  <a:cxn ang="0">
                    <a:pos x="879" y="1729"/>
                  </a:cxn>
                  <a:cxn ang="0">
                    <a:pos x="512" y="1728"/>
                  </a:cxn>
                  <a:cxn ang="0">
                    <a:pos x="392" y="1658"/>
                  </a:cxn>
                  <a:cxn ang="0">
                    <a:pos x="342" y="1473"/>
                  </a:cxn>
                  <a:cxn ang="0">
                    <a:pos x="397" y="1451"/>
                  </a:cxn>
                  <a:cxn ang="0">
                    <a:pos x="138" y="1252"/>
                  </a:cxn>
                  <a:cxn ang="0">
                    <a:pos x="89" y="1094"/>
                  </a:cxn>
                  <a:cxn ang="0">
                    <a:pos x="144" y="965"/>
                  </a:cxn>
                  <a:cxn ang="0">
                    <a:pos x="363" y="802"/>
                  </a:cxn>
                </a:cxnLst>
                <a:rect l="0" t="0" r="r" b="b"/>
                <a:pathLst>
                  <a:path w="2331" h="2644">
                    <a:moveTo>
                      <a:pt x="390" y="594"/>
                    </a:moveTo>
                    <a:lnTo>
                      <a:pt x="405" y="593"/>
                    </a:lnTo>
                    <a:lnTo>
                      <a:pt x="416" y="589"/>
                    </a:lnTo>
                    <a:lnTo>
                      <a:pt x="425" y="585"/>
                    </a:lnTo>
                    <a:lnTo>
                      <a:pt x="434" y="580"/>
                    </a:lnTo>
                    <a:lnTo>
                      <a:pt x="442" y="575"/>
                    </a:lnTo>
                    <a:lnTo>
                      <a:pt x="451" y="570"/>
                    </a:lnTo>
                    <a:lnTo>
                      <a:pt x="460" y="566"/>
                    </a:lnTo>
                    <a:lnTo>
                      <a:pt x="472" y="562"/>
                    </a:lnTo>
                    <a:lnTo>
                      <a:pt x="517" y="555"/>
                    </a:lnTo>
                    <a:lnTo>
                      <a:pt x="554" y="550"/>
                    </a:lnTo>
                    <a:lnTo>
                      <a:pt x="563" y="548"/>
                    </a:lnTo>
                    <a:lnTo>
                      <a:pt x="570" y="545"/>
                    </a:lnTo>
                    <a:lnTo>
                      <a:pt x="580" y="542"/>
                    </a:lnTo>
                    <a:lnTo>
                      <a:pt x="587" y="537"/>
                    </a:lnTo>
                    <a:lnTo>
                      <a:pt x="596" y="532"/>
                    </a:lnTo>
                    <a:lnTo>
                      <a:pt x="605" y="526"/>
                    </a:lnTo>
                    <a:lnTo>
                      <a:pt x="615" y="518"/>
                    </a:lnTo>
                    <a:lnTo>
                      <a:pt x="625" y="509"/>
                    </a:lnTo>
                    <a:lnTo>
                      <a:pt x="651" y="483"/>
                    </a:lnTo>
                    <a:lnTo>
                      <a:pt x="673" y="466"/>
                    </a:lnTo>
                    <a:lnTo>
                      <a:pt x="682" y="458"/>
                    </a:lnTo>
                    <a:lnTo>
                      <a:pt x="692" y="453"/>
                    </a:lnTo>
                    <a:lnTo>
                      <a:pt x="701" y="449"/>
                    </a:lnTo>
                    <a:lnTo>
                      <a:pt x="710" y="447"/>
                    </a:lnTo>
                    <a:lnTo>
                      <a:pt x="721" y="444"/>
                    </a:lnTo>
                    <a:lnTo>
                      <a:pt x="730" y="443"/>
                    </a:lnTo>
                    <a:lnTo>
                      <a:pt x="740" y="441"/>
                    </a:lnTo>
                    <a:lnTo>
                      <a:pt x="752" y="441"/>
                    </a:lnTo>
                    <a:lnTo>
                      <a:pt x="779" y="443"/>
                    </a:lnTo>
                    <a:lnTo>
                      <a:pt x="811" y="444"/>
                    </a:lnTo>
                    <a:lnTo>
                      <a:pt x="832" y="444"/>
                    </a:lnTo>
                    <a:lnTo>
                      <a:pt x="850" y="444"/>
                    </a:lnTo>
                    <a:lnTo>
                      <a:pt x="867" y="443"/>
                    </a:lnTo>
                    <a:lnTo>
                      <a:pt x="881" y="440"/>
                    </a:lnTo>
                    <a:lnTo>
                      <a:pt x="896" y="436"/>
                    </a:lnTo>
                    <a:lnTo>
                      <a:pt x="907" y="432"/>
                    </a:lnTo>
                    <a:lnTo>
                      <a:pt x="918" y="427"/>
                    </a:lnTo>
                    <a:lnTo>
                      <a:pt x="928" y="419"/>
                    </a:lnTo>
                    <a:lnTo>
                      <a:pt x="936" y="412"/>
                    </a:lnTo>
                    <a:lnTo>
                      <a:pt x="944" y="403"/>
                    </a:lnTo>
                    <a:lnTo>
                      <a:pt x="950" y="392"/>
                    </a:lnTo>
                    <a:lnTo>
                      <a:pt x="957" y="379"/>
                    </a:lnTo>
                    <a:lnTo>
                      <a:pt x="963" y="366"/>
                    </a:lnTo>
                    <a:lnTo>
                      <a:pt x="968" y="351"/>
                    </a:lnTo>
                    <a:lnTo>
                      <a:pt x="973" y="334"/>
                    </a:lnTo>
                    <a:lnTo>
                      <a:pt x="979" y="316"/>
                    </a:lnTo>
                    <a:lnTo>
                      <a:pt x="1016" y="296"/>
                    </a:lnTo>
                    <a:lnTo>
                      <a:pt x="1016" y="296"/>
                    </a:lnTo>
                    <a:lnTo>
                      <a:pt x="1026" y="300"/>
                    </a:lnTo>
                    <a:lnTo>
                      <a:pt x="1036" y="304"/>
                    </a:lnTo>
                    <a:lnTo>
                      <a:pt x="1043" y="305"/>
                    </a:lnTo>
                    <a:lnTo>
                      <a:pt x="1051" y="307"/>
                    </a:lnTo>
                    <a:lnTo>
                      <a:pt x="1058" y="307"/>
                    </a:lnTo>
                    <a:lnTo>
                      <a:pt x="1064" y="305"/>
                    </a:lnTo>
                    <a:lnTo>
                      <a:pt x="1069" y="304"/>
                    </a:lnTo>
                    <a:lnTo>
                      <a:pt x="1076" y="302"/>
                    </a:lnTo>
                    <a:lnTo>
                      <a:pt x="1087" y="296"/>
                    </a:lnTo>
                    <a:lnTo>
                      <a:pt x="1099" y="290"/>
                    </a:lnTo>
                    <a:lnTo>
                      <a:pt x="1113" y="283"/>
                    </a:lnTo>
                    <a:lnTo>
                      <a:pt x="1131" y="278"/>
                    </a:lnTo>
                    <a:lnTo>
                      <a:pt x="1146" y="277"/>
                    </a:lnTo>
                    <a:lnTo>
                      <a:pt x="1159" y="277"/>
                    </a:lnTo>
                    <a:lnTo>
                      <a:pt x="1173" y="280"/>
                    </a:lnTo>
                    <a:lnTo>
                      <a:pt x="1186" y="282"/>
                    </a:lnTo>
                    <a:lnTo>
                      <a:pt x="1200" y="285"/>
                    </a:lnTo>
                    <a:lnTo>
                      <a:pt x="1214" y="287"/>
                    </a:lnTo>
                    <a:lnTo>
                      <a:pt x="1229" y="289"/>
                    </a:lnTo>
                    <a:lnTo>
                      <a:pt x="1243" y="287"/>
                    </a:lnTo>
                    <a:lnTo>
                      <a:pt x="1262" y="283"/>
                    </a:lnTo>
                    <a:lnTo>
                      <a:pt x="1282" y="276"/>
                    </a:lnTo>
                    <a:lnTo>
                      <a:pt x="1302" y="267"/>
                    </a:lnTo>
                    <a:lnTo>
                      <a:pt x="1323" y="254"/>
                    </a:lnTo>
                    <a:lnTo>
                      <a:pt x="1343" y="241"/>
                    </a:lnTo>
                    <a:lnTo>
                      <a:pt x="1361" y="226"/>
                    </a:lnTo>
                    <a:lnTo>
                      <a:pt x="1368" y="219"/>
                    </a:lnTo>
                    <a:lnTo>
                      <a:pt x="1375" y="211"/>
                    </a:lnTo>
                    <a:lnTo>
                      <a:pt x="1381" y="203"/>
                    </a:lnTo>
                    <a:lnTo>
                      <a:pt x="1387" y="195"/>
                    </a:lnTo>
                    <a:lnTo>
                      <a:pt x="1393" y="184"/>
                    </a:lnTo>
                    <a:lnTo>
                      <a:pt x="1401" y="173"/>
                    </a:lnTo>
                    <a:lnTo>
                      <a:pt x="1407" y="164"/>
                    </a:lnTo>
                    <a:lnTo>
                      <a:pt x="1415" y="156"/>
                    </a:lnTo>
                    <a:lnTo>
                      <a:pt x="1422" y="149"/>
                    </a:lnTo>
                    <a:lnTo>
                      <a:pt x="1429" y="143"/>
                    </a:lnTo>
                    <a:lnTo>
                      <a:pt x="1437" y="140"/>
                    </a:lnTo>
                    <a:lnTo>
                      <a:pt x="1445" y="136"/>
                    </a:lnTo>
                    <a:lnTo>
                      <a:pt x="1453" y="132"/>
                    </a:lnTo>
                    <a:lnTo>
                      <a:pt x="1462" y="131"/>
                    </a:lnTo>
                    <a:lnTo>
                      <a:pt x="1471" y="128"/>
                    </a:lnTo>
                    <a:lnTo>
                      <a:pt x="1481" y="128"/>
                    </a:lnTo>
                    <a:lnTo>
                      <a:pt x="1503" y="127"/>
                    </a:lnTo>
                    <a:lnTo>
                      <a:pt x="1529" y="127"/>
                    </a:lnTo>
                    <a:lnTo>
                      <a:pt x="1536" y="145"/>
                    </a:lnTo>
                    <a:lnTo>
                      <a:pt x="1541" y="162"/>
                    </a:lnTo>
                    <a:lnTo>
                      <a:pt x="1545" y="169"/>
                    </a:lnTo>
                    <a:lnTo>
                      <a:pt x="1550" y="175"/>
                    </a:lnTo>
                    <a:lnTo>
                      <a:pt x="1554" y="177"/>
                    </a:lnTo>
                    <a:lnTo>
                      <a:pt x="1558" y="180"/>
                    </a:lnTo>
                    <a:lnTo>
                      <a:pt x="1563" y="182"/>
                    </a:lnTo>
                    <a:lnTo>
                      <a:pt x="1569" y="184"/>
                    </a:lnTo>
                    <a:lnTo>
                      <a:pt x="1578" y="185"/>
                    </a:lnTo>
                    <a:lnTo>
                      <a:pt x="1589" y="185"/>
                    </a:lnTo>
                    <a:lnTo>
                      <a:pt x="1599" y="185"/>
                    </a:lnTo>
                    <a:lnTo>
                      <a:pt x="1608" y="184"/>
                    </a:lnTo>
                    <a:lnTo>
                      <a:pt x="1629" y="180"/>
                    </a:lnTo>
                    <a:lnTo>
                      <a:pt x="1651" y="175"/>
                    </a:lnTo>
                    <a:lnTo>
                      <a:pt x="1672" y="172"/>
                    </a:lnTo>
                    <a:lnTo>
                      <a:pt x="1691" y="169"/>
                    </a:lnTo>
                    <a:lnTo>
                      <a:pt x="1701" y="169"/>
                    </a:lnTo>
                    <a:lnTo>
                      <a:pt x="1712" y="171"/>
                    </a:lnTo>
                    <a:lnTo>
                      <a:pt x="1721" y="173"/>
                    </a:lnTo>
                    <a:lnTo>
                      <a:pt x="1730" y="177"/>
                    </a:lnTo>
                    <a:lnTo>
                      <a:pt x="1753" y="193"/>
                    </a:lnTo>
                    <a:lnTo>
                      <a:pt x="1782" y="212"/>
                    </a:lnTo>
                    <a:lnTo>
                      <a:pt x="1796" y="220"/>
                    </a:lnTo>
                    <a:lnTo>
                      <a:pt x="1812" y="226"/>
                    </a:lnTo>
                    <a:lnTo>
                      <a:pt x="1818" y="228"/>
                    </a:lnTo>
                    <a:lnTo>
                      <a:pt x="1825" y="229"/>
                    </a:lnTo>
                    <a:lnTo>
                      <a:pt x="1832" y="229"/>
                    </a:lnTo>
                    <a:lnTo>
                      <a:pt x="1839" y="228"/>
                    </a:lnTo>
                    <a:lnTo>
                      <a:pt x="1849" y="224"/>
                    </a:lnTo>
                    <a:lnTo>
                      <a:pt x="1859" y="219"/>
                    </a:lnTo>
                    <a:lnTo>
                      <a:pt x="1869" y="213"/>
                    </a:lnTo>
                    <a:lnTo>
                      <a:pt x="1879" y="207"/>
                    </a:lnTo>
                    <a:lnTo>
                      <a:pt x="1889" y="202"/>
                    </a:lnTo>
                    <a:lnTo>
                      <a:pt x="1900" y="198"/>
                    </a:lnTo>
                    <a:lnTo>
                      <a:pt x="1911" y="194"/>
                    </a:lnTo>
                    <a:lnTo>
                      <a:pt x="1924" y="193"/>
                    </a:lnTo>
                    <a:lnTo>
                      <a:pt x="1961" y="195"/>
                    </a:lnTo>
                    <a:lnTo>
                      <a:pt x="1998" y="195"/>
                    </a:lnTo>
                    <a:lnTo>
                      <a:pt x="2016" y="194"/>
                    </a:lnTo>
                    <a:lnTo>
                      <a:pt x="2034" y="190"/>
                    </a:lnTo>
                    <a:lnTo>
                      <a:pt x="2042" y="188"/>
                    </a:lnTo>
                    <a:lnTo>
                      <a:pt x="2051" y="184"/>
                    </a:lnTo>
                    <a:lnTo>
                      <a:pt x="2059" y="178"/>
                    </a:lnTo>
                    <a:lnTo>
                      <a:pt x="2067" y="173"/>
                    </a:lnTo>
                    <a:lnTo>
                      <a:pt x="2075" y="167"/>
                    </a:lnTo>
                    <a:lnTo>
                      <a:pt x="2080" y="159"/>
                    </a:lnTo>
                    <a:lnTo>
                      <a:pt x="2082" y="153"/>
                    </a:lnTo>
                    <a:lnTo>
                      <a:pt x="2084" y="146"/>
                    </a:lnTo>
                    <a:lnTo>
                      <a:pt x="2084" y="140"/>
                    </a:lnTo>
                    <a:lnTo>
                      <a:pt x="2082" y="132"/>
                    </a:lnTo>
                    <a:lnTo>
                      <a:pt x="2080" y="125"/>
                    </a:lnTo>
                    <a:lnTo>
                      <a:pt x="2076" y="119"/>
                    </a:lnTo>
                    <a:lnTo>
                      <a:pt x="2058" y="93"/>
                    </a:lnTo>
                    <a:lnTo>
                      <a:pt x="2042" y="68"/>
                    </a:lnTo>
                    <a:lnTo>
                      <a:pt x="2047" y="54"/>
                    </a:lnTo>
                    <a:lnTo>
                      <a:pt x="2053" y="39"/>
                    </a:lnTo>
                    <a:lnTo>
                      <a:pt x="2055" y="31"/>
                    </a:lnTo>
                    <a:lnTo>
                      <a:pt x="2058" y="24"/>
                    </a:lnTo>
                    <a:lnTo>
                      <a:pt x="2062" y="18"/>
                    </a:lnTo>
                    <a:lnTo>
                      <a:pt x="2067" y="14"/>
                    </a:lnTo>
                    <a:lnTo>
                      <a:pt x="2073" y="9"/>
                    </a:lnTo>
                    <a:lnTo>
                      <a:pt x="2081" y="5"/>
                    </a:lnTo>
                    <a:lnTo>
                      <a:pt x="2088" y="2"/>
                    </a:lnTo>
                    <a:lnTo>
                      <a:pt x="2094" y="1"/>
                    </a:lnTo>
                    <a:lnTo>
                      <a:pt x="2102" y="0"/>
                    </a:lnTo>
                    <a:lnTo>
                      <a:pt x="2110" y="1"/>
                    </a:lnTo>
                    <a:lnTo>
                      <a:pt x="2117" y="1"/>
                    </a:lnTo>
                    <a:lnTo>
                      <a:pt x="2126" y="4"/>
                    </a:lnTo>
                    <a:lnTo>
                      <a:pt x="2146" y="7"/>
                    </a:lnTo>
                    <a:lnTo>
                      <a:pt x="2161" y="9"/>
                    </a:lnTo>
                    <a:lnTo>
                      <a:pt x="2170" y="9"/>
                    </a:lnTo>
                    <a:lnTo>
                      <a:pt x="2178" y="7"/>
                    </a:lnTo>
                    <a:lnTo>
                      <a:pt x="2187" y="5"/>
                    </a:lnTo>
                    <a:lnTo>
                      <a:pt x="2198" y="2"/>
                    </a:lnTo>
                    <a:lnTo>
                      <a:pt x="2198" y="2"/>
                    </a:lnTo>
                    <a:lnTo>
                      <a:pt x="2203" y="9"/>
                    </a:lnTo>
                    <a:lnTo>
                      <a:pt x="2209" y="17"/>
                    </a:lnTo>
                    <a:lnTo>
                      <a:pt x="2216" y="22"/>
                    </a:lnTo>
                    <a:lnTo>
                      <a:pt x="2222" y="28"/>
                    </a:lnTo>
                    <a:lnTo>
                      <a:pt x="2238" y="37"/>
                    </a:lnTo>
                    <a:lnTo>
                      <a:pt x="2253" y="46"/>
                    </a:lnTo>
                    <a:lnTo>
                      <a:pt x="2268" y="55"/>
                    </a:lnTo>
                    <a:lnTo>
                      <a:pt x="2282" y="64"/>
                    </a:lnTo>
                    <a:lnTo>
                      <a:pt x="2288" y="70"/>
                    </a:lnTo>
                    <a:lnTo>
                      <a:pt x="2293" y="75"/>
                    </a:lnTo>
                    <a:lnTo>
                      <a:pt x="2299" y="81"/>
                    </a:lnTo>
                    <a:lnTo>
                      <a:pt x="2303" y="88"/>
                    </a:lnTo>
                    <a:lnTo>
                      <a:pt x="2305" y="97"/>
                    </a:lnTo>
                    <a:lnTo>
                      <a:pt x="2305" y="109"/>
                    </a:lnTo>
                    <a:lnTo>
                      <a:pt x="2304" y="119"/>
                    </a:lnTo>
                    <a:lnTo>
                      <a:pt x="2304" y="129"/>
                    </a:lnTo>
                    <a:lnTo>
                      <a:pt x="2306" y="136"/>
                    </a:lnTo>
                    <a:lnTo>
                      <a:pt x="2310" y="143"/>
                    </a:lnTo>
                    <a:lnTo>
                      <a:pt x="2317" y="151"/>
                    </a:lnTo>
                    <a:lnTo>
                      <a:pt x="2322" y="160"/>
                    </a:lnTo>
                    <a:lnTo>
                      <a:pt x="2327" y="169"/>
                    </a:lnTo>
                    <a:lnTo>
                      <a:pt x="2331" y="177"/>
                    </a:lnTo>
                    <a:lnTo>
                      <a:pt x="2331" y="181"/>
                    </a:lnTo>
                    <a:lnTo>
                      <a:pt x="2331" y="185"/>
                    </a:lnTo>
                    <a:lnTo>
                      <a:pt x="2330" y="189"/>
                    </a:lnTo>
                    <a:lnTo>
                      <a:pt x="2326" y="193"/>
                    </a:lnTo>
                    <a:lnTo>
                      <a:pt x="2321" y="198"/>
                    </a:lnTo>
                    <a:lnTo>
                      <a:pt x="2313" y="200"/>
                    </a:lnTo>
                    <a:lnTo>
                      <a:pt x="2305" y="204"/>
                    </a:lnTo>
                    <a:lnTo>
                      <a:pt x="2296" y="207"/>
                    </a:lnTo>
                    <a:lnTo>
                      <a:pt x="2288" y="208"/>
                    </a:lnTo>
                    <a:lnTo>
                      <a:pt x="2282" y="212"/>
                    </a:lnTo>
                    <a:lnTo>
                      <a:pt x="2275" y="216"/>
                    </a:lnTo>
                    <a:lnTo>
                      <a:pt x="2270" y="221"/>
                    </a:lnTo>
                    <a:lnTo>
                      <a:pt x="2266" y="225"/>
                    </a:lnTo>
                    <a:lnTo>
                      <a:pt x="2261" y="229"/>
                    </a:lnTo>
                    <a:lnTo>
                      <a:pt x="2256" y="232"/>
                    </a:lnTo>
                    <a:lnTo>
                      <a:pt x="2251" y="234"/>
                    </a:lnTo>
                    <a:lnTo>
                      <a:pt x="2240" y="237"/>
                    </a:lnTo>
                    <a:lnTo>
                      <a:pt x="2229" y="238"/>
                    </a:lnTo>
                    <a:lnTo>
                      <a:pt x="2218" y="239"/>
                    </a:lnTo>
                    <a:lnTo>
                      <a:pt x="2208" y="243"/>
                    </a:lnTo>
                    <a:lnTo>
                      <a:pt x="2204" y="247"/>
                    </a:lnTo>
                    <a:lnTo>
                      <a:pt x="2199" y="251"/>
                    </a:lnTo>
                    <a:lnTo>
                      <a:pt x="2196" y="257"/>
                    </a:lnTo>
                    <a:lnTo>
                      <a:pt x="2194" y="264"/>
                    </a:lnTo>
                    <a:lnTo>
                      <a:pt x="2192" y="270"/>
                    </a:lnTo>
                    <a:lnTo>
                      <a:pt x="2192" y="276"/>
                    </a:lnTo>
                    <a:lnTo>
                      <a:pt x="2194" y="281"/>
                    </a:lnTo>
                    <a:lnTo>
                      <a:pt x="2196" y="286"/>
                    </a:lnTo>
                    <a:lnTo>
                      <a:pt x="2203" y="296"/>
                    </a:lnTo>
                    <a:lnTo>
                      <a:pt x="2211" y="307"/>
                    </a:lnTo>
                    <a:lnTo>
                      <a:pt x="2220" y="317"/>
                    </a:lnTo>
                    <a:lnTo>
                      <a:pt x="2225" y="330"/>
                    </a:lnTo>
                    <a:lnTo>
                      <a:pt x="2227" y="335"/>
                    </a:lnTo>
                    <a:lnTo>
                      <a:pt x="2229" y="342"/>
                    </a:lnTo>
                    <a:lnTo>
                      <a:pt x="2227" y="348"/>
                    </a:lnTo>
                    <a:lnTo>
                      <a:pt x="2226" y="356"/>
                    </a:lnTo>
                    <a:lnTo>
                      <a:pt x="2226" y="361"/>
                    </a:lnTo>
                    <a:lnTo>
                      <a:pt x="2226" y="366"/>
                    </a:lnTo>
                    <a:lnTo>
                      <a:pt x="2225" y="370"/>
                    </a:lnTo>
                    <a:lnTo>
                      <a:pt x="2224" y="374"/>
                    </a:lnTo>
                    <a:lnTo>
                      <a:pt x="2218" y="382"/>
                    </a:lnTo>
                    <a:lnTo>
                      <a:pt x="2212" y="388"/>
                    </a:lnTo>
                    <a:lnTo>
                      <a:pt x="2198" y="400"/>
                    </a:lnTo>
                    <a:lnTo>
                      <a:pt x="2183" y="412"/>
                    </a:lnTo>
                    <a:lnTo>
                      <a:pt x="2168" y="430"/>
                    </a:lnTo>
                    <a:lnTo>
                      <a:pt x="2155" y="449"/>
                    </a:lnTo>
                    <a:lnTo>
                      <a:pt x="2147" y="458"/>
                    </a:lnTo>
                    <a:lnTo>
                      <a:pt x="2139" y="471"/>
                    </a:lnTo>
                    <a:lnTo>
                      <a:pt x="2130" y="484"/>
                    </a:lnTo>
                    <a:lnTo>
                      <a:pt x="2122" y="493"/>
                    </a:lnTo>
                    <a:lnTo>
                      <a:pt x="2122" y="493"/>
                    </a:lnTo>
                    <a:lnTo>
                      <a:pt x="2117" y="488"/>
                    </a:lnTo>
                    <a:lnTo>
                      <a:pt x="2112" y="484"/>
                    </a:lnTo>
                    <a:lnTo>
                      <a:pt x="2104" y="482"/>
                    </a:lnTo>
                    <a:lnTo>
                      <a:pt x="2095" y="482"/>
                    </a:lnTo>
                    <a:lnTo>
                      <a:pt x="2065" y="483"/>
                    </a:lnTo>
                    <a:lnTo>
                      <a:pt x="2032" y="482"/>
                    </a:lnTo>
                    <a:lnTo>
                      <a:pt x="2014" y="482"/>
                    </a:lnTo>
                    <a:lnTo>
                      <a:pt x="1996" y="479"/>
                    </a:lnTo>
                    <a:lnTo>
                      <a:pt x="1977" y="476"/>
                    </a:lnTo>
                    <a:lnTo>
                      <a:pt x="1959" y="474"/>
                    </a:lnTo>
                    <a:lnTo>
                      <a:pt x="1941" y="470"/>
                    </a:lnTo>
                    <a:lnTo>
                      <a:pt x="1923" y="465"/>
                    </a:lnTo>
                    <a:lnTo>
                      <a:pt x="1906" y="458"/>
                    </a:lnTo>
                    <a:lnTo>
                      <a:pt x="1891" y="452"/>
                    </a:lnTo>
                    <a:lnTo>
                      <a:pt x="1875" y="444"/>
                    </a:lnTo>
                    <a:lnTo>
                      <a:pt x="1861" y="435"/>
                    </a:lnTo>
                    <a:lnTo>
                      <a:pt x="1849" y="426"/>
                    </a:lnTo>
                    <a:lnTo>
                      <a:pt x="1839" y="414"/>
                    </a:lnTo>
                    <a:lnTo>
                      <a:pt x="1831" y="403"/>
                    </a:lnTo>
                    <a:lnTo>
                      <a:pt x="1822" y="383"/>
                    </a:lnTo>
                    <a:lnTo>
                      <a:pt x="1813" y="365"/>
                    </a:lnTo>
                    <a:lnTo>
                      <a:pt x="1810" y="357"/>
                    </a:lnTo>
                    <a:lnTo>
                      <a:pt x="1805" y="360"/>
                    </a:lnTo>
                    <a:lnTo>
                      <a:pt x="1801" y="364"/>
                    </a:lnTo>
                    <a:lnTo>
                      <a:pt x="1799" y="369"/>
                    </a:lnTo>
                    <a:lnTo>
                      <a:pt x="1796" y="374"/>
                    </a:lnTo>
                    <a:lnTo>
                      <a:pt x="1793" y="386"/>
                    </a:lnTo>
                    <a:lnTo>
                      <a:pt x="1793" y="400"/>
                    </a:lnTo>
                    <a:lnTo>
                      <a:pt x="1793" y="414"/>
                    </a:lnTo>
                    <a:lnTo>
                      <a:pt x="1793" y="427"/>
                    </a:lnTo>
                    <a:lnTo>
                      <a:pt x="1792" y="432"/>
                    </a:lnTo>
                    <a:lnTo>
                      <a:pt x="1791" y="438"/>
                    </a:lnTo>
                    <a:lnTo>
                      <a:pt x="1788" y="443"/>
                    </a:lnTo>
                    <a:lnTo>
                      <a:pt x="1786" y="447"/>
                    </a:lnTo>
                    <a:lnTo>
                      <a:pt x="1769" y="460"/>
                    </a:lnTo>
                    <a:lnTo>
                      <a:pt x="1751" y="473"/>
                    </a:lnTo>
                    <a:lnTo>
                      <a:pt x="1740" y="479"/>
                    </a:lnTo>
                    <a:lnTo>
                      <a:pt x="1730" y="483"/>
                    </a:lnTo>
                    <a:lnTo>
                      <a:pt x="1720" y="487"/>
                    </a:lnTo>
                    <a:lnTo>
                      <a:pt x="1709" y="489"/>
                    </a:lnTo>
                    <a:lnTo>
                      <a:pt x="1690" y="500"/>
                    </a:lnTo>
                    <a:lnTo>
                      <a:pt x="1666" y="509"/>
                    </a:lnTo>
                    <a:lnTo>
                      <a:pt x="1660" y="510"/>
                    </a:lnTo>
                    <a:lnTo>
                      <a:pt x="1655" y="511"/>
                    </a:lnTo>
                    <a:lnTo>
                      <a:pt x="1650" y="511"/>
                    </a:lnTo>
                    <a:lnTo>
                      <a:pt x="1644" y="510"/>
                    </a:lnTo>
                    <a:lnTo>
                      <a:pt x="1639" y="509"/>
                    </a:lnTo>
                    <a:lnTo>
                      <a:pt x="1635" y="506"/>
                    </a:lnTo>
                    <a:lnTo>
                      <a:pt x="1631" y="501"/>
                    </a:lnTo>
                    <a:lnTo>
                      <a:pt x="1629" y="496"/>
                    </a:lnTo>
                    <a:lnTo>
                      <a:pt x="1625" y="487"/>
                    </a:lnTo>
                    <a:lnTo>
                      <a:pt x="1621" y="479"/>
                    </a:lnTo>
                    <a:lnTo>
                      <a:pt x="1616" y="473"/>
                    </a:lnTo>
                    <a:lnTo>
                      <a:pt x="1609" y="467"/>
                    </a:lnTo>
                    <a:lnTo>
                      <a:pt x="1603" y="465"/>
                    </a:lnTo>
                    <a:lnTo>
                      <a:pt x="1595" y="463"/>
                    </a:lnTo>
                    <a:lnTo>
                      <a:pt x="1587" y="466"/>
                    </a:lnTo>
                    <a:lnTo>
                      <a:pt x="1577" y="471"/>
                    </a:lnTo>
                    <a:lnTo>
                      <a:pt x="1542" y="498"/>
                    </a:lnTo>
                    <a:lnTo>
                      <a:pt x="1508" y="527"/>
                    </a:lnTo>
                    <a:lnTo>
                      <a:pt x="1499" y="533"/>
                    </a:lnTo>
                    <a:lnTo>
                      <a:pt x="1490" y="540"/>
                    </a:lnTo>
                    <a:lnTo>
                      <a:pt x="1481" y="545"/>
                    </a:lnTo>
                    <a:lnTo>
                      <a:pt x="1471" y="549"/>
                    </a:lnTo>
                    <a:lnTo>
                      <a:pt x="1462" y="552"/>
                    </a:lnTo>
                    <a:lnTo>
                      <a:pt x="1451" y="553"/>
                    </a:lnTo>
                    <a:lnTo>
                      <a:pt x="1440" y="553"/>
                    </a:lnTo>
                    <a:lnTo>
                      <a:pt x="1428" y="552"/>
                    </a:lnTo>
                    <a:lnTo>
                      <a:pt x="1402" y="542"/>
                    </a:lnTo>
                    <a:lnTo>
                      <a:pt x="1376" y="531"/>
                    </a:lnTo>
                    <a:lnTo>
                      <a:pt x="1370" y="530"/>
                    </a:lnTo>
                    <a:lnTo>
                      <a:pt x="1363" y="528"/>
                    </a:lnTo>
                    <a:lnTo>
                      <a:pt x="1358" y="528"/>
                    </a:lnTo>
                    <a:lnTo>
                      <a:pt x="1352" y="530"/>
                    </a:lnTo>
                    <a:lnTo>
                      <a:pt x="1346" y="532"/>
                    </a:lnTo>
                    <a:lnTo>
                      <a:pt x="1343" y="536"/>
                    </a:lnTo>
                    <a:lnTo>
                      <a:pt x="1337" y="542"/>
                    </a:lnTo>
                    <a:lnTo>
                      <a:pt x="1334" y="550"/>
                    </a:lnTo>
                    <a:lnTo>
                      <a:pt x="1330" y="559"/>
                    </a:lnTo>
                    <a:lnTo>
                      <a:pt x="1328" y="568"/>
                    </a:lnTo>
                    <a:lnTo>
                      <a:pt x="1328" y="577"/>
                    </a:lnTo>
                    <a:lnTo>
                      <a:pt x="1330" y="585"/>
                    </a:lnTo>
                    <a:lnTo>
                      <a:pt x="1334" y="593"/>
                    </a:lnTo>
                    <a:lnTo>
                      <a:pt x="1337" y="601"/>
                    </a:lnTo>
                    <a:lnTo>
                      <a:pt x="1343" y="609"/>
                    </a:lnTo>
                    <a:lnTo>
                      <a:pt x="1348" y="615"/>
                    </a:lnTo>
                    <a:lnTo>
                      <a:pt x="1376" y="641"/>
                    </a:lnTo>
                    <a:lnTo>
                      <a:pt x="1405" y="664"/>
                    </a:lnTo>
                    <a:lnTo>
                      <a:pt x="1407" y="667"/>
                    </a:lnTo>
                    <a:lnTo>
                      <a:pt x="1409" y="669"/>
                    </a:lnTo>
                    <a:lnTo>
                      <a:pt x="1409" y="672"/>
                    </a:lnTo>
                    <a:lnTo>
                      <a:pt x="1409" y="675"/>
                    </a:lnTo>
                    <a:lnTo>
                      <a:pt x="1406" y="681"/>
                    </a:lnTo>
                    <a:lnTo>
                      <a:pt x="1401" y="686"/>
                    </a:lnTo>
                    <a:lnTo>
                      <a:pt x="1389" y="698"/>
                    </a:lnTo>
                    <a:lnTo>
                      <a:pt x="1381" y="707"/>
                    </a:lnTo>
                    <a:lnTo>
                      <a:pt x="1397" y="719"/>
                    </a:lnTo>
                    <a:lnTo>
                      <a:pt x="1415" y="728"/>
                    </a:lnTo>
                    <a:lnTo>
                      <a:pt x="1432" y="735"/>
                    </a:lnTo>
                    <a:lnTo>
                      <a:pt x="1450" y="743"/>
                    </a:lnTo>
                    <a:lnTo>
                      <a:pt x="1467" y="750"/>
                    </a:lnTo>
                    <a:lnTo>
                      <a:pt x="1483" y="759"/>
                    </a:lnTo>
                    <a:lnTo>
                      <a:pt x="1489" y="763"/>
                    </a:lnTo>
                    <a:lnTo>
                      <a:pt x="1497" y="768"/>
                    </a:lnTo>
                    <a:lnTo>
                      <a:pt x="1503" y="774"/>
                    </a:lnTo>
                    <a:lnTo>
                      <a:pt x="1508" y="780"/>
                    </a:lnTo>
                    <a:lnTo>
                      <a:pt x="1516" y="790"/>
                    </a:lnTo>
                    <a:lnTo>
                      <a:pt x="1527" y="808"/>
                    </a:lnTo>
                    <a:lnTo>
                      <a:pt x="1538" y="827"/>
                    </a:lnTo>
                    <a:lnTo>
                      <a:pt x="1549" y="848"/>
                    </a:lnTo>
                    <a:lnTo>
                      <a:pt x="1556" y="865"/>
                    </a:lnTo>
                    <a:lnTo>
                      <a:pt x="1559" y="875"/>
                    </a:lnTo>
                    <a:lnTo>
                      <a:pt x="1559" y="877"/>
                    </a:lnTo>
                    <a:lnTo>
                      <a:pt x="1558" y="877"/>
                    </a:lnTo>
                    <a:lnTo>
                      <a:pt x="1556" y="877"/>
                    </a:lnTo>
                    <a:lnTo>
                      <a:pt x="1555" y="875"/>
                    </a:lnTo>
                    <a:lnTo>
                      <a:pt x="1549" y="872"/>
                    </a:lnTo>
                    <a:lnTo>
                      <a:pt x="1541" y="864"/>
                    </a:lnTo>
                    <a:lnTo>
                      <a:pt x="1524" y="844"/>
                    </a:lnTo>
                    <a:lnTo>
                      <a:pt x="1511" y="830"/>
                    </a:lnTo>
                    <a:lnTo>
                      <a:pt x="1503" y="825"/>
                    </a:lnTo>
                    <a:lnTo>
                      <a:pt x="1495" y="818"/>
                    </a:lnTo>
                    <a:lnTo>
                      <a:pt x="1485" y="812"/>
                    </a:lnTo>
                    <a:lnTo>
                      <a:pt x="1471" y="805"/>
                    </a:lnTo>
                    <a:lnTo>
                      <a:pt x="1448" y="790"/>
                    </a:lnTo>
                    <a:lnTo>
                      <a:pt x="1428" y="777"/>
                    </a:lnTo>
                    <a:lnTo>
                      <a:pt x="1419" y="772"/>
                    </a:lnTo>
                    <a:lnTo>
                      <a:pt x="1409" y="769"/>
                    </a:lnTo>
                    <a:lnTo>
                      <a:pt x="1402" y="769"/>
                    </a:lnTo>
                    <a:lnTo>
                      <a:pt x="1396" y="769"/>
                    </a:lnTo>
                    <a:lnTo>
                      <a:pt x="1389" y="770"/>
                    </a:lnTo>
                    <a:lnTo>
                      <a:pt x="1381" y="772"/>
                    </a:lnTo>
                    <a:lnTo>
                      <a:pt x="1367" y="777"/>
                    </a:lnTo>
                    <a:lnTo>
                      <a:pt x="1357" y="782"/>
                    </a:lnTo>
                    <a:lnTo>
                      <a:pt x="1349" y="789"/>
                    </a:lnTo>
                    <a:lnTo>
                      <a:pt x="1344" y="795"/>
                    </a:lnTo>
                    <a:lnTo>
                      <a:pt x="1340" y="802"/>
                    </a:lnTo>
                    <a:lnTo>
                      <a:pt x="1340" y="809"/>
                    </a:lnTo>
                    <a:lnTo>
                      <a:pt x="1341" y="816"/>
                    </a:lnTo>
                    <a:lnTo>
                      <a:pt x="1344" y="824"/>
                    </a:lnTo>
                    <a:lnTo>
                      <a:pt x="1349" y="833"/>
                    </a:lnTo>
                    <a:lnTo>
                      <a:pt x="1354" y="840"/>
                    </a:lnTo>
                    <a:lnTo>
                      <a:pt x="1362" y="848"/>
                    </a:lnTo>
                    <a:lnTo>
                      <a:pt x="1370" y="856"/>
                    </a:lnTo>
                    <a:lnTo>
                      <a:pt x="1388" y="870"/>
                    </a:lnTo>
                    <a:lnTo>
                      <a:pt x="1407" y="883"/>
                    </a:lnTo>
                    <a:lnTo>
                      <a:pt x="1418" y="891"/>
                    </a:lnTo>
                    <a:lnTo>
                      <a:pt x="1426" y="900"/>
                    </a:lnTo>
                    <a:lnTo>
                      <a:pt x="1431" y="909"/>
                    </a:lnTo>
                    <a:lnTo>
                      <a:pt x="1435" y="918"/>
                    </a:lnTo>
                    <a:lnTo>
                      <a:pt x="1440" y="940"/>
                    </a:lnTo>
                    <a:lnTo>
                      <a:pt x="1444" y="963"/>
                    </a:lnTo>
                    <a:lnTo>
                      <a:pt x="1441" y="965"/>
                    </a:lnTo>
                    <a:lnTo>
                      <a:pt x="1438" y="966"/>
                    </a:lnTo>
                    <a:lnTo>
                      <a:pt x="1435" y="966"/>
                    </a:lnTo>
                    <a:lnTo>
                      <a:pt x="1431" y="965"/>
                    </a:lnTo>
                    <a:lnTo>
                      <a:pt x="1423" y="961"/>
                    </a:lnTo>
                    <a:lnTo>
                      <a:pt x="1414" y="953"/>
                    </a:lnTo>
                    <a:lnTo>
                      <a:pt x="1405" y="944"/>
                    </a:lnTo>
                    <a:lnTo>
                      <a:pt x="1394" y="934"/>
                    </a:lnTo>
                    <a:lnTo>
                      <a:pt x="1385" y="921"/>
                    </a:lnTo>
                    <a:lnTo>
                      <a:pt x="1375" y="908"/>
                    </a:lnTo>
                    <a:lnTo>
                      <a:pt x="1356" y="881"/>
                    </a:lnTo>
                    <a:lnTo>
                      <a:pt x="1339" y="856"/>
                    </a:lnTo>
                    <a:lnTo>
                      <a:pt x="1331" y="846"/>
                    </a:lnTo>
                    <a:lnTo>
                      <a:pt x="1324" y="838"/>
                    </a:lnTo>
                    <a:lnTo>
                      <a:pt x="1318" y="831"/>
                    </a:lnTo>
                    <a:lnTo>
                      <a:pt x="1314" y="829"/>
                    </a:lnTo>
                    <a:lnTo>
                      <a:pt x="1296" y="824"/>
                    </a:lnTo>
                    <a:lnTo>
                      <a:pt x="1280" y="820"/>
                    </a:lnTo>
                    <a:lnTo>
                      <a:pt x="1264" y="817"/>
                    </a:lnTo>
                    <a:lnTo>
                      <a:pt x="1249" y="815"/>
                    </a:lnTo>
                    <a:lnTo>
                      <a:pt x="1235" y="815"/>
                    </a:lnTo>
                    <a:lnTo>
                      <a:pt x="1223" y="816"/>
                    </a:lnTo>
                    <a:lnTo>
                      <a:pt x="1213" y="817"/>
                    </a:lnTo>
                    <a:lnTo>
                      <a:pt x="1204" y="821"/>
                    </a:lnTo>
                    <a:lnTo>
                      <a:pt x="1200" y="824"/>
                    </a:lnTo>
                    <a:lnTo>
                      <a:pt x="1197" y="826"/>
                    </a:lnTo>
                    <a:lnTo>
                      <a:pt x="1196" y="829"/>
                    </a:lnTo>
                    <a:lnTo>
                      <a:pt x="1194" y="833"/>
                    </a:lnTo>
                    <a:lnTo>
                      <a:pt x="1194" y="837"/>
                    </a:lnTo>
                    <a:lnTo>
                      <a:pt x="1194" y="840"/>
                    </a:lnTo>
                    <a:lnTo>
                      <a:pt x="1194" y="844"/>
                    </a:lnTo>
                    <a:lnTo>
                      <a:pt x="1195" y="849"/>
                    </a:lnTo>
                    <a:lnTo>
                      <a:pt x="1201" y="861"/>
                    </a:lnTo>
                    <a:lnTo>
                      <a:pt x="1210" y="874"/>
                    </a:lnTo>
                    <a:lnTo>
                      <a:pt x="1223" y="888"/>
                    </a:lnTo>
                    <a:lnTo>
                      <a:pt x="1240" y="904"/>
                    </a:lnTo>
                    <a:lnTo>
                      <a:pt x="1265" y="922"/>
                    </a:lnTo>
                    <a:lnTo>
                      <a:pt x="1301" y="947"/>
                    </a:lnTo>
                    <a:lnTo>
                      <a:pt x="1319" y="960"/>
                    </a:lnTo>
                    <a:lnTo>
                      <a:pt x="1334" y="973"/>
                    </a:lnTo>
                    <a:lnTo>
                      <a:pt x="1339" y="979"/>
                    </a:lnTo>
                    <a:lnTo>
                      <a:pt x="1341" y="986"/>
                    </a:lnTo>
                    <a:lnTo>
                      <a:pt x="1344" y="991"/>
                    </a:lnTo>
                    <a:lnTo>
                      <a:pt x="1344" y="996"/>
                    </a:lnTo>
                    <a:lnTo>
                      <a:pt x="1331" y="996"/>
                    </a:lnTo>
                    <a:lnTo>
                      <a:pt x="1313" y="995"/>
                    </a:lnTo>
                    <a:lnTo>
                      <a:pt x="1289" y="991"/>
                    </a:lnTo>
                    <a:lnTo>
                      <a:pt x="1265" y="986"/>
                    </a:lnTo>
                    <a:lnTo>
                      <a:pt x="1240" y="980"/>
                    </a:lnTo>
                    <a:lnTo>
                      <a:pt x="1218" y="974"/>
                    </a:lnTo>
                    <a:lnTo>
                      <a:pt x="1209" y="970"/>
                    </a:lnTo>
                    <a:lnTo>
                      <a:pt x="1203" y="966"/>
                    </a:lnTo>
                    <a:lnTo>
                      <a:pt x="1196" y="963"/>
                    </a:lnTo>
                    <a:lnTo>
                      <a:pt x="1194" y="960"/>
                    </a:lnTo>
                    <a:lnTo>
                      <a:pt x="1187" y="949"/>
                    </a:lnTo>
                    <a:lnTo>
                      <a:pt x="1183" y="939"/>
                    </a:lnTo>
                    <a:lnTo>
                      <a:pt x="1179" y="927"/>
                    </a:lnTo>
                    <a:lnTo>
                      <a:pt x="1175" y="916"/>
                    </a:lnTo>
                    <a:lnTo>
                      <a:pt x="1172" y="892"/>
                    </a:lnTo>
                    <a:lnTo>
                      <a:pt x="1166" y="870"/>
                    </a:lnTo>
                    <a:lnTo>
                      <a:pt x="1163" y="860"/>
                    </a:lnTo>
                    <a:lnTo>
                      <a:pt x="1159" y="849"/>
                    </a:lnTo>
                    <a:lnTo>
                      <a:pt x="1155" y="840"/>
                    </a:lnTo>
                    <a:lnTo>
                      <a:pt x="1148" y="833"/>
                    </a:lnTo>
                    <a:lnTo>
                      <a:pt x="1142" y="826"/>
                    </a:lnTo>
                    <a:lnTo>
                      <a:pt x="1133" y="820"/>
                    </a:lnTo>
                    <a:lnTo>
                      <a:pt x="1122" y="816"/>
                    </a:lnTo>
                    <a:lnTo>
                      <a:pt x="1109" y="815"/>
                    </a:lnTo>
                    <a:lnTo>
                      <a:pt x="1085" y="812"/>
                    </a:lnTo>
                    <a:lnTo>
                      <a:pt x="1064" y="808"/>
                    </a:lnTo>
                    <a:lnTo>
                      <a:pt x="1056" y="805"/>
                    </a:lnTo>
                    <a:lnTo>
                      <a:pt x="1049" y="803"/>
                    </a:lnTo>
                    <a:lnTo>
                      <a:pt x="1041" y="800"/>
                    </a:lnTo>
                    <a:lnTo>
                      <a:pt x="1034" y="796"/>
                    </a:lnTo>
                    <a:lnTo>
                      <a:pt x="1029" y="791"/>
                    </a:lnTo>
                    <a:lnTo>
                      <a:pt x="1024" y="786"/>
                    </a:lnTo>
                    <a:lnTo>
                      <a:pt x="1019" y="780"/>
                    </a:lnTo>
                    <a:lnTo>
                      <a:pt x="1014" y="772"/>
                    </a:lnTo>
                    <a:lnTo>
                      <a:pt x="1006" y="752"/>
                    </a:lnTo>
                    <a:lnTo>
                      <a:pt x="997" y="729"/>
                    </a:lnTo>
                    <a:lnTo>
                      <a:pt x="997" y="724"/>
                    </a:lnTo>
                    <a:lnTo>
                      <a:pt x="997" y="720"/>
                    </a:lnTo>
                    <a:lnTo>
                      <a:pt x="998" y="717"/>
                    </a:lnTo>
                    <a:lnTo>
                      <a:pt x="1001" y="713"/>
                    </a:lnTo>
                    <a:lnTo>
                      <a:pt x="1006" y="708"/>
                    </a:lnTo>
                    <a:lnTo>
                      <a:pt x="1014" y="703"/>
                    </a:lnTo>
                    <a:lnTo>
                      <a:pt x="1021" y="699"/>
                    </a:lnTo>
                    <a:lnTo>
                      <a:pt x="1028" y="695"/>
                    </a:lnTo>
                    <a:lnTo>
                      <a:pt x="1032" y="693"/>
                    </a:lnTo>
                    <a:lnTo>
                      <a:pt x="1033" y="690"/>
                    </a:lnTo>
                    <a:lnTo>
                      <a:pt x="1034" y="688"/>
                    </a:lnTo>
                    <a:lnTo>
                      <a:pt x="1036" y="685"/>
                    </a:lnTo>
                    <a:lnTo>
                      <a:pt x="1020" y="681"/>
                    </a:lnTo>
                    <a:lnTo>
                      <a:pt x="1004" y="678"/>
                    </a:lnTo>
                    <a:lnTo>
                      <a:pt x="997" y="678"/>
                    </a:lnTo>
                    <a:lnTo>
                      <a:pt x="988" y="678"/>
                    </a:lnTo>
                    <a:lnTo>
                      <a:pt x="981" y="680"/>
                    </a:lnTo>
                    <a:lnTo>
                      <a:pt x="973" y="681"/>
                    </a:lnTo>
                    <a:lnTo>
                      <a:pt x="967" y="684"/>
                    </a:lnTo>
                    <a:lnTo>
                      <a:pt x="960" y="688"/>
                    </a:lnTo>
                    <a:lnTo>
                      <a:pt x="957" y="693"/>
                    </a:lnTo>
                    <a:lnTo>
                      <a:pt x="953" y="698"/>
                    </a:lnTo>
                    <a:lnTo>
                      <a:pt x="949" y="704"/>
                    </a:lnTo>
                    <a:lnTo>
                      <a:pt x="947" y="713"/>
                    </a:lnTo>
                    <a:lnTo>
                      <a:pt x="947" y="723"/>
                    </a:lnTo>
                    <a:lnTo>
                      <a:pt x="949" y="734"/>
                    </a:lnTo>
                    <a:lnTo>
                      <a:pt x="950" y="741"/>
                    </a:lnTo>
                    <a:lnTo>
                      <a:pt x="950" y="750"/>
                    </a:lnTo>
                    <a:lnTo>
                      <a:pt x="949" y="759"/>
                    </a:lnTo>
                    <a:lnTo>
                      <a:pt x="947" y="770"/>
                    </a:lnTo>
                    <a:lnTo>
                      <a:pt x="942" y="794"/>
                    </a:lnTo>
                    <a:lnTo>
                      <a:pt x="936" y="818"/>
                    </a:lnTo>
                    <a:lnTo>
                      <a:pt x="928" y="843"/>
                    </a:lnTo>
                    <a:lnTo>
                      <a:pt x="919" y="866"/>
                    </a:lnTo>
                    <a:lnTo>
                      <a:pt x="911" y="886"/>
                    </a:lnTo>
                    <a:lnTo>
                      <a:pt x="903" y="900"/>
                    </a:lnTo>
                    <a:lnTo>
                      <a:pt x="923" y="940"/>
                    </a:lnTo>
                    <a:lnTo>
                      <a:pt x="944" y="979"/>
                    </a:lnTo>
                    <a:lnTo>
                      <a:pt x="955" y="997"/>
                    </a:lnTo>
                    <a:lnTo>
                      <a:pt x="968" y="1014"/>
                    </a:lnTo>
                    <a:lnTo>
                      <a:pt x="975" y="1022"/>
                    </a:lnTo>
                    <a:lnTo>
                      <a:pt x="982" y="1030"/>
                    </a:lnTo>
                    <a:lnTo>
                      <a:pt x="992" y="1037"/>
                    </a:lnTo>
                    <a:lnTo>
                      <a:pt x="1001" y="1045"/>
                    </a:lnTo>
                    <a:lnTo>
                      <a:pt x="1014" y="1055"/>
                    </a:lnTo>
                    <a:lnTo>
                      <a:pt x="1023" y="1066"/>
                    </a:lnTo>
                    <a:lnTo>
                      <a:pt x="1028" y="1075"/>
                    </a:lnTo>
                    <a:lnTo>
                      <a:pt x="1032" y="1085"/>
                    </a:lnTo>
                    <a:lnTo>
                      <a:pt x="1033" y="1096"/>
                    </a:lnTo>
                    <a:lnTo>
                      <a:pt x="1036" y="1107"/>
                    </a:lnTo>
                    <a:lnTo>
                      <a:pt x="1038" y="1120"/>
                    </a:lnTo>
                    <a:lnTo>
                      <a:pt x="1043" y="1134"/>
                    </a:lnTo>
                    <a:lnTo>
                      <a:pt x="1049" y="1144"/>
                    </a:lnTo>
                    <a:lnTo>
                      <a:pt x="1055" y="1150"/>
                    </a:lnTo>
                    <a:lnTo>
                      <a:pt x="1063" y="1156"/>
                    </a:lnTo>
                    <a:lnTo>
                      <a:pt x="1071" y="1162"/>
                    </a:lnTo>
                    <a:lnTo>
                      <a:pt x="1089" y="1169"/>
                    </a:lnTo>
                    <a:lnTo>
                      <a:pt x="1106" y="1179"/>
                    </a:lnTo>
                    <a:lnTo>
                      <a:pt x="1116" y="1186"/>
                    </a:lnTo>
                    <a:lnTo>
                      <a:pt x="1125" y="1195"/>
                    </a:lnTo>
                    <a:lnTo>
                      <a:pt x="1134" y="1204"/>
                    </a:lnTo>
                    <a:lnTo>
                      <a:pt x="1143" y="1213"/>
                    </a:lnTo>
                    <a:lnTo>
                      <a:pt x="1151" y="1224"/>
                    </a:lnTo>
                    <a:lnTo>
                      <a:pt x="1157" y="1236"/>
                    </a:lnTo>
                    <a:lnTo>
                      <a:pt x="1164" y="1246"/>
                    </a:lnTo>
                    <a:lnTo>
                      <a:pt x="1169" y="1259"/>
                    </a:lnTo>
                    <a:lnTo>
                      <a:pt x="1178" y="1274"/>
                    </a:lnTo>
                    <a:lnTo>
                      <a:pt x="1188" y="1289"/>
                    </a:lnTo>
                    <a:lnTo>
                      <a:pt x="1200" y="1302"/>
                    </a:lnTo>
                    <a:lnTo>
                      <a:pt x="1209" y="1315"/>
                    </a:lnTo>
                    <a:lnTo>
                      <a:pt x="1213" y="1320"/>
                    </a:lnTo>
                    <a:lnTo>
                      <a:pt x="1214" y="1326"/>
                    </a:lnTo>
                    <a:lnTo>
                      <a:pt x="1214" y="1331"/>
                    </a:lnTo>
                    <a:lnTo>
                      <a:pt x="1213" y="1337"/>
                    </a:lnTo>
                    <a:lnTo>
                      <a:pt x="1210" y="1343"/>
                    </a:lnTo>
                    <a:lnTo>
                      <a:pt x="1204" y="1348"/>
                    </a:lnTo>
                    <a:lnTo>
                      <a:pt x="1196" y="1353"/>
                    </a:lnTo>
                    <a:lnTo>
                      <a:pt x="1185" y="1357"/>
                    </a:lnTo>
                    <a:lnTo>
                      <a:pt x="1174" y="1361"/>
                    </a:lnTo>
                    <a:lnTo>
                      <a:pt x="1157" y="1366"/>
                    </a:lnTo>
                    <a:lnTo>
                      <a:pt x="1148" y="1368"/>
                    </a:lnTo>
                    <a:lnTo>
                      <a:pt x="1140" y="1369"/>
                    </a:lnTo>
                    <a:lnTo>
                      <a:pt x="1135" y="1369"/>
                    </a:lnTo>
                    <a:lnTo>
                      <a:pt x="1134" y="1366"/>
                    </a:lnTo>
                    <a:lnTo>
                      <a:pt x="1134" y="1361"/>
                    </a:lnTo>
                    <a:lnTo>
                      <a:pt x="1135" y="1356"/>
                    </a:lnTo>
                    <a:lnTo>
                      <a:pt x="1137" y="1352"/>
                    </a:lnTo>
                    <a:lnTo>
                      <a:pt x="1139" y="1350"/>
                    </a:lnTo>
                    <a:lnTo>
                      <a:pt x="1146" y="1344"/>
                    </a:lnTo>
                    <a:lnTo>
                      <a:pt x="1153" y="1340"/>
                    </a:lnTo>
                    <a:lnTo>
                      <a:pt x="1161" y="1338"/>
                    </a:lnTo>
                    <a:lnTo>
                      <a:pt x="1168" y="1335"/>
                    </a:lnTo>
                    <a:lnTo>
                      <a:pt x="1170" y="1334"/>
                    </a:lnTo>
                    <a:lnTo>
                      <a:pt x="1173" y="1333"/>
                    </a:lnTo>
                    <a:lnTo>
                      <a:pt x="1174" y="1330"/>
                    </a:lnTo>
                    <a:lnTo>
                      <a:pt x="1174" y="1327"/>
                    </a:lnTo>
                    <a:lnTo>
                      <a:pt x="1174" y="1322"/>
                    </a:lnTo>
                    <a:lnTo>
                      <a:pt x="1173" y="1317"/>
                    </a:lnTo>
                    <a:lnTo>
                      <a:pt x="1172" y="1313"/>
                    </a:lnTo>
                    <a:lnTo>
                      <a:pt x="1169" y="1309"/>
                    </a:lnTo>
                    <a:lnTo>
                      <a:pt x="1163" y="1303"/>
                    </a:lnTo>
                    <a:lnTo>
                      <a:pt x="1155" y="1298"/>
                    </a:lnTo>
                    <a:lnTo>
                      <a:pt x="1147" y="1293"/>
                    </a:lnTo>
                    <a:lnTo>
                      <a:pt x="1138" y="1289"/>
                    </a:lnTo>
                    <a:lnTo>
                      <a:pt x="1130" y="1283"/>
                    </a:lnTo>
                    <a:lnTo>
                      <a:pt x="1124" y="1277"/>
                    </a:lnTo>
                    <a:lnTo>
                      <a:pt x="1117" y="1270"/>
                    </a:lnTo>
                    <a:lnTo>
                      <a:pt x="1112" y="1267"/>
                    </a:lnTo>
                    <a:lnTo>
                      <a:pt x="1106" y="1263"/>
                    </a:lnTo>
                    <a:lnTo>
                      <a:pt x="1099" y="1261"/>
                    </a:lnTo>
                    <a:lnTo>
                      <a:pt x="1093" y="1261"/>
                    </a:lnTo>
                    <a:lnTo>
                      <a:pt x="1086" y="1261"/>
                    </a:lnTo>
                    <a:lnTo>
                      <a:pt x="1080" y="1261"/>
                    </a:lnTo>
                    <a:lnTo>
                      <a:pt x="1073" y="1263"/>
                    </a:lnTo>
                    <a:lnTo>
                      <a:pt x="1059" y="1267"/>
                    </a:lnTo>
                    <a:lnTo>
                      <a:pt x="1045" y="1270"/>
                    </a:lnTo>
                    <a:lnTo>
                      <a:pt x="1037" y="1272"/>
                    </a:lnTo>
                    <a:lnTo>
                      <a:pt x="1029" y="1272"/>
                    </a:lnTo>
                    <a:lnTo>
                      <a:pt x="1021" y="1272"/>
                    </a:lnTo>
                    <a:lnTo>
                      <a:pt x="1014" y="1272"/>
                    </a:lnTo>
                    <a:lnTo>
                      <a:pt x="1010" y="1272"/>
                    </a:lnTo>
                    <a:lnTo>
                      <a:pt x="1007" y="1274"/>
                    </a:lnTo>
                    <a:lnTo>
                      <a:pt x="1004" y="1276"/>
                    </a:lnTo>
                    <a:lnTo>
                      <a:pt x="1002" y="1280"/>
                    </a:lnTo>
                    <a:lnTo>
                      <a:pt x="997" y="1286"/>
                    </a:lnTo>
                    <a:lnTo>
                      <a:pt x="993" y="1295"/>
                    </a:lnTo>
                    <a:lnTo>
                      <a:pt x="990" y="1304"/>
                    </a:lnTo>
                    <a:lnTo>
                      <a:pt x="989" y="1313"/>
                    </a:lnTo>
                    <a:lnTo>
                      <a:pt x="989" y="1322"/>
                    </a:lnTo>
                    <a:lnTo>
                      <a:pt x="990" y="1327"/>
                    </a:lnTo>
                    <a:lnTo>
                      <a:pt x="995" y="1333"/>
                    </a:lnTo>
                    <a:lnTo>
                      <a:pt x="1001" y="1338"/>
                    </a:lnTo>
                    <a:lnTo>
                      <a:pt x="1007" y="1342"/>
                    </a:lnTo>
                    <a:lnTo>
                      <a:pt x="1014" y="1344"/>
                    </a:lnTo>
                    <a:lnTo>
                      <a:pt x="1028" y="1351"/>
                    </a:lnTo>
                    <a:lnTo>
                      <a:pt x="1041" y="1356"/>
                    </a:lnTo>
                    <a:lnTo>
                      <a:pt x="1049" y="1360"/>
                    </a:lnTo>
                    <a:lnTo>
                      <a:pt x="1054" y="1364"/>
                    </a:lnTo>
                    <a:lnTo>
                      <a:pt x="1058" y="1368"/>
                    </a:lnTo>
                    <a:lnTo>
                      <a:pt x="1060" y="1372"/>
                    </a:lnTo>
                    <a:lnTo>
                      <a:pt x="1063" y="1379"/>
                    </a:lnTo>
                    <a:lnTo>
                      <a:pt x="1063" y="1388"/>
                    </a:lnTo>
                    <a:lnTo>
                      <a:pt x="1063" y="1397"/>
                    </a:lnTo>
                    <a:lnTo>
                      <a:pt x="1064" y="1407"/>
                    </a:lnTo>
                    <a:lnTo>
                      <a:pt x="1065" y="1410"/>
                    </a:lnTo>
                    <a:lnTo>
                      <a:pt x="1068" y="1416"/>
                    </a:lnTo>
                    <a:lnTo>
                      <a:pt x="1072" y="1419"/>
                    </a:lnTo>
                    <a:lnTo>
                      <a:pt x="1077" y="1425"/>
                    </a:lnTo>
                    <a:lnTo>
                      <a:pt x="1085" y="1431"/>
                    </a:lnTo>
                    <a:lnTo>
                      <a:pt x="1090" y="1436"/>
                    </a:lnTo>
                    <a:lnTo>
                      <a:pt x="1093" y="1440"/>
                    </a:lnTo>
                    <a:lnTo>
                      <a:pt x="1091" y="1443"/>
                    </a:lnTo>
                    <a:lnTo>
                      <a:pt x="1083" y="1449"/>
                    </a:lnTo>
                    <a:lnTo>
                      <a:pt x="1068" y="1458"/>
                    </a:lnTo>
                    <a:lnTo>
                      <a:pt x="1056" y="1467"/>
                    </a:lnTo>
                    <a:lnTo>
                      <a:pt x="1045" y="1474"/>
                    </a:lnTo>
                    <a:lnTo>
                      <a:pt x="1034" y="1478"/>
                    </a:lnTo>
                    <a:lnTo>
                      <a:pt x="1024" y="1480"/>
                    </a:lnTo>
                    <a:lnTo>
                      <a:pt x="1002" y="1484"/>
                    </a:lnTo>
                    <a:lnTo>
                      <a:pt x="975" y="1489"/>
                    </a:lnTo>
                    <a:lnTo>
                      <a:pt x="966" y="1491"/>
                    </a:lnTo>
                    <a:lnTo>
                      <a:pt x="951" y="1492"/>
                    </a:lnTo>
                    <a:lnTo>
                      <a:pt x="945" y="1493"/>
                    </a:lnTo>
                    <a:lnTo>
                      <a:pt x="938" y="1495"/>
                    </a:lnTo>
                    <a:lnTo>
                      <a:pt x="936" y="1497"/>
                    </a:lnTo>
                    <a:lnTo>
                      <a:pt x="935" y="1498"/>
                    </a:lnTo>
                    <a:lnTo>
                      <a:pt x="937" y="1504"/>
                    </a:lnTo>
                    <a:lnTo>
                      <a:pt x="941" y="1510"/>
                    </a:lnTo>
                    <a:lnTo>
                      <a:pt x="946" y="1515"/>
                    </a:lnTo>
                    <a:lnTo>
                      <a:pt x="953" y="1519"/>
                    </a:lnTo>
                    <a:lnTo>
                      <a:pt x="964" y="1527"/>
                    </a:lnTo>
                    <a:lnTo>
                      <a:pt x="976" y="1532"/>
                    </a:lnTo>
                    <a:lnTo>
                      <a:pt x="988" y="1536"/>
                    </a:lnTo>
                    <a:lnTo>
                      <a:pt x="1002" y="1539"/>
                    </a:lnTo>
                    <a:lnTo>
                      <a:pt x="1015" y="1540"/>
                    </a:lnTo>
                    <a:lnTo>
                      <a:pt x="1028" y="1541"/>
                    </a:lnTo>
                    <a:lnTo>
                      <a:pt x="1046" y="1546"/>
                    </a:lnTo>
                    <a:lnTo>
                      <a:pt x="1063" y="1553"/>
                    </a:lnTo>
                    <a:lnTo>
                      <a:pt x="1078" y="1561"/>
                    </a:lnTo>
                    <a:lnTo>
                      <a:pt x="1096" y="1565"/>
                    </a:lnTo>
                    <a:lnTo>
                      <a:pt x="1108" y="1568"/>
                    </a:lnTo>
                    <a:lnTo>
                      <a:pt x="1117" y="1571"/>
                    </a:lnTo>
                    <a:lnTo>
                      <a:pt x="1124" y="1576"/>
                    </a:lnTo>
                    <a:lnTo>
                      <a:pt x="1128" y="1581"/>
                    </a:lnTo>
                    <a:lnTo>
                      <a:pt x="1130" y="1587"/>
                    </a:lnTo>
                    <a:lnTo>
                      <a:pt x="1134" y="1593"/>
                    </a:lnTo>
                    <a:lnTo>
                      <a:pt x="1138" y="1598"/>
                    </a:lnTo>
                    <a:lnTo>
                      <a:pt x="1146" y="1606"/>
                    </a:lnTo>
                    <a:lnTo>
                      <a:pt x="1151" y="1610"/>
                    </a:lnTo>
                    <a:lnTo>
                      <a:pt x="1156" y="1611"/>
                    </a:lnTo>
                    <a:lnTo>
                      <a:pt x="1161" y="1612"/>
                    </a:lnTo>
                    <a:lnTo>
                      <a:pt x="1165" y="1612"/>
                    </a:lnTo>
                    <a:lnTo>
                      <a:pt x="1174" y="1610"/>
                    </a:lnTo>
                    <a:lnTo>
                      <a:pt x="1181" y="1605"/>
                    </a:lnTo>
                    <a:lnTo>
                      <a:pt x="1187" y="1600"/>
                    </a:lnTo>
                    <a:lnTo>
                      <a:pt x="1194" y="1593"/>
                    </a:lnTo>
                    <a:lnTo>
                      <a:pt x="1196" y="1592"/>
                    </a:lnTo>
                    <a:lnTo>
                      <a:pt x="1199" y="1590"/>
                    </a:lnTo>
                    <a:lnTo>
                      <a:pt x="1201" y="1589"/>
                    </a:lnTo>
                    <a:lnTo>
                      <a:pt x="1204" y="1590"/>
                    </a:lnTo>
                    <a:lnTo>
                      <a:pt x="1210" y="1593"/>
                    </a:lnTo>
                    <a:lnTo>
                      <a:pt x="1214" y="1598"/>
                    </a:lnTo>
                    <a:lnTo>
                      <a:pt x="1218" y="1605"/>
                    </a:lnTo>
                    <a:lnTo>
                      <a:pt x="1222" y="1612"/>
                    </a:lnTo>
                    <a:lnTo>
                      <a:pt x="1226" y="1628"/>
                    </a:lnTo>
                    <a:lnTo>
                      <a:pt x="1230" y="1641"/>
                    </a:lnTo>
                    <a:lnTo>
                      <a:pt x="1234" y="1647"/>
                    </a:lnTo>
                    <a:lnTo>
                      <a:pt x="1238" y="1654"/>
                    </a:lnTo>
                    <a:lnTo>
                      <a:pt x="1242" y="1659"/>
                    </a:lnTo>
                    <a:lnTo>
                      <a:pt x="1247" y="1663"/>
                    </a:lnTo>
                    <a:lnTo>
                      <a:pt x="1253" y="1666"/>
                    </a:lnTo>
                    <a:lnTo>
                      <a:pt x="1258" y="1668"/>
                    </a:lnTo>
                    <a:lnTo>
                      <a:pt x="1265" y="1671"/>
                    </a:lnTo>
                    <a:lnTo>
                      <a:pt x="1271" y="1672"/>
                    </a:lnTo>
                    <a:lnTo>
                      <a:pt x="1300" y="1675"/>
                    </a:lnTo>
                    <a:lnTo>
                      <a:pt x="1327" y="1675"/>
                    </a:lnTo>
                    <a:lnTo>
                      <a:pt x="1332" y="1675"/>
                    </a:lnTo>
                    <a:lnTo>
                      <a:pt x="1337" y="1676"/>
                    </a:lnTo>
                    <a:lnTo>
                      <a:pt x="1341" y="1677"/>
                    </a:lnTo>
                    <a:lnTo>
                      <a:pt x="1345" y="1680"/>
                    </a:lnTo>
                    <a:lnTo>
                      <a:pt x="1353" y="1686"/>
                    </a:lnTo>
                    <a:lnTo>
                      <a:pt x="1358" y="1694"/>
                    </a:lnTo>
                    <a:lnTo>
                      <a:pt x="1365" y="1702"/>
                    </a:lnTo>
                    <a:lnTo>
                      <a:pt x="1370" y="1711"/>
                    </a:lnTo>
                    <a:lnTo>
                      <a:pt x="1376" y="1719"/>
                    </a:lnTo>
                    <a:lnTo>
                      <a:pt x="1383" y="1725"/>
                    </a:lnTo>
                    <a:lnTo>
                      <a:pt x="1391" y="1730"/>
                    </a:lnTo>
                    <a:lnTo>
                      <a:pt x="1400" y="1736"/>
                    </a:lnTo>
                    <a:lnTo>
                      <a:pt x="1409" y="1739"/>
                    </a:lnTo>
                    <a:lnTo>
                      <a:pt x="1419" y="1743"/>
                    </a:lnTo>
                    <a:lnTo>
                      <a:pt x="1441" y="1751"/>
                    </a:lnTo>
                    <a:lnTo>
                      <a:pt x="1462" y="1759"/>
                    </a:lnTo>
                    <a:lnTo>
                      <a:pt x="1471" y="1764"/>
                    </a:lnTo>
                    <a:lnTo>
                      <a:pt x="1479" y="1769"/>
                    </a:lnTo>
                    <a:lnTo>
                      <a:pt x="1484" y="1774"/>
                    </a:lnTo>
                    <a:lnTo>
                      <a:pt x="1488" y="1781"/>
                    </a:lnTo>
                    <a:lnTo>
                      <a:pt x="1489" y="1785"/>
                    </a:lnTo>
                    <a:lnTo>
                      <a:pt x="1490" y="1789"/>
                    </a:lnTo>
                    <a:lnTo>
                      <a:pt x="1490" y="1793"/>
                    </a:lnTo>
                    <a:lnTo>
                      <a:pt x="1490" y="1796"/>
                    </a:lnTo>
                    <a:lnTo>
                      <a:pt x="1486" y="1807"/>
                    </a:lnTo>
                    <a:lnTo>
                      <a:pt x="1480" y="1817"/>
                    </a:lnTo>
                    <a:lnTo>
                      <a:pt x="1475" y="1826"/>
                    </a:lnTo>
                    <a:lnTo>
                      <a:pt x="1471" y="1838"/>
                    </a:lnTo>
                    <a:lnTo>
                      <a:pt x="1470" y="1852"/>
                    </a:lnTo>
                    <a:lnTo>
                      <a:pt x="1468" y="1866"/>
                    </a:lnTo>
                    <a:lnTo>
                      <a:pt x="1468" y="1882"/>
                    </a:lnTo>
                    <a:lnTo>
                      <a:pt x="1471" y="1896"/>
                    </a:lnTo>
                    <a:lnTo>
                      <a:pt x="1473" y="1909"/>
                    </a:lnTo>
                    <a:lnTo>
                      <a:pt x="1477" y="1919"/>
                    </a:lnTo>
                    <a:lnTo>
                      <a:pt x="1484" y="1931"/>
                    </a:lnTo>
                    <a:lnTo>
                      <a:pt x="1490" y="1939"/>
                    </a:lnTo>
                    <a:lnTo>
                      <a:pt x="1497" y="1944"/>
                    </a:lnTo>
                    <a:lnTo>
                      <a:pt x="1503" y="1948"/>
                    </a:lnTo>
                    <a:lnTo>
                      <a:pt x="1510" y="1952"/>
                    </a:lnTo>
                    <a:lnTo>
                      <a:pt x="1516" y="1956"/>
                    </a:lnTo>
                    <a:lnTo>
                      <a:pt x="1524" y="1961"/>
                    </a:lnTo>
                    <a:lnTo>
                      <a:pt x="1532" y="1969"/>
                    </a:lnTo>
                    <a:lnTo>
                      <a:pt x="1533" y="1971"/>
                    </a:lnTo>
                    <a:lnTo>
                      <a:pt x="1534" y="1975"/>
                    </a:lnTo>
                    <a:lnTo>
                      <a:pt x="1536" y="1978"/>
                    </a:lnTo>
                    <a:lnTo>
                      <a:pt x="1534" y="1982"/>
                    </a:lnTo>
                    <a:lnTo>
                      <a:pt x="1533" y="1988"/>
                    </a:lnTo>
                    <a:lnTo>
                      <a:pt x="1529" y="1996"/>
                    </a:lnTo>
                    <a:lnTo>
                      <a:pt x="1524" y="2004"/>
                    </a:lnTo>
                    <a:lnTo>
                      <a:pt x="1519" y="2011"/>
                    </a:lnTo>
                    <a:lnTo>
                      <a:pt x="1515" y="2021"/>
                    </a:lnTo>
                    <a:lnTo>
                      <a:pt x="1512" y="2030"/>
                    </a:lnTo>
                    <a:lnTo>
                      <a:pt x="1510" y="2040"/>
                    </a:lnTo>
                    <a:lnTo>
                      <a:pt x="1506" y="2045"/>
                    </a:lnTo>
                    <a:lnTo>
                      <a:pt x="1505" y="2046"/>
                    </a:lnTo>
                    <a:lnTo>
                      <a:pt x="1502" y="2048"/>
                    </a:lnTo>
                    <a:lnTo>
                      <a:pt x="1499" y="2046"/>
                    </a:lnTo>
                    <a:lnTo>
                      <a:pt x="1497" y="2045"/>
                    </a:lnTo>
                    <a:lnTo>
                      <a:pt x="1492" y="2041"/>
                    </a:lnTo>
                    <a:lnTo>
                      <a:pt x="1485" y="2035"/>
                    </a:lnTo>
                    <a:lnTo>
                      <a:pt x="1480" y="2026"/>
                    </a:lnTo>
                    <a:lnTo>
                      <a:pt x="1473" y="2015"/>
                    </a:lnTo>
                    <a:lnTo>
                      <a:pt x="1460" y="1992"/>
                    </a:lnTo>
                    <a:lnTo>
                      <a:pt x="1449" y="1970"/>
                    </a:lnTo>
                    <a:lnTo>
                      <a:pt x="1440" y="1952"/>
                    </a:lnTo>
                    <a:lnTo>
                      <a:pt x="1435" y="1942"/>
                    </a:lnTo>
                    <a:lnTo>
                      <a:pt x="1422" y="1932"/>
                    </a:lnTo>
                    <a:lnTo>
                      <a:pt x="1406" y="1922"/>
                    </a:lnTo>
                    <a:lnTo>
                      <a:pt x="1389" y="1913"/>
                    </a:lnTo>
                    <a:lnTo>
                      <a:pt x="1375" y="1905"/>
                    </a:lnTo>
                    <a:lnTo>
                      <a:pt x="1368" y="1900"/>
                    </a:lnTo>
                    <a:lnTo>
                      <a:pt x="1365" y="1894"/>
                    </a:lnTo>
                    <a:lnTo>
                      <a:pt x="1361" y="1886"/>
                    </a:lnTo>
                    <a:lnTo>
                      <a:pt x="1358" y="1878"/>
                    </a:lnTo>
                    <a:lnTo>
                      <a:pt x="1354" y="1873"/>
                    </a:lnTo>
                    <a:lnTo>
                      <a:pt x="1349" y="1868"/>
                    </a:lnTo>
                    <a:lnTo>
                      <a:pt x="1346" y="1866"/>
                    </a:lnTo>
                    <a:lnTo>
                      <a:pt x="1343" y="1865"/>
                    </a:lnTo>
                    <a:lnTo>
                      <a:pt x="1337" y="1865"/>
                    </a:lnTo>
                    <a:lnTo>
                      <a:pt x="1332" y="1866"/>
                    </a:lnTo>
                    <a:lnTo>
                      <a:pt x="1318" y="1873"/>
                    </a:lnTo>
                    <a:lnTo>
                      <a:pt x="1301" y="1883"/>
                    </a:lnTo>
                    <a:lnTo>
                      <a:pt x="1284" y="1894"/>
                    </a:lnTo>
                    <a:lnTo>
                      <a:pt x="1271" y="1904"/>
                    </a:lnTo>
                    <a:lnTo>
                      <a:pt x="1261" y="1912"/>
                    </a:lnTo>
                    <a:lnTo>
                      <a:pt x="1252" y="1917"/>
                    </a:lnTo>
                    <a:lnTo>
                      <a:pt x="1244" y="1922"/>
                    </a:lnTo>
                    <a:lnTo>
                      <a:pt x="1236" y="1925"/>
                    </a:lnTo>
                    <a:lnTo>
                      <a:pt x="1220" y="1929"/>
                    </a:lnTo>
                    <a:lnTo>
                      <a:pt x="1199" y="1935"/>
                    </a:lnTo>
                    <a:lnTo>
                      <a:pt x="1179" y="1939"/>
                    </a:lnTo>
                    <a:lnTo>
                      <a:pt x="1159" y="1942"/>
                    </a:lnTo>
                    <a:lnTo>
                      <a:pt x="1148" y="1944"/>
                    </a:lnTo>
                    <a:lnTo>
                      <a:pt x="1140" y="1948"/>
                    </a:lnTo>
                    <a:lnTo>
                      <a:pt x="1138" y="1952"/>
                    </a:lnTo>
                    <a:lnTo>
                      <a:pt x="1135" y="1956"/>
                    </a:lnTo>
                    <a:lnTo>
                      <a:pt x="1134" y="1961"/>
                    </a:lnTo>
                    <a:lnTo>
                      <a:pt x="1134" y="1966"/>
                    </a:lnTo>
                    <a:lnTo>
                      <a:pt x="1134" y="1973"/>
                    </a:lnTo>
                    <a:lnTo>
                      <a:pt x="1135" y="1978"/>
                    </a:lnTo>
                    <a:lnTo>
                      <a:pt x="1137" y="1983"/>
                    </a:lnTo>
                    <a:lnTo>
                      <a:pt x="1139" y="1987"/>
                    </a:lnTo>
                    <a:lnTo>
                      <a:pt x="1142" y="1989"/>
                    </a:lnTo>
                    <a:lnTo>
                      <a:pt x="1146" y="1992"/>
                    </a:lnTo>
                    <a:lnTo>
                      <a:pt x="1150" y="1995"/>
                    </a:lnTo>
                    <a:lnTo>
                      <a:pt x="1153" y="1996"/>
                    </a:lnTo>
                    <a:lnTo>
                      <a:pt x="1172" y="1999"/>
                    </a:lnTo>
                    <a:lnTo>
                      <a:pt x="1192" y="2002"/>
                    </a:lnTo>
                    <a:lnTo>
                      <a:pt x="1190" y="2023"/>
                    </a:lnTo>
                    <a:lnTo>
                      <a:pt x="1186" y="2041"/>
                    </a:lnTo>
                    <a:lnTo>
                      <a:pt x="1185" y="2050"/>
                    </a:lnTo>
                    <a:lnTo>
                      <a:pt x="1185" y="2059"/>
                    </a:lnTo>
                    <a:lnTo>
                      <a:pt x="1187" y="2070"/>
                    </a:lnTo>
                    <a:lnTo>
                      <a:pt x="1194" y="2081"/>
                    </a:lnTo>
                    <a:lnTo>
                      <a:pt x="1200" y="2090"/>
                    </a:lnTo>
                    <a:lnTo>
                      <a:pt x="1207" y="2096"/>
                    </a:lnTo>
                    <a:lnTo>
                      <a:pt x="1212" y="2101"/>
                    </a:lnTo>
                    <a:lnTo>
                      <a:pt x="1218" y="2102"/>
                    </a:lnTo>
                    <a:lnTo>
                      <a:pt x="1223" y="2103"/>
                    </a:lnTo>
                    <a:lnTo>
                      <a:pt x="1229" y="2102"/>
                    </a:lnTo>
                    <a:lnTo>
                      <a:pt x="1235" y="2101"/>
                    </a:lnTo>
                    <a:lnTo>
                      <a:pt x="1239" y="2098"/>
                    </a:lnTo>
                    <a:lnTo>
                      <a:pt x="1248" y="2094"/>
                    </a:lnTo>
                    <a:lnTo>
                      <a:pt x="1256" y="2090"/>
                    </a:lnTo>
                    <a:lnTo>
                      <a:pt x="1258" y="2089"/>
                    </a:lnTo>
                    <a:lnTo>
                      <a:pt x="1262" y="2090"/>
                    </a:lnTo>
                    <a:lnTo>
                      <a:pt x="1264" y="2093"/>
                    </a:lnTo>
                    <a:lnTo>
                      <a:pt x="1265" y="2097"/>
                    </a:lnTo>
                    <a:lnTo>
                      <a:pt x="1266" y="2106"/>
                    </a:lnTo>
                    <a:lnTo>
                      <a:pt x="1265" y="2114"/>
                    </a:lnTo>
                    <a:lnTo>
                      <a:pt x="1261" y="2122"/>
                    </a:lnTo>
                    <a:lnTo>
                      <a:pt x="1258" y="2129"/>
                    </a:lnTo>
                    <a:lnTo>
                      <a:pt x="1257" y="2133"/>
                    </a:lnTo>
                    <a:lnTo>
                      <a:pt x="1257" y="2137"/>
                    </a:lnTo>
                    <a:lnTo>
                      <a:pt x="1258" y="2141"/>
                    </a:lnTo>
                    <a:lnTo>
                      <a:pt x="1261" y="2145"/>
                    </a:lnTo>
                    <a:lnTo>
                      <a:pt x="1266" y="2151"/>
                    </a:lnTo>
                    <a:lnTo>
                      <a:pt x="1274" y="2158"/>
                    </a:lnTo>
                    <a:lnTo>
                      <a:pt x="1282" y="2163"/>
                    </a:lnTo>
                    <a:lnTo>
                      <a:pt x="1289" y="2170"/>
                    </a:lnTo>
                    <a:lnTo>
                      <a:pt x="1296" y="2175"/>
                    </a:lnTo>
                    <a:lnTo>
                      <a:pt x="1300" y="2179"/>
                    </a:lnTo>
                    <a:lnTo>
                      <a:pt x="1289" y="2181"/>
                    </a:lnTo>
                    <a:lnTo>
                      <a:pt x="1282" y="2182"/>
                    </a:lnTo>
                    <a:lnTo>
                      <a:pt x="1275" y="2182"/>
                    </a:lnTo>
                    <a:lnTo>
                      <a:pt x="1270" y="2182"/>
                    </a:lnTo>
                    <a:lnTo>
                      <a:pt x="1261" y="2179"/>
                    </a:lnTo>
                    <a:lnTo>
                      <a:pt x="1256" y="2176"/>
                    </a:lnTo>
                    <a:lnTo>
                      <a:pt x="1253" y="2175"/>
                    </a:lnTo>
                    <a:lnTo>
                      <a:pt x="1251" y="2175"/>
                    </a:lnTo>
                    <a:lnTo>
                      <a:pt x="1248" y="2176"/>
                    </a:lnTo>
                    <a:lnTo>
                      <a:pt x="1245" y="2179"/>
                    </a:lnTo>
                    <a:lnTo>
                      <a:pt x="1238" y="2189"/>
                    </a:lnTo>
                    <a:lnTo>
                      <a:pt x="1226" y="2208"/>
                    </a:lnTo>
                    <a:lnTo>
                      <a:pt x="1222" y="2212"/>
                    </a:lnTo>
                    <a:lnTo>
                      <a:pt x="1218" y="2216"/>
                    </a:lnTo>
                    <a:lnTo>
                      <a:pt x="1214" y="2217"/>
                    </a:lnTo>
                    <a:lnTo>
                      <a:pt x="1209" y="2219"/>
                    </a:lnTo>
                    <a:lnTo>
                      <a:pt x="1204" y="2220"/>
                    </a:lnTo>
                    <a:lnTo>
                      <a:pt x="1199" y="2219"/>
                    </a:lnTo>
                    <a:lnTo>
                      <a:pt x="1194" y="2217"/>
                    </a:lnTo>
                    <a:lnTo>
                      <a:pt x="1190" y="2216"/>
                    </a:lnTo>
                    <a:lnTo>
                      <a:pt x="1186" y="2214"/>
                    </a:lnTo>
                    <a:lnTo>
                      <a:pt x="1183" y="2210"/>
                    </a:lnTo>
                    <a:lnTo>
                      <a:pt x="1181" y="2204"/>
                    </a:lnTo>
                    <a:lnTo>
                      <a:pt x="1181" y="2199"/>
                    </a:lnTo>
                    <a:lnTo>
                      <a:pt x="1181" y="2194"/>
                    </a:lnTo>
                    <a:lnTo>
                      <a:pt x="1183" y="2188"/>
                    </a:lnTo>
                    <a:lnTo>
                      <a:pt x="1188" y="2180"/>
                    </a:lnTo>
                    <a:lnTo>
                      <a:pt x="1195" y="2172"/>
                    </a:lnTo>
                    <a:lnTo>
                      <a:pt x="1195" y="2171"/>
                    </a:lnTo>
                    <a:lnTo>
                      <a:pt x="1195" y="2168"/>
                    </a:lnTo>
                    <a:lnTo>
                      <a:pt x="1194" y="2167"/>
                    </a:lnTo>
                    <a:lnTo>
                      <a:pt x="1191" y="2164"/>
                    </a:lnTo>
                    <a:lnTo>
                      <a:pt x="1185" y="2158"/>
                    </a:lnTo>
                    <a:lnTo>
                      <a:pt x="1177" y="2153"/>
                    </a:lnTo>
                    <a:lnTo>
                      <a:pt x="1160" y="2141"/>
                    </a:lnTo>
                    <a:lnTo>
                      <a:pt x="1148" y="2133"/>
                    </a:lnTo>
                    <a:lnTo>
                      <a:pt x="1128" y="2124"/>
                    </a:lnTo>
                    <a:lnTo>
                      <a:pt x="1090" y="2111"/>
                    </a:lnTo>
                    <a:lnTo>
                      <a:pt x="1071" y="2105"/>
                    </a:lnTo>
                    <a:lnTo>
                      <a:pt x="1055" y="2100"/>
                    </a:lnTo>
                    <a:lnTo>
                      <a:pt x="1042" y="2097"/>
                    </a:lnTo>
                    <a:lnTo>
                      <a:pt x="1037" y="2096"/>
                    </a:lnTo>
                    <a:lnTo>
                      <a:pt x="1028" y="2105"/>
                    </a:lnTo>
                    <a:lnTo>
                      <a:pt x="1021" y="2114"/>
                    </a:lnTo>
                    <a:lnTo>
                      <a:pt x="1017" y="2123"/>
                    </a:lnTo>
                    <a:lnTo>
                      <a:pt x="1015" y="2133"/>
                    </a:lnTo>
                    <a:lnTo>
                      <a:pt x="1015" y="2142"/>
                    </a:lnTo>
                    <a:lnTo>
                      <a:pt x="1016" y="2153"/>
                    </a:lnTo>
                    <a:lnTo>
                      <a:pt x="1019" y="2163"/>
                    </a:lnTo>
                    <a:lnTo>
                      <a:pt x="1023" y="2173"/>
                    </a:lnTo>
                    <a:lnTo>
                      <a:pt x="1045" y="2211"/>
                    </a:lnTo>
                    <a:lnTo>
                      <a:pt x="1064" y="2243"/>
                    </a:lnTo>
                    <a:lnTo>
                      <a:pt x="1067" y="2250"/>
                    </a:lnTo>
                    <a:lnTo>
                      <a:pt x="1068" y="2258"/>
                    </a:lnTo>
                    <a:lnTo>
                      <a:pt x="1069" y="2265"/>
                    </a:lnTo>
                    <a:lnTo>
                      <a:pt x="1069" y="2272"/>
                    </a:lnTo>
                    <a:lnTo>
                      <a:pt x="1071" y="2280"/>
                    </a:lnTo>
                    <a:lnTo>
                      <a:pt x="1072" y="2287"/>
                    </a:lnTo>
                    <a:lnTo>
                      <a:pt x="1073" y="2295"/>
                    </a:lnTo>
                    <a:lnTo>
                      <a:pt x="1077" y="2303"/>
                    </a:lnTo>
                    <a:lnTo>
                      <a:pt x="1098" y="2335"/>
                    </a:lnTo>
                    <a:lnTo>
                      <a:pt x="1121" y="2370"/>
                    </a:lnTo>
                    <a:lnTo>
                      <a:pt x="1133" y="2387"/>
                    </a:lnTo>
                    <a:lnTo>
                      <a:pt x="1144" y="2405"/>
                    </a:lnTo>
                    <a:lnTo>
                      <a:pt x="1153" y="2422"/>
                    </a:lnTo>
                    <a:lnTo>
                      <a:pt x="1160" y="2438"/>
                    </a:lnTo>
                    <a:lnTo>
                      <a:pt x="1161" y="2444"/>
                    </a:lnTo>
                    <a:lnTo>
                      <a:pt x="1163" y="2451"/>
                    </a:lnTo>
                    <a:lnTo>
                      <a:pt x="1161" y="2456"/>
                    </a:lnTo>
                    <a:lnTo>
                      <a:pt x="1161" y="2460"/>
                    </a:lnTo>
                    <a:lnTo>
                      <a:pt x="1157" y="2469"/>
                    </a:lnTo>
                    <a:lnTo>
                      <a:pt x="1153" y="2477"/>
                    </a:lnTo>
                    <a:lnTo>
                      <a:pt x="1148" y="2482"/>
                    </a:lnTo>
                    <a:lnTo>
                      <a:pt x="1146" y="2488"/>
                    </a:lnTo>
                    <a:lnTo>
                      <a:pt x="1144" y="2491"/>
                    </a:lnTo>
                    <a:lnTo>
                      <a:pt x="1144" y="2495"/>
                    </a:lnTo>
                    <a:lnTo>
                      <a:pt x="1144" y="2497"/>
                    </a:lnTo>
                    <a:lnTo>
                      <a:pt x="1146" y="2501"/>
                    </a:lnTo>
                    <a:lnTo>
                      <a:pt x="1155" y="2513"/>
                    </a:lnTo>
                    <a:lnTo>
                      <a:pt x="1165" y="2522"/>
                    </a:lnTo>
                    <a:lnTo>
                      <a:pt x="1175" y="2531"/>
                    </a:lnTo>
                    <a:lnTo>
                      <a:pt x="1186" y="2540"/>
                    </a:lnTo>
                    <a:lnTo>
                      <a:pt x="1195" y="2549"/>
                    </a:lnTo>
                    <a:lnTo>
                      <a:pt x="1203" y="2561"/>
                    </a:lnTo>
                    <a:lnTo>
                      <a:pt x="1205" y="2566"/>
                    </a:lnTo>
                    <a:lnTo>
                      <a:pt x="1208" y="2574"/>
                    </a:lnTo>
                    <a:lnTo>
                      <a:pt x="1209" y="2581"/>
                    </a:lnTo>
                    <a:lnTo>
                      <a:pt x="1209" y="2589"/>
                    </a:lnTo>
                    <a:lnTo>
                      <a:pt x="1208" y="2591"/>
                    </a:lnTo>
                    <a:lnTo>
                      <a:pt x="1190" y="2591"/>
                    </a:lnTo>
                    <a:lnTo>
                      <a:pt x="1173" y="2589"/>
                    </a:lnTo>
                    <a:lnTo>
                      <a:pt x="1169" y="2581"/>
                    </a:lnTo>
                    <a:lnTo>
                      <a:pt x="1165" y="2572"/>
                    </a:lnTo>
                    <a:lnTo>
                      <a:pt x="1052" y="2510"/>
                    </a:lnTo>
                    <a:lnTo>
                      <a:pt x="1051" y="2508"/>
                    </a:lnTo>
                    <a:lnTo>
                      <a:pt x="1050" y="2502"/>
                    </a:lnTo>
                    <a:lnTo>
                      <a:pt x="1050" y="2497"/>
                    </a:lnTo>
                    <a:lnTo>
                      <a:pt x="1051" y="2491"/>
                    </a:lnTo>
                    <a:lnTo>
                      <a:pt x="1051" y="2484"/>
                    </a:lnTo>
                    <a:lnTo>
                      <a:pt x="1051" y="2478"/>
                    </a:lnTo>
                    <a:lnTo>
                      <a:pt x="1050" y="2473"/>
                    </a:lnTo>
                    <a:lnTo>
                      <a:pt x="1047" y="2467"/>
                    </a:lnTo>
                    <a:lnTo>
                      <a:pt x="1041" y="2461"/>
                    </a:lnTo>
                    <a:lnTo>
                      <a:pt x="1034" y="2457"/>
                    </a:lnTo>
                    <a:lnTo>
                      <a:pt x="1029" y="2455"/>
                    </a:lnTo>
                    <a:lnTo>
                      <a:pt x="1023" y="2453"/>
                    </a:lnTo>
                    <a:lnTo>
                      <a:pt x="1017" y="2453"/>
                    </a:lnTo>
                    <a:lnTo>
                      <a:pt x="1012" y="2455"/>
                    </a:lnTo>
                    <a:lnTo>
                      <a:pt x="1007" y="2456"/>
                    </a:lnTo>
                    <a:lnTo>
                      <a:pt x="1002" y="2460"/>
                    </a:lnTo>
                    <a:lnTo>
                      <a:pt x="998" y="2464"/>
                    </a:lnTo>
                    <a:lnTo>
                      <a:pt x="993" y="2469"/>
                    </a:lnTo>
                    <a:lnTo>
                      <a:pt x="989" y="2475"/>
                    </a:lnTo>
                    <a:lnTo>
                      <a:pt x="985" y="2482"/>
                    </a:lnTo>
                    <a:lnTo>
                      <a:pt x="977" y="2497"/>
                    </a:lnTo>
                    <a:lnTo>
                      <a:pt x="971" y="2515"/>
                    </a:lnTo>
                    <a:lnTo>
                      <a:pt x="964" y="2534"/>
                    </a:lnTo>
                    <a:lnTo>
                      <a:pt x="959" y="2553"/>
                    </a:lnTo>
                    <a:lnTo>
                      <a:pt x="955" y="2572"/>
                    </a:lnTo>
                    <a:lnTo>
                      <a:pt x="951" y="2591"/>
                    </a:lnTo>
                    <a:lnTo>
                      <a:pt x="946" y="2622"/>
                    </a:lnTo>
                    <a:lnTo>
                      <a:pt x="945" y="2641"/>
                    </a:lnTo>
                    <a:lnTo>
                      <a:pt x="944" y="2642"/>
                    </a:lnTo>
                    <a:lnTo>
                      <a:pt x="941" y="2644"/>
                    </a:lnTo>
                    <a:lnTo>
                      <a:pt x="937" y="2642"/>
                    </a:lnTo>
                    <a:lnTo>
                      <a:pt x="931" y="2640"/>
                    </a:lnTo>
                    <a:lnTo>
                      <a:pt x="916" y="2633"/>
                    </a:lnTo>
                    <a:lnTo>
                      <a:pt x="902" y="2624"/>
                    </a:lnTo>
                    <a:lnTo>
                      <a:pt x="894" y="2618"/>
                    </a:lnTo>
                    <a:lnTo>
                      <a:pt x="888" y="2613"/>
                    </a:lnTo>
                    <a:lnTo>
                      <a:pt x="884" y="2606"/>
                    </a:lnTo>
                    <a:lnTo>
                      <a:pt x="880" y="2600"/>
                    </a:lnTo>
                    <a:lnTo>
                      <a:pt x="878" y="2594"/>
                    </a:lnTo>
                    <a:lnTo>
                      <a:pt x="878" y="2588"/>
                    </a:lnTo>
                    <a:lnTo>
                      <a:pt x="880" y="2583"/>
                    </a:lnTo>
                    <a:lnTo>
                      <a:pt x="885" y="2578"/>
                    </a:lnTo>
                    <a:lnTo>
                      <a:pt x="893" y="2571"/>
                    </a:lnTo>
                    <a:lnTo>
                      <a:pt x="898" y="2563"/>
                    </a:lnTo>
                    <a:lnTo>
                      <a:pt x="902" y="2554"/>
                    </a:lnTo>
                    <a:lnTo>
                      <a:pt x="905" y="2544"/>
                    </a:lnTo>
                    <a:lnTo>
                      <a:pt x="906" y="2532"/>
                    </a:lnTo>
                    <a:lnTo>
                      <a:pt x="906" y="2521"/>
                    </a:lnTo>
                    <a:lnTo>
                      <a:pt x="905" y="2509"/>
                    </a:lnTo>
                    <a:lnTo>
                      <a:pt x="902" y="2496"/>
                    </a:lnTo>
                    <a:lnTo>
                      <a:pt x="898" y="2484"/>
                    </a:lnTo>
                    <a:lnTo>
                      <a:pt x="893" y="2473"/>
                    </a:lnTo>
                    <a:lnTo>
                      <a:pt x="888" y="2461"/>
                    </a:lnTo>
                    <a:lnTo>
                      <a:pt x="881" y="2451"/>
                    </a:lnTo>
                    <a:lnTo>
                      <a:pt x="875" y="2442"/>
                    </a:lnTo>
                    <a:lnTo>
                      <a:pt x="867" y="2435"/>
                    </a:lnTo>
                    <a:lnTo>
                      <a:pt x="859" y="2429"/>
                    </a:lnTo>
                    <a:lnTo>
                      <a:pt x="850" y="2425"/>
                    </a:lnTo>
                    <a:lnTo>
                      <a:pt x="845" y="2422"/>
                    </a:lnTo>
                    <a:lnTo>
                      <a:pt x="840" y="2417"/>
                    </a:lnTo>
                    <a:lnTo>
                      <a:pt x="836" y="2413"/>
                    </a:lnTo>
                    <a:lnTo>
                      <a:pt x="833" y="2408"/>
                    </a:lnTo>
                    <a:lnTo>
                      <a:pt x="831" y="2395"/>
                    </a:lnTo>
                    <a:lnTo>
                      <a:pt x="831" y="2382"/>
                    </a:lnTo>
                    <a:lnTo>
                      <a:pt x="831" y="2368"/>
                    </a:lnTo>
                    <a:lnTo>
                      <a:pt x="830" y="2355"/>
                    </a:lnTo>
                    <a:lnTo>
                      <a:pt x="827" y="2348"/>
                    </a:lnTo>
                    <a:lnTo>
                      <a:pt x="824" y="2343"/>
                    </a:lnTo>
                    <a:lnTo>
                      <a:pt x="822" y="2338"/>
                    </a:lnTo>
                    <a:lnTo>
                      <a:pt x="817" y="2334"/>
                    </a:lnTo>
                    <a:lnTo>
                      <a:pt x="808" y="2330"/>
                    </a:lnTo>
                    <a:lnTo>
                      <a:pt x="798" y="2328"/>
                    </a:lnTo>
                    <a:lnTo>
                      <a:pt x="789" y="2328"/>
                    </a:lnTo>
                    <a:lnTo>
                      <a:pt x="782" y="2330"/>
                    </a:lnTo>
                    <a:lnTo>
                      <a:pt x="774" y="2334"/>
                    </a:lnTo>
                    <a:lnTo>
                      <a:pt x="767" y="2339"/>
                    </a:lnTo>
                    <a:lnTo>
                      <a:pt x="761" y="2346"/>
                    </a:lnTo>
                    <a:lnTo>
                      <a:pt x="754" y="2353"/>
                    </a:lnTo>
                    <a:lnTo>
                      <a:pt x="749" y="2361"/>
                    </a:lnTo>
                    <a:lnTo>
                      <a:pt x="745" y="2370"/>
                    </a:lnTo>
                    <a:lnTo>
                      <a:pt x="741" y="2379"/>
                    </a:lnTo>
                    <a:lnTo>
                      <a:pt x="738" y="2388"/>
                    </a:lnTo>
                    <a:lnTo>
                      <a:pt x="735" y="2398"/>
                    </a:lnTo>
                    <a:lnTo>
                      <a:pt x="734" y="2407"/>
                    </a:lnTo>
                    <a:lnTo>
                      <a:pt x="734" y="2416"/>
                    </a:lnTo>
                    <a:lnTo>
                      <a:pt x="734" y="2423"/>
                    </a:lnTo>
                    <a:lnTo>
                      <a:pt x="736" y="2435"/>
                    </a:lnTo>
                    <a:lnTo>
                      <a:pt x="741" y="2456"/>
                    </a:lnTo>
                    <a:lnTo>
                      <a:pt x="743" y="2466"/>
                    </a:lnTo>
                    <a:lnTo>
                      <a:pt x="741" y="2475"/>
                    </a:lnTo>
                    <a:lnTo>
                      <a:pt x="740" y="2478"/>
                    </a:lnTo>
                    <a:lnTo>
                      <a:pt x="739" y="2480"/>
                    </a:lnTo>
                    <a:lnTo>
                      <a:pt x="736" y="2483"/>
                    </a:lnTo>
                    <a:lnTo>
                      <a:pt x="732" y="2483"/>
                    </a:lnTo>
                    <a:lnTo>
                      <a:pt x="717" y="2482"/>
                    </a:lnTo>
                    <a:lnTo>
                      <a:pt x="700" y="2478"/>
                    </a:lnTo>
                    <a:lnTo>
                      <a:pt x="691" y="2475"/>
                    </a:lnTo>
                    <a:lnTo>
                      <a:pt x="682" y="2471"/>
                    </a:lnTo>
                    <a:lnTo>
                      <a:pt x="673" y="2467"/>
                    </a:lnTo>
                    <a:lnTo>
                      <a:pt x="665" y="2462"/>
                    </a:lnTo>
                    <a:lnTo>
                      <a:pt x="659" y="2457"/>
                    </a:lnTo>
                    <a:lnTo>
                      <a:pt x="652" y="2452"/>
                    </a:lnTo>
                    <a:lnTo>
                      <a:pt x="648" y="2445"/>
                    </a:lnTo>
                    <a:lnTo>
                      <a:pt x="646" y="2439"/>
                    </a:lnTo>
                    <a:lnTo>
                      <a:pt x="644" y="2432"/>
                    </a:lnTo>
                    <a:lnTo>
                      <a:pt x="646" y="2425"/>
                    </a:lnTo>
                    <a:lnTo>
                      <a:pt x="651" y="2417"/>
                    </a:lnTo>
                    <a:lnTo>
                      <a:pt x="657" y="2409"/>
                    </a:lnTo>
                    <a:lnTo>
                      <a:pt x="665" y="2401"/>
                    </a:lnTo>
                    <a:lnTo>
                      <a:pt x="669" y="2395"/>
                    </a:lnTo>
                    <a:lnTo>
                      <a:pt x="670" y="2392"/>
                    </a:lnTo>
                    <a:lnTo>
                      <a:pt x="670" y="2390"/>
                    </a:lnTo>
                    <a:lnTo>
                      <a:pt x="669" y="2388"/>
                    </a:lnTo>
                    <a:lnTo>
                      <a:pt x="666" y="2387"/>
                    </a:lnTo>
                    <a:lnTo>
                      <a:pt x="656" y="2382"/>
                    </a:lnTo>
                    <a:lnTo>
                      <a:pt x="640" y="2373"/>
                    </a:lnTo>
                    <a:lnTo>
                      <a:pt x="627" y="2363"/>
                    </a:lnTo>
                    <a:lnTo>
                      <a:pt x="618" y="2353"/>
                    </a:lnTo>
                    <a:lnTo>
                      <a:pt x="612" y="2344"/>
                    </a:lnTo>
                    <a:lnTo>
                      <a:pt x="608" y="2335"/>
                    </a:lnTo>
                    <a:lnTo>
                      <a:pt x="607" y="2328"/>
                    </a:lnTo>
                    <a:lnTo>
                      <a:pt x="608" y="2321"/>
                    </a:lnTo>
                    <a:lnTo>
                      <a:pt x="611" y="2313"/>
                    </a:lnTo>
                    <a:lnTo>
                      <a:pt x="613" y="2307"/>
                    </a:lnTo>
                    <a:lnTo>
                      <a:pt x="624" y="2293"/>
                    </a:lnTo>
                    <a:lnTo>
                      <a:pt x="634" y="2277"/>
                    </a:lnTo>
                    <a:lnTo>
                      <a:pt x="639" y="2268"/>
                    </a:lnTo>
                    <a:lnTo>
                      <a:pt x="644" y="2259"/>
                    </a:lnTo>
                    <a:lnTo>
                      <a:pt x="647" y="2249"/>
                    </a:lnTo>
                    <a:lnTo>
                      <a:pt x="649" y="2238"/>
                    </a:lnTo>
                    <a:lnTo>
                      <a:pt x="648" y="2228"/>
                    </a:lnTo>
                    <a:lnTo>
                      <a:pt x="646" y="2219"/>
                    </a:lnTo>
                    <a:lnTo>
                      <a:pt x="642" y="2208"/>
                    </a:lnTo>
                    <a:lnTo>
                      <a:pt x="638" y="2199"/>
                    </a:lnTo>
                    <a:lnTo>
                      <a:pt x="633" y="2189"/>
                    </a:lnTo>
                    <a:lnTo>
                      <a:pt x="627" y="2180"/>
                    </a:lnTo>
                    <a:lnTo>
                      <a:pt x="621" y="2171"/>
                    </a:lnTo>
                    <a:lnTo>
                      <a:pt x="615" y="2162"/>
                    </a:lnTo>
                    <a:lnTo>
                      <a:pt x="599" y="2144"/>
                    </a:lnTo>
                    <a:lnTo>
                      <a:pt x="582" y="2128"/>
                    </a:lnTo>
                    <a:lnTo>
                      <a:pt x="565" y="2115"/>
                    </a:lnTo>
                    <a:lnTo>
                      <a:pt x="550" y="2105"/>
                    </a:lnTo>
                    <a:lnTo>
                      <a:pt x="539" y="2100"/>
                    </a:lnTo>
                    <a:lnTo>
                      <a:pt x="529" y="2096"/>
                    </a:lnTo>
                    <a:lnTo>
                      <a:pt x="520" y="2093"/>
                    </a:lnTo>
                    <a:lnTo>
                      <a:pt x="512" y="2092"/>
                    </a:lnTo>
                    <a:lnTo>
                      <a:pt x="497" y="2090"/>
                    </a:lnTo>
                    <a:lnTo>
                      <a:pt x="485" y="2090"/>
                    </a:lnTo>
                    <a:lnTo>
                      <a:pt x="480" y="2089"/>
                    </a:lnTo>
                    <a:lnTo>
                      <a:pt x="475" y="2087"/>
                    </a:lnTo>
                    <a:lnTo>
                      <a:pt x="471" y="2084"/>
                    </a:lnTo>
                    <a:lnTo>
                      <a:pt x="468" y="2080"/>
                    </a:lnTo>
                    <a:lnTo>
                      <a:pt x="466" y="2074"/>
                    </a:lnTo>
                    <a:lnTo>
                      <a:pt x="464" y="2066"/>
                    </a:lnTo>
                    <a:lnTo>
                      <a:pt x="464" y="2056"/>
                    </a:lnTo>
                    <a:lnTo>
                      <a:pt x="464" y="2043"/>
                    </a:lnTo>
                    <a:lnTo>
                      <a:pt x="464" y="2031"/>
                    </a:lnTo>
                    <a:lnTo>
                      <a:pt x="463" y="2021"/>
                    </a:lnTo>
                    <a:lnTo>
                      <a:pt x="459" y="2013"/>
                    </a:lnTo>
                    <a:lnTo>
                      <a:pt x="455" y="2006"/>
                    </a:lnTo>
                    <a:lnTo>
                      <a:pt x="449" y="2000"/>
                    </a:lnTo>
                    <a:lnTo>
                      <a:pt x="441" y="1995"/>
                    </a:lnTo>
                    <a:lnTo>
                      <a:pt x="432" y="1989"/>
                    </a:lnTo>
                    <a:lnTo>
                      <a:pt x="421" y="1983"/>
                    </a:lnTo>
                    <a:lnTo>
                      <a:pt x="414" y="1979"/>
                    </a:lnTo>
                    <a:lnTo>
                      <a:pt x="407" y="1975"/>
                    </a:lnTo>
                    <a:lnTo>
                      <a:pt x="405" y="1970"/>
                    </a:lnTo>
                    <a:lnTo>
                      <a:pt x="402" y="1966"/>
                    </a:lnTo>
                    <a:lnTo>
                      <a:pt x="402" y="1962"/>
                    </a:lnTo>
                    <a:lnTo>
                      <a:pt x="403" y="1957"/>
                    </a:lnTo>
                    <a:lnTo>
                      <a:pt x="406" y="1953"/>
                    </a:lnTo>
                    <a:lnTo>
                      <a:pt x="409" y="1949"/>
                    </a:lnTo>
                    <a:lnTo>
                      <a:pt x="418" y="1942"/>
                    </a:lnTo>
                    <a:lnTo>
                      <a:pt x="429" y="1935"/>
                    </a:lnTo>
                    <a:lnTo>
                      <a:pt x="441" y="1929"/>
                    </a:lnTo>
                    <a:lnTo>
                      <a:pt x="453" y="1922"/>
                    </a:lnTo>
                    <a:lnTo>
                      <a:pt x="459" y="1918"/>
                    </a:lnTo>
                    <a:lnTo>
                      <a:pt x="466" y="1912"/>
                    </a:lnTo>
                    <a:lnTo>
                      <a:pt x="471" y="1904"/>
                    </a:lnTo>
                    <a:lnTo>
                      <a:pt x="475" y="1896"/>
                    </a:lnTo>
                    <a:lnTo>
                      <a:pt x="482" y="1877"/>
                    </a:lnTo>
                    <a:lnTo>
                      <a:pt x="490" y="1859"/>
                    </a:lnTo>
                    <a:lnTo>
                      <a:pt x="497" y="1842"/>
                    </a:lnTo>
                    <a:lnTo>
                      <a:pt x="504" y="1829"/>
                    </a:lnTo>
                    <a:lnTo>
                      <a:pt x="508" y="1825"/>
                    </a:lnTo>
                    <a:lnTo>
                      <a:pt x="513" y="1824"/>
                    </a:lnTo>
                    <a:lnTo>
                      <a:pt x="519" y="1824"/>
                    </a:lnTo>
                    <a:lnTo>
                      <a:pt x="525" y="1828"/>
                    </a:lnTo>
                    <a:lnTo>
                      <a:pt x="542" y="1840"/>
                    </a:lnTo>
                    <a:lnTo>
                      <a:pt x="556" y="1852"/>
                    </a:lnTo>
                    <a:lnTo>
                      <a:pt x="563" y="1857"/>
                    </a:lnTo>
                    <a:lnTo>
                      <a:pt x="572" y="1860"/>
                    </a:lnTo>
                    <a:lnTo>
                      <a:pt x="582" y="1862"/>
                    </a:lnTo>
                    <a:lnTo>
                      <a:pt x="594" y="1864"/>
                    </a:lnTo>
                    <a:lnTo>
                      <a:pt x="604" y="1862"/>
                    </a:lnTo>
                    <a:lnTo>
                      <a:pt x="616" y="1860"/>
                    </a:lnTo>
                    <a:lnTo>
                      <a:pt x="627" y="1857"/>
                    </a:lnTo>
                    <a:lnTo>
                      <a:pt x="639" y="1852"/>
                    </a:lnTo>
                    <a:lnTo>
                      <a:pt x="651" y="1846"/>
                    </a:lnTo>
                    <a:lnTo>
                      <a:pt x="660" y="1839"/>
                    </a:lnTo>
                    <a:lnTo>
                      <a:pt x="668" y="1830"/>
                    </a:lnTo>
                    <a:lnTo>
                      <a:pt x="674" y="1821"/>
                    </a:lnTo>
                    <a:lnTo>
                      <a:pt x="678" y="1812"/>
                    </a:lnTo>
                    <a:lnTo>
                      <a:pt x="683" y="1804"/>
                    </a:lnTo>
                    <a:lnTo>
                      <a:pt x="687" y="1799"/>
                    </a:lnTo>
                    <a:lnTo>
                      <a:pt x="692" y="1795"/>
                    </a:lnTo>
                    <a:lnTo>
                      <a:pt x="697" y="1794"/>
                    </a:lnTo>
                    <a:lnTo>
                      <a:pt x="701" y="1793"/>
                    </a:lnTo>
                    <a:lnTo>
                      <a:pt x="706" y="1793"/>
                    </a:lnTo>
                    <a:lnTo>
                      <a:pt x="712" y="1795"/>
                    </a:lnTo>
                    <a:lnTo>
                      <a:pt x="734" y="1806"/>
                    </a:lnTo>
                    <a:lnTo>
                      <a:pt x="757" y="1816"/>
                    </a:lnTo>
                    <a:lnTo>
                      <a:pt x="758" y="1818"/>
                    </a:lnTo>
                    <a:lnTo>
                      <a:pt x="762" y="1820"/>
                    </a:lnTo>
                    <a:lnTo>
                      <a:pt x="766" y="1820"/>
                    </a:lnTo>
                    <a:lnTo>
                      <a:pt x="770" y="1821"/>
                    </a:lnTo>
                    <a:lnTo>
                      <a:pt x="780" y="1820"/>
                    </a:lnTo>
                    <a:lnTo>
                      <a:pt x="787" y="1818"/>
                    </a:lnTo>
                    <a:lnTo>
                      <a:pt x="815" y="1826"/>
                    </a:lnTo>
                    <a:lnTo>
                      <a:pt x="841" y="1834"/>
                    </a:lnTo>
                    <a:lnTo>
                      <a:pt x="867" y="1844"/>
                    </a:lnTo>
                    <a:lnTo>
                      <a:pt x="894" y="1855"/>
                    </a:lnTo>
                    <a:lnTo>
                      <a:pt x="916" y="1861"/>
                    </a:lnTo>
                    <a:lnTo>
                      <a:pt x="941" y="1866"/>
                    </a:lnTo>
                    <a:lnTo>
                      <a:pt x="966" y="1870"/>
                    </a:lnTo>
                    <a:lnTo>
                      <a:pt x="989" y="1875"/>
                    </a:lnTo>
                    <a:lnTo>
                      <a:pt x="997" y="1878"/>
                    </a:lnTo>
                    <a:lnTo>
                      <a:pt x="1004" y="1881"/>
                    </a:lnTo>
                    <a:lnTo>
                      <a:pt x="1010" y="1885"/>
                    </a:lnTo>
                    <a:lnTo>
                      <a:pt x="1015" y="1890"/>
                    </a:lnTo>
                    <a:lnTo>
                      <a:pt x="1025" y="1900"/>
                    </a:lnTo>
                    <a:lnTo>
                      <a:pt x="1037" y="1912"/>
                    </a:lnTo>
                    <a:lnTo>
                      <a:pt x="1046" y="1921"/>
                    </a:lnTo>
                    <a:lnTo>
                      <a:pt x="1061" y="1931"/>
                    </a:lnTo>
                    <a:lnTo>
                      <a:pt x="1068" y="1936"/>
                    </a:lnTo>
                    <a:lnTo>
                      <a:pt x="1076" y="1940"/>
                    </a:lnTo>
                    <a:lnTo>
                      <a:pt x="1080" y="1940"/>
                    </a:lnTo>
                    <a:lnTo>
                      <a:pt x="1082" y="1940"/>
                    </a:lnTo>
                    <a:lnTo>
                      <a:pt x="1085" y="1940"/>
                    </a:lnTo>
                    <a:lnTo>
                      <a:pt x="1086" y="1938"/>
                    </a:lnTo>
                    <a:lnTo>
                      <a:pt x="1090" y="1934"/>
                    </a:lnTo>
                    <a:lnTo>
                      <a:pt x="1093" y="1930"/>
                    </a:lnTo>
                    <a:lnTo>
                      <a:pt x="1094" y="1926"/>
                    </a:lnTo>
                    <a:lnTo>
                      <a:pt x="1095" y="1922"/>
                    </a:lnTo>
                    <a:lnTo>
                      <a:pt x="1094" y="1914"/>
                    </a:lnTo>
                    <a:lnTo>
                      <a:pt x="1091" y="1908"/>
                    </a:lnTo>
                    <a:lnTo>
                      <a:pt x="1087" y="1900"/>
                    </a:lnTo>
                    <a:lnTo>
                      <a:pt x="1083" y="1894"/>
                    </a:lnTo>
                    <a:lnTo>
                      <a:pt x="1080" y="1886"/>
                    </a:lnTo>
                    <a:lnTo>
                      <a:pt x="1077" y="1878"/>
                    </a:lnTo>
                    <a:lnTo>
                      <a:pt x="1078" y="1874"/>
                    </a:lnTo>
                    <a:lnTo>
                      <a:pt x="1081" y="1872"/>
                    </a:lnTo>
                    <a:lnTo>
                      <a:pt x="1085" y="1869"/>
                    </a:lnTo>
                    <a:lnTo>
                      <a:pt x="1090" y="1868"/>
                    </a:lnTo>
                    <a:lnTo>
                      <a:pt x="1103" y="1865"/>
                    </a:lnTo>
                    <a:lnTo>
                      <a:pt x="1120" y="1862"/>
                    </a:lnTo>
                    <a:lnTo>
                      <a:pt x="1135" y="1861"/>
                    </a:lnTo>
                    <a:lnTo>
                      <a:pt x="1151" y="1857"/>
                    </a:lnTo>
                    <a:lnTo>
                      <a:pt x="1157" y="1856"/>
                    </a:lnTo>
                    <a:lnTo>
                      <a:pt x="1163" y="1853"/>
                    </a:lnTo>
                    <a:lnTo>
                      <a:pt x="1166" y="1851"/>
                    </a:lnTo>
                    <a:lnTo>
                      <a:pt x="1169" y="1848"/>
                    </a:lnTo>
                    <a:lnTo>
                      <a:pt x="1170" y="1844"/>
                    </a:lnTo>
                    <a:lnTo>
                      <a:pt x="1170" y="1842"/>
                    </a:lnTo>
                    <a:lnTo>
                      <a:pt x="1169" y="1839"/>
                    </a:lnTo>
                    <a:lnTo>
                      <a:pt x="1168" y="1835"/>
                    </a:lnTo>
                    <a:lnTo>
                      <a:pt x="1163" y="1830"/>
                    </a:lnTo>
                    <a:lnTo>
                      <a:pt x="1156" y="1824"/>
                    </a:lnTo>
                    <a:lnTo>
                      <a:pt x="1142" y="1812"/>
                    </a:lnTo>
                    <a:lnTo>
                      <a:pt x="1133" y="1802"/>
                    </a:lnTo>
                    <a:lnTo>
                      <a:pt x="1128" y="1787"/>
                    </a:lnTo>
                    <a:lnTo>
                      <a:pt x="1121" y="1777"/>
                    </a:lnTo>
                    <a:lnTo>
                      <a:pt x="1116" y="1778"/>
                    </a:lnTo>
                    <a:lnTo>
                      <a:pt x="1111" y="1780"/>
                    </a:lnTo>
                    <a:lnTo>
                      <a:pt x="1106" y="1783"/>
                    </a:lnTo>
                    <a:lnTo>
                      <a:pt x="1099" y="1786"/>
                    </a:lnTo>
                    <a:lnTo>
                      <a:pt x="1087" y="1794"/>
                    </a:lnTo>
                    <a:lnTo>
                      <a:pt x="1076" y="1799"/>
                    </a:lnTo>
                    <a:lnTo>
                      <a:pt x="1063" y="1800"/>
                    </a:lnTo>
                    <a:lnTo>
                      <a:pt x="1052" y="1800"/>
                    </a:lnTo>
                    <a:lnTo>
                      <a:pt x="1045" y="1798"/>
                    </a:lnTo>
                    <a:lnTo>
                      <a:pt x="1039" y="1793"/>
                    </a:lnTo>
                    <a:lnTo>
                      <a:pt x="1036" y="1787"/>
                    </a:lnTo>
                    <a:lnTo>
                      <a:pt x="1032" y="1781"/>
                    </a:lnTo>
                    <a:lnTo>
                      <a:pt x="1030" y="1774"/>
                    </a:lnTo>
                    <a:lnTo>
                      <a:pt x="1028" y="1767"/>
                    </a:lnTo>
                    <a:lnTo>
                      <a:pt x="1025" y="1751"/>
                    </a:lnTo>
                    <a:lnTo>
                      <a:pt x="1020" y="1738"/>
                    </a:lnTo>
                    <a:lnTo>
                      <a:pt x="1016" y="1734"/>
                    </a:lnTo>
                    <a:lnTo>
                      <a:pt x="1011" y="1730"/>
                    </a:lnTo>
                    <a:lnTo>
                      <a:pt x="1003" y="1729"/>
                    </a:lnTo>
                    <a:lnTo>
                      <a:pt x="994" y="1730"/>
                    </a:lnTo>
                    <a:lnTo>
                      <a:pt x="992" y="1732"/>
                    </a:lnTo>
                    <a:lnTo>
                      <a:pt x="989" y="1736"/>
                    </a:lnTo>
                    <a:lnTo>
                      <a:pt x="985" y="1741"/>
                    </a:lnTo>
                    <a:lnTo>
                      <a:pt x="982" y="1746"/>
                    </a:lnTo>
                    <a:lnTo>
                      <a:pt x="975" y="1760"/>
                    </a:lnTo>
                    <a:lnTo>
                      <a:pt x="967" y="1776"/>
                    </a:lnTo>
                    <a:lnTo>
                      <a:pt x="963" y="1781"/>
                    </a:lnTo>
                    <a:lnTo>
                      <a:pt x="958" y="1786"/>
                    </a:lnTo>
                    <a:lnTo>
                      <a:pt x="954" y="1790"/>
                    </a:lnTo>
                    <a:lnTo>
                      <a:pt x="950" y="1791"/>
                    </a:lnTo>
                    <a:lnTo>
                      <a:pt x="945" y="1790"/>
                    </a:lnTo>
                    <a:lnTo>
                      <a:pt x="941" y="1786"/>
                    </a:lnTo>
                    <a:lnTo>
                      <a:pt x="936" y="1778"/>
                    </a:lnTo>
                    <a:lnTo>
                      <a:pt x="932" y="1768"/>
                    </a:lnTo>
                    <a:lnTo>
                      <a:pt x="925" y="1751"/>
                    </a:lnTo>
                    <a:lnTo>
                      <a:pt x="912" y="1726"/>
                    </a:lnTo>
                    <a:lnTo>
                      <a:pt x="909" y="1720"/>
                    </a:lnTo>
                    <a:lnTo>
                      <a:pt x="905" y="1716"/>
                    </a:lnTo>
                    <a:lnTo>
                      <a:pt x="901" y="1712"/>
                    </a:lnTo>
                    <a:lnTo>
                      <a:pt x="897" y="1710"/>
                    </a:lnTo>
                    <a:lnTo>
                      <a:pt x="894" y="1708"/>
                    </a:lnTo>
                    <a:lnTo>
                      <a:pt x="890" y="1710"/>
                    </a:lnTo>
                    <a:lnTo>
                      <a:pt x="888" y="1712"/>
                    </a:lnTo>
                    <a:lnTo>
                      <a:pt x="885" y="1717"/>
                    </a:lnTo>
                    <a:lnTo>
                      <a:pt x="879" y="1729"/>
                    </a:lnTo>
                    <a:lnTo>
                      <a:pt x="874" y="1739"/>
                    </a:lnTo>
                    <a:lnTo>
                      <a:pt x="868" y="1747"/>
                    </a:lnTo>
                    <a:lnTo>
                      <a:pt x="863" y="1754"/>
                    </a:lnTo>
                    <a:lnTo>
                      <a:pt x="858" y="1759"/>
                    </a:lnTo>
                    <a:lnTo>
                      <a:pt x="853" y="1761"/>
                    </a:lnTo>
                    <a:lnTo>
                      <a:pt x="846" y="1764"/>
                    </a:lnTo>
                    <a:lnTo>
                      <a:pt x="841" y="1765"/>
                    </a:lnTo>
                    <a:lnTo>
                      <a:pt x="813" y="1763"/>
                    </a:lnTo>
                    <a:lnTo>
                      <a:pt x="773" y="1759"/>
                    </a:lnTo>
                    <a:lnTo>
                      <a:pt x="751" y="1760"/>
                    </a:lnTo>
                    <a:lnTo>
                      <a:pt x="717" y="1761"/>
                    </a:lnTo>
                    <a:lnTo>
                      <a:pt x="674" y="1764"/>
                    </a:lnTo>
                    <a:lnTo>
                      <a:pt x="629" y="1765"/>
                    </a:lnTo>
                    <a:lnTo>
                      <a:pt x="586" y="1767"/>
                    </a:lnTo>
                    <a:lnTo>
                      <a:pt x="548" y="1764"/>
                    </a:lnTo>
                    <a:lnTo>
                      <a:pt x="534" y="1763"/>
                    </a:lnTo>
                    <a:lnTo>
                      <a:pt x="523" y="1760"/>
                    </a:lnTo>
                    <a:lnTo>
                      <a:pt x="519" y="1758"/>
                    </a:lnTo>
                    <a:lnTo>
                      <a:pt x="516" y="1756"/>
                    </a:lnTo>
                    <a:lnTo>
                      <a:pt x="515" y="1754"/>
                    </a:lnTo>
                    <a:lnTo>
                      <a:pt x="513" y="1751"/>
                    </a:lnTo>
                    <a:lnTo>
                      <a:pt x="513" y="1737"/>
                    </a:lnTo>
                    <a:lnTo>
                      <a:pt x="512" y="1728"/>
                    </a:lnTo>
                    <a:lnTo>
                      <a:pt x="510" y="1725"/>
                    </a:lnTo>
                    <a:lnTo>
                      <a:pt x="508" y="1724"/>
                    </a:lnTo>
                    <a:lnTo>
                      <a:pt x="506" y="1723"/>
                    </a:lnTo>
                    <a:lnTo>
                      <a:pt x="502" y="1723"/>
                    </a:lnTo>
                    <a:lnTo>
                      <a:pt x="495" y="1724"/>
                    </a:lnTo>
                    <a:lnTo>
                      <a:pt x="488" y="1726"/>
                    </a:lnTo>
                    <a:lnTo>
                      <a:pt x="478" y="1730"/>
                    </a:lnTo>
                    <a:lnTo>
                      <a:pt x="469" y="1736"/>
                    </a:lnTo>
                    <a:lnTo>
                      <a:pt x="459" y="1739"/>
                    </a:lnTo>
                    <a:lnTo>
                      <a:pt x="449" y="1742"/>
                    </a:lnTo>
                    <a:lnTo>
                      <a:pt x="444" y="1742"/>
                    </a:lnTo>
                    <a:lnTo>
                      <a:pt x="438" y="1742"/>
                    </a:lnTo>
                    <a:lnTo>
                      <a:pt x="433" y="1742"/>
                    </a:lnTo>
                    <a:lnTo>
                      <a:pt x="429" y="1741"/>
                    </a:lnTo>
                    <a:lnTo>
                      <a:pt x="424" y="1738"/>
                    </a:lnTo>
                    <a:lnTo>
                      <a:pt x="420" y="1734"/>
                    </a:lnTo>
                    <a:lnTo>
                      <a:pt x="415" y="1730"/>
                    </a:lnTo>
                    <a:lnTo>
                      <a:pt x="411" y="1725"/>
                    </a:lnTo>
                    <a:lnTo>
                      <a:pt x="407" y="1717"/>
                    </a:lnTo>
                    <a:lnTo>
                      <a:pt x="403" y="1710"/>
                    </a:lnTo>
                    <a:lnTo>
                      <a:pt x="401" y="1699"/>
                    </a:lnTo>
                    <a:lnTo>
                      <a:pt x="397" y="1689"/>
                    </a:lnTo>
                    <a:lnTo>
                      <a:pt x="392" y="1658"/>
                    </a:lnTo>
                    <a:lnTo>
                      <a:pt x="384" y="1618"/>
                    </a:lnTo>
                    <a:lnTo>
                      <a:pt x="379" y="1598"/>
                    </a:lnTo>
                    <a:lnTo>
                      <a:pt x="372" y="1580"/>
                    </a:lnTo>
                    <a:lnTo>
                      <a:pt x="368" y="1572"/>
                    </a:lnTo>
                    <a:lnTo>
                      <a:pt x="364" y="1566"/>
                    </a:lnTo>
                    <a:lnTo>
                      <a:pt x="361" y="1561"/>
                    </a:lnTo>
                    <a:lnTo>
                      <a:pt x="355" y="1555"/>
                    </a:lnTo>
                    <a:lnTo>
                      <a:pt x="344" y="1548"/>
                    </a:lnTo>
                    <a:lnTo>
                      <a:pt x="336" y="1544"/>
                    </a:lnTo>
                    <a:lnTo>
                      <a:pt x="330" y="1543"/>
                    </a:lnTo>
                    <a:lnTo>
                      <a:pt x="326" y="1543"/>
                    </a:lnTo>
                    <a:lnTo>
                      <a:pt x="324" y="1541"/>
                    </a:lnTo>
                    <a:lnTo>
                      <a:pt x="322" y="1537"/>
                    </a:lnTo>
                    <a:lnTo>
                      <a:pt x="319" y="1530"/>
                    </a:lnTo>
                    <a:lnTo>
                      <a:pt x="317" y="1514"/>
                    </a:lnTo>
                    <a:lnTo>
                      <a:pt x="313" y="1500"/>
                    </a:lnTo>
                    <a:lnTo>
                      <a:pt x="313" y="1488"/>
                    </a:lnTo>
                    <a:lnTo>
                      <a:pt x="314" y="1484"/>
                    </a:lnTo>
                    <a:lnTo>
                      <a:pt x="318" y="1480"/>
                    </a:lnTo>
                    <a:lnTo>
                      <a:pt x="323" y="1476"/>
                    </a:lnTo>
                    <a:lnTo>
                      <a:pt x="331" y="1473"/>
                    </a:lnTo>
                    <a:lnTo>
                      <a:pt x="336" y="1471"/>
                    </a:lnTo>
                    <a:lnTo>
                      <a:pt x="342" y="1473"/>
                    </a:lnTo>
                    <a:lnTo>
                      <a:pt x="350" y="1474"/>
                    </a:lnTo>
                    <a:lnTo>
                      <a:pt x="359" y="1478"/>
                    </a:lnTo>
                    <a:lnTo>
                      <a:pt x="376" y="1487"/>
                    </a:lnTo>
                    <a:lnTo>
                      <a:pt x="394" y="1497"/>
                    </a:lnTo>
                    <a:lnTo>
                      <a:pt x="411" y="1508"/>
                    </a:lnTo>
                    <a:lnTo>
                      <a:pt x="424" y="1517"/>
                    </a:lnTo>
                    <a:lnTo>
                      <a:pt x="431" y="1518"/>
                    </a:lnTo>
                    <a:lnTo>
                      <a:pt x="434" y="1519"/>
                    </a:lnTo>
                    <a:lnTo>
                      <a:pt x="437" y="1519"/>
                    </a:lnTo>
                    <a:lnTo>
                      <a:pt x="438" y="1517"/>
                    </a:lnTo>
                    <a:lnTo>
                      <a:pt x="440" y="1509"/>
                    </a:lnTo>
                    <a:lnTo>
                      <a:pt x="438" y="1500"/>
                    </a:lnTo>
                    <a:lnTo>
                      <a:pt x="438" y="1489"/>
                    </a:lnTo>
                    <a:lnTo>
                      <a:pt x="436" y="1479"/>
                    </a:lnTo>
                    <a:lnTo>
                      <a:pt x="433" y="1469"/>
                    </a:lnTo>
                    <a:lnTo>
                      <a:pt x="429" y="1461"/>
                    </a:lnTo>
                    <a:lnTo>
                      <a:pt x="427" y="1458"/>
                    </a:lnTo>
                    <a:lnTo>
                      <a:pt x="424" y="1456"/>
                    </a:lnTo>
                    <a:lnTo>
                      <a:pt x="421" y="1454"/>
                    </a:lnTo>
                    <a:lnTo>
                      <a:pt x="418" y="1454"/>
                    </a:lnTo>
                    <a:lnTo>
                      <a:pt x="410" y="1453"/>
                    </a:lnTo>
                    <a:lnTo>
                      <a:pt x="403" y="1452"/>
                    </a:lnTo>
                    <a:lnTo>
                      <a:pt x="397" y="1451"/>
                    </a:lnTo>
                    <a:lnTo>
                      <a:pt x="390" y="1448"/>
                    </a:lnTo>
                    <a:lnTo>
                      <a:pt x="379" y="1443"/>
                    </a:lnTo>
                    <a:lnTo>
                      <a:pt x="370" y="1436"/>
                    </a:lnTo>
                    <a:lnTo>
                      <a:pt x="361" y="1430"/>
                    </a:lnTo>
                    <a:lnTo>
                      <a:pt x="352" y="1425"/>
                    </a:lnTo>
                    <a:lnTo>
                      <a:pt x="342" y="1419"/>
                    </a:lnTo>
                    <a:lnTo>
                      <a:pt x="332" y="1417"/>
                    </a:lnTo>
                    <a:lnTo>
                      <a:pt x="326" y="1418"/>
                    </a:lnTo>
                    <a:lnTo>
                      <a:pt x="318" y="1421"/>
                    </a:lnTo>
                    <a:lnTo>
                      <a:pt x="313" y="1425"/>
                    </a:lnTo>
                    <a:lnTo>
                      <a:pt x="306" y="1429"/>
                    </a:lnTo>
                    <a:lnTo>
                      <a:pt x="301" y="1434"/>
                    </a:lnTo>
                    <a:lnTo>
                      <a:pt x="296" y="1436"/>
                    </a:lnTo>
                    <a:lnTo>
                      <a:pt x="292" y="1439"/>
                    </a:lnTo>
                    <a:lnTo>
                      <a:pt x="287" y="1439"/>
                    </a:lnTo>
                    <a:lnTo>
                      <a:pt x="283" y="1436"/>
                    </a:lnTo>
                    <a:lnTo>
                      <a:pt x="278" y="1430"/>
                    </a:lnTo>
                    <a:lnTo>
                      <a:pt x="271" y="1422"/>
                    </a:lnTo>
                    <a:lnTo>
                      <a:pt x="266" y="1413"/>
                    </a:lnTo>
                    <a:lnTo>
                      <a:pt x="257" y="1395"/>
                    </a:lnTo>
                    <a:lnTo>
                      <a:pt x="253" y="1382"/>
                    </a:lnTo>
                    <a:lnTo>
                      <a:pt x="159" y="1273"/>
                    </a:lnTo>
                    <a:lnTo>
                      <a:pt x="138" y="1252"/>
                    </a:lnTo>
                    <a:lnTo>
                      <a:pt x="117" y="1233"/>
                    </a:lnTo>
                    <a:lnTo>
                      <a:pt x="108" y="1221"/>
                    </a:lnTo>
                    <a:lnTo>
                      <a:pt x="101" y="1210"/>
                    </a:lnTo>
                    <a:lnTo>
                      <a:pt x="99" y="1203"/>
                    </a:lnTo>
                    <a:lnTo>
                      <a:pt x="96" y="1197"/>
                    </a:lnTo>
                    <a:lnTo>
                      <a:pt x="95" y="1189"/>
                    </a:lnTo>
                    <a:lnTo>
                      <a:pt x="95" y="1180"/>
                    </a:lnTo>
                    <a:lnTo>
                      <a:pt x="95" y="1171"/>
                    </a:lnTo>
                    <a:lnTo>
                      <a:pt x="92" y="1163"/>
                    </a:lnTo>
                    <a:lnTo>
                      <a:pt x="90" y="1156"/>
                    </a:lnTo>
                    <a:lnTo>
                      <a:pt x="86" y="1151"/>
                    </a:lnTo>
                    <a:lnTo>
                      <a:pt x="74" y="1144"/>
                    </a:lnTo>
                    <a:lnTo>
                      <a:pt x="60" y="1132"/>
                    </a:lnTo>
                    <a:lnTo>
                      <a:pt x="47" y="1122"/>
                    </a:lnTo>
                    <a:lnTo>
                      <a:pt x="30" y="1111"/>
                    </a:lnTo>
                    <a:lnTo>
                      <a:pt x="21" y="1106"/>
                    </a:lnTo>
                    <a:lnTo>
                      <a:pt x="13" y="1100"/>
                    </a:lnTo>
                    <a:lnTo>
                      <a:pt x="6" y="1094"/>
                    </a:lnTo>
                    <a:lnTo>
                      <a:pt x="0" y="1087"/>
                    </a:lnTo>
                    <a:lnTo>
                      <a:pt x="0" y="1087"/>
                    </a:lnTo>
                    <a:lnTo>
                      <a:pt x="60" y="1084"/>
                    </a:lnTo>
                    <a:lnTo>
                      <a:pt x="74" y="1089"/>
                    </a:lnTo>
                    <a:lnTo>
                      <a:pt x="89" y="1094"/>
                    </a:lnTo>
                    <a:lnTo>
                      <a:pt x="96" y="1097"/>
                    </a:lnTo>
                    <a:lnTo>
                      <a:pt x="104" y="1100"/>
                    </a:lnTo>
                    <a:lnTo>
                      <a:pt x="112" y="1101"/>
                    </a:lnTo>
                    <a:lnTo>
                      <a:pt x="120" y="1101"/>
                    </a:lnTo>
                    <a:lnTo>
                      <a:pt x="126" y="1100"/>
                    </a:lnTo>
                    <a:lnTo>
                      <a:pt x="131" y="1097"/>
                    </a:lnTo>
                    <a:lnTo>
                      <a:pt x="135" y="1094"/>
                    </a:lnTo>
                    <a:lnTo>
                      <a:pt x="136" y="1089"/>
                    </a:lnTo>
                    <a:lnTo>
                      <a:pt x="140" y="1079"/>
                    </a:lnTo>
                    <a:lnTo>
                      <a:pt x="143" y="1067"/>
                    </a:lnTo>
                    <a:lnTo>
                      <a:pt x="148" y="1059"/>
                    </a:lnTo>
                    <a:lnTo>
                      <a:pt x="155" y="1052"/>
                    </a:lnTo>
                    <a:lnTo>
                      <a:pt x="159" y="1049"/>
                    </a:lnTo>
                    <a:lnTo>
                      <a:pt x="162" y="1045"/>
                    </a:lnTo>
                    <a:lnTo>
                      <a:pt x="164" y="1041"/>
                    </a:lnTo>
                    <a:lnTo>
                      <a:pt x="165" y="1036"/>
                    </a:lnTo>
                    <a:lnTo>
                      <a:pt x="164" y="1027"/>
                    </a:lnTo>
                    <a:lnTo>
                      <a:pt x="160" y="1017"/>
                    </a:lnTo>
                    <a:lnTo>
                      <a:pt x="155" y="1005"/>
                    </a:lnTo>
                    <a:lnTo>
                      <a:pt x="149" y="993"/>
                    </a:lnTo>
                    <a:lnTo>
                      <a:pt x="146" y="980"/>
                    </a:lnTo>
                    <a:lnTo>
                      <a:pt x="144" y="970"/>
                    </a:lnTo>
                    <a:lnTo>
                      <a:pt x="144" y="965"/>
                    </a:lnTo>
                    <a:lnTo>
                      <a:pt x="146" y="960"/>
                    </a:lnTo>
                    <a:lnTo>
                      <a:pt x="147" y="956"/>
                    </a:lnTo>
                    <a:lnTo>
                      <a:pt x="151" y="952"/>
                    </a:lnTo>
                    <a:lnTo>
                      <a:pt x="156" y="948"/>
                    </a:lnTo>
                    <a:lnTo>
                      <a:pt x="165" y="945"/>
                    </a:lnTo>
                    <a:lnTo>
                      <a:pt x="174" y="944"/>
                    </a:lnTo>
                    <a:lnTo>
                      <a:pt x="186" y="941"/>
                    </a:lnTo>
                    <a:lnTo>
                      <a:pt x="208" y="938"/>
                    </a:lnTo>
                    <a:lnTo>
                      <a:pt x="225" y="934"/>
                    </a:lnTo>
                    <a:lnTo>
                      <a:pt x="234" y="931"/>
                    </a:lnTo>
                    <a:lnTo>
                      <a:pt x="243" y="926"/>
                    </a:lnTo>
                    <a:lnTo>
                      <a:pt x="249" y="922"/>
                    </a:lnTo>
                    <a:lnTo>
                      <a:pt x="256" y="917"/>
                    </a:lnTo>
                    <a:lnTo>
                      <a:pt x="266" y="905"/>
                    </a:lnTo>
                    <a:lnTo>
                      <a:pt x="275" y="892"/>
                    </a:lnTo>
                    <a:lnTo>
                      <a:pt x="284" y="878"/>
                    </a:lnTo>
                    <a:lnTo>
                      <a:pt x="292" y="864"/>
                    </a:lnTo>
                    <a:lnTo>
                      <a:pt x="302" y="849"/>
                    </a:lnTo>
                    <a:lnTo>
                      <a:pt x="314" y="837"/>
                    </a:lnTo>
                    <a:lnTo>
                      <a:pt x="326" y="826"/>
                    </a:lnTo>
                    <a:lnTo>
                      <a:pt x="339" y="818"/>
                    </a:lnTo>
                    <a:lnTo>
                      <a:pt x="350" y="811"/>
                    </a:lnTo>
                    <a:lnTo>
                      <a:pt x="363" y="802"/>
                    </a:lnTo>
                    <a:lnTo>
                      <a:pt x="370" y="795"/>
                    </a:lnTo>
                    <a:lnTo>
                      <a:pt x="375" y="789"/>
                    </a:lnTo>
                    <a:lnTo>
                      <a:pt x="380" y="781"/>
                    </a:lnTo>
                    <a:lnTo>
                      <a:pt x="383" y="773"/>
                    </a:lnTo>
                    <a:lnTo>
                      <a:pt x="388" y="756"/>
                    </a:lnTo>
                    <a:lnTo>
                      <a:pt x="392" y="738"/>
                    </a:lnTo>
                    <a:lnTo>
                      <a:pt x="398" y="720"/>
                    </a:lnTo>
                    <a:lnTo>
                      <a:pt x="402" y="701"/>
                    </a:lnTo>
                    <a:lnTo>
                      <a:pt x="399" y="688"/>
                    </a:lnTo>
                    <a:lnTo>
                      <a:pt x="396" y="677"/>
                    </a:lnTo>
                    <a:lnTo>
                      <a:pt x="392" y="666"/>
                    </a:lnTo>
                    <a:lnTo>
                      <a:pt x="388" y="654"/>
                    </a:lnTo>
                    <a:lnTo>
                      <a:pt x="387" y="640"/>
                    </a:lnTo>
                    <a:lnTo>
                      <a:pt x="388" y="624"/>
                    </a:lnTo>
                    <a:lnTo>
                      <a:pt x="389" y="610"/>
                    </a:lnTo>
                    <a:lnTo>
                      <a:pt x="390" y="594"/>
                    </a:lnTo>
                    <a:lnTo>
                      <a:pt x="390" y="59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solidFill>
                  <a:srgbClr val="FFFFFF"/>
                </a:solidFill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94" name="Freeform 112"/>
              <p:cNvSpPr>
                <a:spLocks/>
              </p:cNvSpPr>
              <p:nvPr/>
            </p:nvSpPr>
            <p:spPr bwMode="auto">
              <a:xfrm>
                <a:off x="9499451" y="5661090"/>
                <a:ext cx="482749" cy="455189"/>
              </a:xfrm>
              <a:custGeom>
                <a:avLst/>
                <a:gdLst/>
                <a:ahLst/>
                <a:cxnLst>
                  <a:cxn ang="0">
                    <a:pos x="232" y="114"/>
                  </a:cxn>
                  <a:cxn ang="0">
                    <a:pos x="276" y="36"/>
                  </a:cxn>
                  <a:cxn ang="0">
                    <a:pos x="302" y="9"/>
                  </a:cxn>
                  <a:cxn ang="0">
                    <a:pos x="344" y="3"/>
                  </a:cxn>
                  <a:cxn ang="0">
                    <a:pos x="418" y="70"/>
                  </a:cxn>
                  <a:cxn ang="0">
                    <a:pos x="469" y="118"/>
                  </a:cxn>
                  <a:cxn ang="0">
                    <a:pos x="528" y="120"/>
                  </a:cxn>
                  <a:cxn ang="0">
                    <a:pos x="644" y="40"/>
                  </a:cxn>
                  <a:cxn ang="0">
                    <a:pos x="686" y="89"/>
                  </a:cxn>
                  <a:cxn ang="0">
                    <a:pos x="696" y="117"/>
                  </a:cxn>
                  <a:cxn ang="0">
                    <a:pos x="669" y="130"/>
                  </a:cxn>
                  <a:cxn ang="0">
                    <a:pos x="675" y="189"/>
                  </a:cxn>
                  <a:cxn ang="0">
                    <a:pos x="713" y="241"/>
                  </a:cxn>
                  <a:cxn ang="0">
                    <a:pos x="761" y="263"/>
                  </a:cxn>
                  <a:cxn ang="0">
                    <a:pos x="832" y="295"/>
                  </a:cxn>
                  <a:cxn ang="0">
                    <a:pos x="900" y="312"/>
                  </a:cxn>
                  <a:cxn ang="0">
                    <a:pos x="990" y="307"/>
                  </a:cxn>
                  <a:cxn ang="0">
                    <a:pos x="1049" y="289"/>
                  </a:cxn>
                  <a:cxn ang="0">
                    <a:pos x="1056" y="328"/>
                  </a:cxn>
                  <a:cxn ang="0">
                    <a:pos x="1045" y="400"/>
                  </a:cxn>
                  <a:cxn ang="0">
                    <a:pos x="1045" y="474"/>
                  </a:cxn>
                  <a:cxn ang="0">
                    <a:pos x="1021" y="490"/>
                  </a:cxn>
                  <a:cxn ang="0">
                    <a:pos x="946" y="487"/>
                  </a:cxn>
                  <a:cxn ang="0">
                    <a:pos x="819" y="452"/>
                  </a:cxn>
                  <a:cxn ang="0">
                    <a:pos x="764" y="453"/>
                  </a:cxn>
                  <a:cxn ang="0">
                    <a:pos x="677" y="495"/>
                  </a:cxn>
                  <a:cxn ang="0">
                    <a:pos x="596" y="513"/>
                  </a:cxn>
                  <a:cxn ang="0">
                    <a:pos x="537" y="509"/>
                  </a:cxn>
                  <a:cxn ang="0">
                    <a:pos x="501" y="543"/>
                  </a:cxn>
                  <a:cxn ang="0">
                    <a:pos x="466" y="637"/>
                  </a:cxn>
                  <a:cxn ang="0">
                    <a:pos x="407" y="718"/>
                  </a:cxn>
                  <a:cxn ang="0">
                    <a:pos x="339" y="758"/>
                  </a:cxn>
                  <a:cxn ang="0">
                    <a:pos x="271" y="820"/>
                  </a:cxn>
                  <a:cxn ang="0">
                    <a:pos x="203" y="889"/>
                  </a:cxn>
                  <a:cxn ang="0">
                    <a:pos x="151" y="946"/>
                  </a:cxn>
                  <a:cxn ang="0">
                    <a:pos x="100" y="991"/>
                  </a:cxn>
                  <a:cxn ang="0">
                    <a:pos x="80" y="1003"/>
                  </a:cxn>
                  <a:cxn ang="0">
                    <a:pos x="76" y="975"/>
                  </a:cxn>
                  <a:cxn ang="0">
                    <a:pos x="98" y="922"/>
                  </a:cxn>
                  <a:cxn ang="0">
                    <a:pos x="77" y="859"/>
                  </a:cxn>
                  <a:cxn ang="0">
                    <a:pos x="108" y="836"/>
                  </a:cxn>
                  <a:cxn ang="0">
                    <a:pos x="161" y="823"/>
                  </a:cxn>
                  <a:cxn ang="0">
                    <a:pos x="223" y="769"/>
                  </a:cxn>
                  <a:cxn ang="0">
                    <a:pos x="261" y="728"/>
                  </a:cxn>
                  <a:cxn ang="0">
                    <a:pos x="241" y="715"/>
                  </a:cxn>
                  <a:cxn ang="0">
                    <a:pos x="139" y="727"/>
                  </a:cxn>
                  <a:cxn ang="0">
                    <a:pos x="46" y="736"/>
                  </a:cxn>
                  <a:cxn ang="0">
                    <a:pos x="21" y="712"/>
                  </a:cxn>
                  <a:cxn ang="0">
                    <a:pos x="8" y="654"/>
                  </a:cxn>
                  <a:cxn ang="0">
                    <a:pos x="61" y="582"/>
                  </a:cxn>
                  <a:cxn ang="0">
                    <a:pos x="103" y="540"/>
                  </a:cxn>
                  <a:cxn ang="0">
                    <a:pos x="107" y="512"/>
                  </a:cxn>
                  <a:cxn ang="0">
                    <a:pos x="81" y="466"/>
                  </a:cxn>
                  <a:cxn ang="0">
                    <a:pos x="72" y="434"/>
                  </a:cxn>
                  <a:cxn ang="0">
                    <a:pos x="96" y="409"/>
                  </a:cxn>
                  <a:cxn ang="0">
                    <a:pos x="139" y="399"/>
                  </a:cxn>
                  <a:cxn ang="0">
                    <a:pos x="166" y="378"/>
                  </a:cxn>
                  <a:cxn ang="0">
                    <a:pos x="204" y="363"/>
                  </a:cxn>
                  <a:cxn ang="0">
                    <a:pos x="205" y="339"/>
                  </a:cxn>
                  <a:cxn ang="0">
                    <a:pos x="182" y="299"/>
                  </a:cxn>
                  <a:cxn ang="0">
                    <a:pos x="177" y="251"/>
                  </a:cxn>
                  <a:cxn ang="0">
                    <a:pos x="131" y="216"/>
                  </a:cxn>
                  <a:cxn ang="0">
                    <a:pos x="81" y="179"/>
                  </a:cxn>
                </a:cxnLst>
                <a:rect l="0" t="0" r="r" b="b"/>
                <a:pathLst>
                  <a:path w="1060" h="1005">
                    <a:moveTo>
                      <a:pt x="76" y="172"/>
                    </a:moveTo>
                    <a:lnTo>
                      <a:pt x="191" y="128"/>
                    </a:lnTo>
                    <a:lnTo>
                      <a:pt x="208" y="123"/>
                    </a:lnTo>
                    <a:lnTo>
                      <a:pt x="225" y="118"/>
                    </a:lnTo>
                    <a:lnTo>
                      <a:pt x="232" y="114"/>
                    </a:lnTo>
                    <a:lnTo>
                      <a:pt x="240" y="109"/>
                    </a:lnTo>
                    <a:lnTo>
                      <a:pt x="245" y="102"/>
                    </a:lnTo>
                    <a:lnTo>
                      <a:pt x="251" y="95"/>
                    </a:lnTo>
                    <a:lnTo>
                      <a:pt x="263" y="65"/>
                    </a:lnTo>
                    <a:lnTo>
                      <a:pt x="276" y="36"/>
                    </a:lnTo>
                    <a:lnTo>
                      <a:pt x="280" y="30"/>
                    </a:lnTo>
                    <a:lnTo>
                      <a:pt x="284" y="23"/>
                    </a:lnTo>
                    <a:lnTo>
                      <a:pt x="289" y="18"/>
                    </a:lnTo>
                    <a:lnTo>
                      <a:pt x="296" y="13"/>
                    </a:lnTo>
                    <a:lnTo>
                      <a:pt x="302" y="9"/>
                    </a:lnTo>
                    <a:lnTo>
                      <a:pt x="310" y="5"/>
                    </a:lnTo>
                    <a:lnTo>
                      <a:pt x="319" y="3"/>
                    </a:lnTo>
                    <a:lnTo>
                      <a:pt x="328" y="0"/>
                    </a:lnTo>
                    <a:lnTo>
                      <a:pt x="336" y="0"/>
                    </a:lnTo>
                    <a:lnTo>
                      <a:pt x="344" y="3"/>
                    </a:lnTo>
                    <a:lnTo>
                      <a:pt x="353" y="6"/>
                    </a:lnTo>
                    <a:lnTo>
                      <a:pt x="362" y="13"/>
                    </a:lnTo>
                    <a:lnTo>
                      <a:pt x="380" y="30"/>
                    </a:lnTo>
                    <a:lnTo>
                      <a:pt x="399" y="49"/>
                    </a:lnTo>
                    <a:lnTo>
                      <a:pt x="418" y="70"/>
                    </a:lnTo>
                    <a:lnTo>
                      <a:pt x="437" y="89"/>
                    </a:lnTo>
                    <a:lnTo>
                      <a:pt x="445" y="98"/>
                    </a:lnTo>
                    <a:lnTo>
                      <a:pt x="454" y="106"/>
                    </a:lnTo>
                    <a:lnTo>
                      <a:pt x="462" y="113"/>
                    </a:lnTo>
                    <a:lnTo>
                      <a:pt x="469" y="118"/>
                    </a:lnTo>
                    <a:lnTo>
                      <a:pt x="481" y="123"/>
                    </a:lnTo>
                    <a:lnTo>
                      <a:pt x="493" y="126"/>
                    </a:lnTo>
                    <a:lnTo>
                      <a:pt x="504" y="126"/>
                    </a:lnTo>
                    <a:lnTo>
                      <a:pt x="516" y="123"/>
                    </a:lnTo>
                    <a:lnTo>
                      <a:pt x="528" y="120"/>
                    </a:lnTo>
                    <a:lnTo>
                      <a:pt x="539" y="115"/>
                    </a:lnTo>
                    <a:lnTo>
                      <a:pt x="550" y="109"/>
                    </a:lnTo>
                    <a:lnTo>
                      <a:pt x="561" y="102"/>
                    </a:lnTo>
                    <a:lnTo>
                      <a:pt x="604" y="69"/>
                    </a:lnTo>
                    <a:lnTo>
                      <a:pt x="644" y="40"/>
                    </a:lnTo>
                    <a:lnTo>
                      <a:pt x="644" y="40"/>
                    </a:lnTo>
                    <a:lnTo>
                      <a:pt x="657" y="57"/>
                    </a:lnTo>
                    <a:lnTo>
                      <a:pt x="673" y="74"/>
                    </a:lnTo>
                    <a:lnTo>
                      <a:pt x="679" y="82"/>
                    </a:lnTo>
                    <a:lnTo>
                      <a:pt x="686" y="89"/>
                    </a:lnTo>
                    <a:lnTo>
                      <a:pt x="691" y="97"/>
                    </a:lnTo>
                    <a:lnTo>
                      <a:pt x="695" y="106"/>
                    </a:lnTo>
                    <a:lnTo>
                      <a:pt x="696" y="110"/>
                    </a:lnTo>
                    <a:lnTo>
                      <a:pt x="696" y="113"/>
                    </a:lnTo>
                    <a:lnTo>
                      <a:pt x="696" y="117"/>
                    </a:lnTo>
                    <a:lnTo>
                      <a:pt x="695" y="118"/>
                    </a:lnTo>
                    <a:lnTo>
                      <a:pt x="690" y="122"/>
                    </a:lnTo>
                    <a:lnTo>
                      <a:pt x="683" y="124"/>
                    </a:lnTo>
                    <a:lnTo>
                      <a:pt x="675" y="127"/>
                    </a:lnTo>
                    <a:lnTo>
                      <a:pt x="669" y="130"/>
                    </a:lnTo>
                    <a:lnTo>
                      <a:pt x="661" y="132"/>
                    </a:lnTo>
                    <a:lnTo>
                      <a:pt x="656" y="135"/>
                    </a:lnTo>
                    <a:lnTo>
                      <a:pt x="660" y="152"/>
                    </a:lnTo>
                    <a:lnTo>
                      <a:pt x="666" y="170"/>
                    </a:lnTo>
                    <a:lnTo>
                      <a:pt x="675" y="189"/>
                    </a:lnTo>
                    <a:lnTo>
                      <a:pt x="686" y="209"/>
                    </a:lnTo>
                    <a:lnTo>
                      <a:pt x="692" y="218"/>
                    </a:lnTo>
                    <a:lnTo>
                      <a:pt x="699" y="227"/>
                    </a:lnTo>
                    <a:lnTo>
                      <a:pt x="705" y="234"/>
                    </a:lnTo>
                    <a:lnTo>
                      <a:pt x="713" y="241"/>
                    </a:lnTo>
                    <a:lnTo>
                      <a:pt x="719" y="247"/>
                    </a:lnTo>
                    <a:lnTo>
                      <a:pt x="727" y="253"/>
                    </a:lnTo>
                    <a:lnTo>
                      <a:pt x="736" y="256"/>
                    </a:lnTo>
                    <a:lnTo>
                      <a:pt x="744" y="259"/>
                    </a:lnTo>
                    <a:lnTo>
                      <a:pt x="761" y="263"/>
                    </a:lnTo>
                    <a:lnTo>
                      <a:pt x="776" y="268"/>
                    </a:lnTo>
                    <a:lnTo>
                      <a:pt x="791" y="275"/>
                    </a:lnTo>
                    <a:lnTo>
                      <a:pt x="805" y="282"/>
                    </a:lnTo>
                    <a:lnTo>
                      <a:pt x="818" y="289"/>
                    </a:lnTo>
                    <a:lnTo>
                      <a:pt x="832" y="295"/>
                    </a:lnTo>
                    <a:lnTo>
                      <a:pt x="846" y="301"/>
                    </a:lnTo>
                    <a:lnTo>
                      <a:pt x="862" y="306"/>
                    </a:lnTo>
                    <a:lnTo>
                      <a:pt x="874" y="308"/>
                    </a:lnTo>
                    <a:lnTo>
                      <a:pt x="887" y="311"/>
                    </a:lnTo>
                    <a:lnTo>
                      <a:pt x="900" y="312"/>
                    </a:lnTo>
                    <a:lnTo>
                      <a:pt x="913" y="312"/>
                    </a:lnTo>
                    <a:lnTo>
                      <a:pt x="940" y="312"/>
                    </a:lnTo>
                    <a:lnTo>
                      <a:pt x="966" y="311"/>
                    </a:lnTo>
                    <a:lnTo>
                      <a:pt x="977" y="310"/>
                    </a:lnTo>
                    <a:lnTo>
                      <a:pt x="990" y="307"/>
                    </a:lnTo>
                    <a:lnTo>
                      <a:pt x="1002" y="303"/>
                    </a:lnTo>
                    <a:lnTo>
                      <a:pt x="1015" y="299"/>
                    </a:lnTo>
                    <a:lnTo>
                      <a:pt x="1027" y="295"/>
                    </a:lnTo>
                    <a:lnTo>
                      <a:pt x="1038" y="291"/>
                    </a:lnTo>
                    <a:lnTo>
                      <a:pt x="1049" y="289"/>
                    </a:lnTo>
                    <a:lnTo>
                      <a:pt x="1058" y="288"/>
                    </a:lnTo>
                    <a:lnTo>
                      <a:pt x="1060" y="299"/>
                    </a:lnTo>
                    <a:lnTo>
                      <a:pt x="1060" y="308"/>
                    </a:lnTo>
                    <a:lnTo>
                      <a:pt x="1059" y="319"/>
                    </a:lnTo>
                    <a:lnTo>
                      <a:pt x="1056" y="328"/>
                    </a:lnTo>
                    <a:lnTo>
                      <a:pt x="1051" y="346"/>
                    </a:lnTo>
                    <a:lnTo>
                      <a:pt x="1046" y="365"/>
                    </a:lnTo>
                    <a:lnTo>
                      <a:pt x="1045" y="377"/>
                    </a:lnTo>
                    <a:lnTo>
                      <a:pt x="1045" y="389"/>
                    </a:lnTo>
                    <a:lnTo>
                      <a:pt x="1045" y="400"/>
                    </a:lnTo>
                    <a:lnTo>
                      <a:pt x="1045" y="413"/>
                    </a:lnTo>
                    <a:lnTo>
                      <a:pt x="1047" y="438"/>
                    </a:lnTo>
                    <a:lnTo>
                      <a:pt x="1047" y="462"/>
                    </a:lnTo>
                    <a:lnTo>
                      <a:pt x="1046" y="469"/>
                    </a:lnTo>
                    <a:lnTo>
                      <a:pt x="1045" y="474"/>
                    </a:lnTo>
                    <a:lnTo>
                      <a:pt x="1041" y="478"/>
                    </a:lnTo>
                    <a:lnTo>
                      <a:pt x="1038" y="482"/>
                    </a:lnTo>
                    <a:lnTo>
                      <a:pt x="1033" y="486"/>
                    </a:lnTo>
                    <a:lnTo>
                      <a:pt x="1028" y="488"/>
                    </a:lnTo>
                    <a:lnTo>
                      <a:pt x="1021" y="490"/>
                    </a:lnTo>
                    <a:lnTo>
                      <a:pt x="1015" y="491"/>
                    </a:lnTo>
                    <a:lnTo>
                      <a:pt x="1001" y="492"/>
                    </a:lnTo>
                    <a:lnTo>
                      <a:pt x="984" y="492"/>
                    </a:lnTo>
                    <a:lnTo>
                      <a:pt x="966" y="490"/>
                    </a:lnTo>
                    <a:lnTo>
                      <a:pt x="946" y="487"/>
                    </a:lnTo>
                    <a:lnTo>
                      <a:pt x="909" y="478"/>
                    </a:lnTo>
                    <a:lnTo>
                      <a:pt x="874" y="469"/>
                    </a:lnTo>
                    <a:lnTo>
                      <a:pt x="845" y="460"/>
                    </a:lnTo>
                    <a:lnTo>
                      <a:pt x="827" y="453"/>
                    </a:lnTo>
                    <a:lnTo>
                      <a:pt x="819" y="452"/>
                    </a:lnTo>
                    <a:lnTo>
                      <a:pt x="810" y="450"/>
                    </a:lnTo>
                    <a:lnTo>
                      <a:pt x="802" y="450"/>
                    </a:lnTo>
                    <a:lnTo>
                      <a:pt x="795" y="450"/>
                    </a:lnTo>
                    <a:lnTo>
                      <a:pt x="779" y="451"/>
                    </a:lnTo>
                    <a:lnTo>
                      <a:pt x="764" y="453"/>
                    </a:lnTo>
                    <a:lnTo>
                      <a:pt x="749" y="459"/>
                    </a:lnTo>
                    <a:lnTo>
                      <a:pt x="734" y="465"/>
                    </a:lnTo>
                    <a:lnTo>
                      <a:pt x="719" y="473"/>
                    </a:lnTo>
                    <a:lnTo>
                      <a:pt x="705" y="479"/>
                    </a:lnTo>
                    <a:lnTo>
                      <a:pt x="677" y="495"/>
                    </a:lnTo>
                    <a:lnTo>
                      <a:pt x="650" y="508"/>
                    </a:lnTo>
                    <a:lnTo>
                      <a:pt x="637" y="512"/>
                    </a:lnTo>
                    <a:lnTo>
                      <a:pt x="622" y="514"/>
                    </a:lnTo>
                    <a:lnTo>
                      <a:pt x="609" y="516"/>
                    </a:lnTo>
                    <a:lnTo>
                      <a:pt x="596" y="513"/>
                    </a:lnTo>
                    <a:lnTo>
                      <a:pt x="580" y="509"/>
                    </a:lnTo>
                    <a:lnTo>
                      <a:pt x="565" y="507"/>
                    </a:lnTo>
                    <a:lnTo>
                      <a:pt x="552" y="505"/>
                    </a:lnTo>
                    <a:lnTo>
                      <a:pt x="542" y="508"/>
                    </a:lnTo>
                    <a:lnTo>
                      <a:pt x="537" y="509"/>
                    </a:lnTo>
                    <a:lnTo>
                      <a:pt x="532" y="512"/>
                    </a:lnTo>
                    <a:lnTo>
                      <a:pt x="526" y="514"/>
                    </a:lnTo>
                    <a:lnTo>
                      <a:pt x="523" y="518"/>
                    </a:lnTo>
                    <a:lnTo>
                      <a:pt x="512" y="529"/>
                    </a:lnTo>
                    <a:lnTo>
                      <a:pt x="501" y="543"/>
                    </a:lnTo>
                    <a:lnTo>
                      <a:pt x="493" y="557"/>
                    </a:lnTo>
                    <a:lnTo>
                      <a:pt x="485" y="571"/>
                    </a:lnTo>
                    <a:lnTo>
                      <a:pt x="479" y="588"/>
                    </a:lnTo>
                    <a:lnTo>
                      <a:pt x="475" y="604"/>
                    </a:lnTo>
                    <a:lnTo>
                      <a:pt x="466" y="637"/>
                    </a:lnTo>
                    <a:lnTo>
                      <a:pt x="459" y="670"/>
                    </a:lnTo>
                    <a:lnTo>
                      <a:pt x="442" y="687"/>
                    </a:lnTo>
                    <a:lnTo>
                      <a:pt x="425" y="703"/>
                    </a:lnTo>
                    <a:lnTo>
                      <a:pt x="416" y="711"/>
                    </a:lnTo>
                    <a:lnTo>
                      <a:pt x="407" y="718"/>
                    </a:lnTo>
                    <a:lnTo>
                      <a:pt x="397" y="724"/>
                    </a:lnTo>
                    <a:lnTo>
                      <a:pt x="387" y="729"/>
                    </a:lnTo>
                    <a:lnTo>
                      <a:pt x="371" y="736"/>
                    </a:lnTo>
                    <a:lnTo>
                      <a:pt x="354" y="746"/>
                    </a:lnTo>
                    <a:lnTo>
                      <a:pt x="339" y="758"/>
                    </a:lnTo>
                    <a:lnTo>
                      <a:pt x="326" y="771"/>
                    </a:lnTo>
                    <a:lnTo>
                      <a:pt x="314" y="784"/>
                    </a:lnTo>
                    <a:lnTo>
                      <a:pt x="300" y="797"/>
                    </a:lnTo>
                    <a:lnTo>
                      <a:pt x="285" y="808"/>
                    </a:lnTo>
                    <a:lnTo>
                      <a:pt x="271" y="820"/>
                    </a:lnTo>
                    <a:lnTo>
                      <a:pt x="257" y="832"/>
                    </a:lnTo>
                    <a:lnTo>
                      <a:pt x="243" y="845"/>
                    </a:lnTo>
                    <a:lnTo>
                      <a:pt x="230" y="858"/>
                    </a:lnTo>
                    <a:lnTo>
                      <a:pt x="217" y="871"/>
                    </a:lnTo>
                    <a:lnTo>
                      <a:pt x="203" y="889"/>
                    </a:lnTo>
                    <a:lnTo>
                      <a:pt x="186" y="911"/>
                    </a:lnTo>
                    <a:lnTo>
                      <a:pt x="177" y="921"/>
                    </a:lnTo>
                    <a:lnTo>
                      <a:pt x="168" y="930"/>
                    </a:lnTo>
                    <a:lnTo>
                      <a:pt x="159" y="939"/>
                    </a:lnTo>
                    <a:lnTo>
                      <a:pt x="151" y="946"/>
                    </a:lnTo>
                    <a:lnTo>
                      <a:pt x="138" y="955"/>
                    </a:lnTo>
                    <a:lnTo>
                      <a:pt x="126" y="964"/>
                    </a:lnTo>
                    <a:lnTo>
                      <a:pt x="114" y="973"/>
                    </a:lnTo>
                    <a:lnTo>
                      <a:pt x="104" y="985"/>
                    </a:lnTo>
                    <a:lnTo>
                      <a:pt x="100" y="991"/>
                    </a:lnTo>
                    <a:lnTo>
                      <a:pt x="94" y="999"/>
                    </a:lnTo>
                    <a:lnTo>
                      <a:pt x="90" y="1003"/>
                    </a:lnTo>
                    <a:lnTo>
                      <a:pt x="87" y="1004"/>
                    </a:lnTo>
                    <a:lnTo>
                      <a:pt x="83" y="1005"/>
                    </a:lnTo>
                    <a:lnTo>
                      <a:pt x="80" y="1003"/>
                    </a:lnTo>
                    <a:lnTo>
                      <a:pt x="76" y="1000"/>
                    </a:lnTo>
                    <a:lnTo>
                      <a:pt x="74" y="995"/>
                    </a:lnTo>
                    <a:lnTo>
                      <a:pt x="73" y="991"/>
                    </a:lnTo>
                    <a:lnTo>
                      <a:pt x="73" y="986"/>
                    </a:lnTo>
                    <a:lnTo>
                      <a:pt x="76" y="975"/>
                    </a:lnTo>
                    <a:lnTo>
                      <a:pt x="80" y="964"/>
                    </a:lnTo>
                    <a:lnTo>
                      <a:pt x="86" y="952"/>
                    </a:lnTo>
                    <a:lnTo>
                      <a:pt x="91" y="942"/>
                    </a:lnTo>
                    <a:lnTo>
                      <a:pt x="96" y="931"/>
                    </a:lnTo>
                    <a:lnTo>
                      <a:pt x="98" y="922"/>
                    </a:lnTo>
                    <a:lnTo>
                      <a:pt x="94" y="913"/>
                    </a:lnTo>
                    <a:lnTo>
                      <a:pt x="86" y="898"/>
                    </a:lnTo>
                    <a:lnTo>
                      <a:pt x="78" y="882"/>
                    </a:lnTo>
                    <a:lnTo>
                      <a:pt x="72" y="869"/>
                    </a:lnTo>
                    <a:lnTo>
                      <a:pt x="77" y="859"/>
                    </a:lnTo>
                    <a:lnTo>
                      <a:pt x="82" y="851"/>
                    </a:lnTo>
                    <a:lnTo>
                      <a:pt x="89" y="846"/>
                    </a:lnTo>
                    <a:lnTo>
                      <a:pt x="95" y="841"/>
                    </a:lnTo>
                    <a:lnTo>
                      <a:pt x="102" y="838"/>
                    </a:lnTo>
                    <a:lnTo>
                      <a:pt x="108" y="836"/>
                    </a:lnTo>
                    <a:lnTo>
                      <a:pt x="116" y="833"/>
                    </a:lnTo>
                    <a:lnTo>
                      <a:pt x="124" y="832"/>
                    </a:lnTo>
                    <a:lnTo>
                      <a:pt x="138" y="830"/>
                    </a:lnTo>
                    <a:lnTo>
                      <a:pt x="153" y="826"/>
                    </a:lnTo>
                    <a:lnTo>
                      <a:pt x="161" y="823"/>
                    </a:lnTo>
                    <a:lnTo>
                      <a:pt x="168" y="819"/>
                    </a:lnTo>
                    <a:lnTo>
                      <a:pt x="175" y="814"/>
                    </a:lnTo>
                    <a:lnTo>
                      <a:pt x="182" y="807"/>
                    </a:lnTo>
                    <a:lnTo>
                      <a:pt x="201" y="788"/>
                    </a:lnTo>
                    <a:lnTo>
                      <a:pt x="223" y="769"/>
                    </a:lnTo>
                    <a:lnTo>
                      <a:pt x="234" y="759"/>
                    </a:lnTo>
                    <a:lnTo>
                      <a:pt x="244" y="750"/>
                    </a:lnTo>
                    <a:lnTo>
                      <a:pt x="252" y="741"/>
                    </a:lnTo>
                    <a:lnTo>
                      <a:pt x="260" y="732"/>
                    </a:lnTo>
                    <a:lnTo>
                      <a:pt x="261" y="728"/>
                    </a:lnTo>
                    <a:lnTo>
                      <a:pt x="261" y="724"/>
                    </a:lnTo>
                    <a:lnTo>
                      <a:pt x="261" y="722"/>
                    </a:lnTo>
                    <a:lnTo>
                      <a:pt x="258" y="719"/>
                    </a:lnTo>
                    <a:lnTo>
                      <a:pt x="252" y="716"/>
                    </a:lnTo>
                    <a:lnTo>
                      <a:pt x="241" y="715"/>
                    </a:lnTo>
                    <a:lnTo>
                      <a:pt x="228" y="715"/>
                    </a:lnTo>
                    <a:lnTo>
                      <a:pt x="213" y="716"/>
                    </a:lnTo>
                    <a:lnTo>
                      <a:pt x="196" y="718"/>
                    </a:lnTo>
                    <a:lnTo>
                      <a:pt x="177" y="720"/>
                    </a:lnTo>
                    <a:lnTo>
                      <a:pt x="139" y="727"/>
                    </a:lnTo>
                    <a:lnTo>
                      <a:pt x="105" y="733"/>
                    </a:lnTo>
                    <a:lnTo>
                      <a:pt x="78" y="738"/>
                    </a:lnTo>
                    <a:lnTo>
                      <a:pt x="63" y="740"/>
                    </a:lnTo>
                    <a:lnTo>
                      <a:pt x="54" y="738"/>
                    </a:lnTo>
                    <a:lnTo>
                      <a:pt x="46" y="736"/>
                    </a:lnTo>
                    <a:lnTo>
                      <a:pt x="39" y="732"/>
                    </a:lnTo>
                    <a:lnTo>
                      <a:pt x="33" y="728"/>
                    </a:lnTo>
                    <a:lnTo>
                      <a:pt x="28" y="723"/>
                    </a:lnTo>
                    <a:lnTo>
                      <a:pt x="24" y="719"/>
                    </a:lnTo>
                    <a:lnTo>
                      <a:pt x="21" y="712"/>
                    </a:lnTo>
                    <a:lnTo>
                      <a:pt x="17" y="707"/>
                    </a:lnTo>
                    <a:lnTo>
                      <a:pt x="10" y="683"/>
                    </a:lnTo>
                    <a:lnTo>
                      <a:pt x="0" y="663"/>
                    </a:lnTo>
                    <a:lnTo>
                      <a:pt x="0" y="663"/>
                    </a:lnTo>
                    <a:lnTo>
                      <a:pt x="8" y="654"/>
                    </a:lnTo>
                    <a:lnTo>
                      <a:pt x="17" y="641"/>
                    </a:lnTo>
                    <a:lnTo>
                      <a:pt x="25" y="628"/>
                    </a:lnTo>
                    <a:lnTo>
                      <a:pt x="33" y="619"/>
                    </a:lnTo>
                    <a:lnTo>
                      <a:pt x="46" y="600"/>
                    </a:lnTo>
                    <a:lnTo>
                      <a:pt x="61" y="582"/>
                    </a:lnTo>
                    <a:lnTo>
                      <a:pt x="76" y="570"/>
                    </a:lnTo>
                    <a:lnTo>
                      <a:pt x="90" y="558"/>
                    </a:lnTo>
                    <a:lnTo>
                      <a:pt x="96" y="552"/>
                    </a:lnTo>
                    <a:lnTo>
                      <a:pt x="102" y="544"/>
                    </a:lnTo>
                    <a:lnTo>
                      <a:pt x="103" y="540"/>
                    </a:lnTo>
                    <a:lnTo>
                      <a:pt x="104" y="536"/>
                    </a:lnTo>
                    <a:lnTo>
                      <a:pt x="104" y="531"/>
                    </a:lnTo>
                    <a:lnTo>
                      <a:pt x="104" y="526"/>
                    </a:lnTo>
                    <a:lnTo>
                      <a:pt x="105" y="518"/>
                    </a:lnTo>
                    <a:lnTo>
                      <a:pt x="107" y="512"/>
                    </a:lnTo>
                    <a:lnTo>
                      <a:pt x="105" y="505"/>
                    </a:lnTo>
                    <a:lnTo>
                      <a:pt x="103" y="500"/>
                    </a:lnTo>
                    <a:lnTo>
                      <a:pt x="98" y="487"/>
                    </a:lnTo>
                    <a:lnTo>
                      <a:pt x="89" y="477"/>
                    </a:lnTo>
                    <a:lnTo>
                      <a:pt x="81" y="466"/>
                    </a:lnTo>
                    <a:lnTo>
                      <a:pt x="74" y="456"/>
                    </a:lnTo>
                    <a:lnTo>
                      <a:pt x="72" y="451"/>
                    </a:lnTo>
                    <a:lnTo>
                      <a:pt x="70" y="446"/>
                    </a:lnTo>
                    <a:lnTo>
                      <a:pt x="70" y="440"/>
                    </a:lnTo>
                    <a:lnTo>
                      <a:pt x="72" y="434"/>
                    </a:lnTo>
                    <a:lnTo>
                      <a:pt x="74" y="427"/>
                    </a:lnTo>
                    <a:lnTo>
                      <a:pt x="77" y="421"/>
                    </a:lnTo>
                    <a:lnTo>
                      <a:pt x="82" y="417"/>
                    </a:lnTo>
                    <a:lnTo>
                      <a:pt x="86" y="413"/>
                    </a:lnTo>
                    <a:lnTo>
                      <a:pt x="96" y="409"/>
                    </a:lnTo>
                    <a:lnTo>
                      <a:pt x="107" y="408"/>
                    </a:lnTo>
                    <a:lnTo>
                      <a:pt x="118" y="407"/>
                    </a:lnTo>
                    <a:lnTo>
                      <a:pt x="129" y="404"/>
                    </a:lnTo>
                    <a:lnTo>
                      <a:pt x="134" y="402"/>
                    </a:lnTo>
                    <a:lnTo>
                      <a:pt x="139" y="399"/>
                    </a:lnTo>
                    <a:lnTo>
                      <a:pt x="144" y="395"/>
                    </a:lnTo>
                    <a:lnTo>
                      <a:pt x="148" y="391"/>
                    </a:lnTo>
                    <a:lnTo>
                      <a:pt x="153" y="386"/>
                    </a:lnTo>
                    <a:lnTo>
                      <a:pt x="160" y="382"/>
                    </a:lnTo>
                    <a:lnTo>
                      <a:pt x="166" y="378"/>
                    </a:lnTo>
                    <a:lnTo>
                      <a:pt x="174" y="377"/>
                    </a:lnTo>
                    <a:lnTo>
                      <a:pt x="183" y="374"/>
                    </a:lnTo>
                    <a:lnTo>
                      <a:pt x="191" y="370"/>
                    </a:lnTo>
                    <a:lnTo>
                      <a:pt x="199" y="368"/>
                    </a:lnTo>
                    <a:lnTo>
                      <a:pt x="204" y="363"/>
                    </a:lnTo>
                    <a:lnTo>
                      <a:pt x="208" y="359"/>
                    </a:lnTo>
                    <a:lnTo>
                      <a:pt x="209" y="355"/>
                    </a:lnTo>
                    <a:lnTo>
                      <a:pt x="209" y="351"/>
                    </a:lnTo>
                    <a:lnTo>
                      <a:pt x="209" y="347"/>
                    </a:lnTo>
                    <a:lnTo>
                      <a:pt x="205" y="339"/>
                    </a:lnTo>
                    <a:lnTo>
                      <a:pt x="200" y="330"/>
                    </a:lnTo>
                    <a:lnTo>
                      <a:pt x="195" y="321"/>
                    </a:lnTo>
                    <a:lnTo>
                      <a:pt x="188" y="313"/>
                    </a:lnTo>
                    <a:lnTo>
                      <a:pt x="184" y="306"/>
                    </a:lnTo>
                    <a:lnTo>
                      <a:pt x="182" y="299"/>
                    </a:lnTo>
                    <a:lnTo>
                      <a:pt x="182" y="289"/>
                    </a:lnTo>
                    <a:lnTo>
                      <a:pt x="183" y="279"/>
                    </a:lnTo>
                    <a:lnTo>
                      <a:pt x="183" y="267"/>
                    </a:lnTo>
                    <a:lnTo>
                      <a:pt x="181" y="258"/>
                    </a:lnTo>
                    <a:lnTo>
                      <a:pt x="177" y="251"/>
                    </a:lnTo>
                    <a:lnTo>
                      <a:pt x="171" y="245"/>
                    </a:lnTo>
                    <a:lnTo>
                      <a:pt x="166" y="240"/>
                    </a:lnTo>
                    <a:lnTo>
                      <a:pt x="160" y="234"/>
                    </a:lnTo>
                    <a:lnTo>
                      <a:pt x="146" y="225"/>
                    </a:lnTo>
                    <a:lnTo>
                      <a:pt x="131" y="216"/>
                    </a:lnTo>
                    <a:lnTo>
                      <a:pt x="116" y="207"/>
                    </a:lnTo>
                    <a:lnTo>
                      <a:pt x="100" y="198"/>
                    </a:lnTo>
                    <a:lnTo>
                      <a:pt x="94" y="192"/>
                    </a:lnTo>
                    <a:lnTo>
                      <a:pt x="87" y="187"/>
                    </a:lnTo>
                    <a:lnTo>
                      <a:pt x="81" y="179"/>
                    </a:lnTo>
                    <a:lnTo>
                      <a:pt x="76" y="172"/>
                    </a:lnTo>
                    <a:lnTo>
                      <a:pt x="76" y="172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95" name="Freeform 113"/>
              <p:cNvSpPr>
                <a:spLocks/>
              </p:cNvSpPr>
              <p:nvPr/>
            </p:nvSpPr>
            <p:spPr bwMode="auto">
              <a:xfrm>
                <a:off x="9455731" y="6080153"/>
                <a:ext cx="43721" cy="27095"/>
              </a:xfrm>
              <a:custGeom>
                <a:avLst/>
                <a:gdLst/>
                <a:ahLst/>
                <a:cxnLst>
                  <a:cxn ang="0">
                    <a:pos x="80" y="0"/>
                  </a:cxn>
                  <a:cxn ang="0">
                    <a:pos x="66" y="5"/>
                  </a:cxn>
                  <a:cxn ang="0">
                    <a:pos x="51" y="9"/>
                  </a:cxn>
                  <a:cxn ang="0">
                    <a:pos x="37" y="11"/>
                  </a:cxn>
                  <a:cxn ang="0">
                    <a:pos x="22" y="12"/>
                  </a:cxn>
                  <a:cxn ang="0">
                    <a:pos x="11" y="14"/>
                  </a:cxn>
                  <a:cxn ang="0">
                    <a:pos x="3" y="16"/>
                  </a:cxn>
                  <a:cxn ang="0">
                    <a:pos x="1" y="19"/>
                  </a:cxn>
                  <a:cxn ang="0">
                    <a:pos x="0" y="22"/>
                  </a:cxn>
                  <a:cxn ang="0">
                    <a:pos x="0" y="27"/>
                  </a:cxn>
                  <a:cxn ang="0">
                    <a:pos x="3" y="33"/>
                  </a:cxn>
                  <a:cxn ang="0">
                    <a:pos x="6" y="40"/>
                  </a:cxn>
                  <a:cxn ang="0">
                    <a:pos x="7" y="47"/>
                  </a:cxn>
                  <a:cxn ang="0">
                    <a:pos x="9" y="51"/>
                  </a:cxn>
                  <a:cxn ang="0">
                    <a:pos x="10" y="54"/>
                  </a:cxn>
                  <a:cxn ang="0">
                    <a:pos x="13" y="57"/>
                  </a:cxn>
                  <a:cxn ang="0">
                    <a:pos x="16" y="58"/>
                  </a:cxn>
                  <a:cxn ang="0">
                    <a:pos x="24" y="58"/>
                  </a:cxn>
                  <a:cxn ang="0">
                    <a:pos x="31" y="57"/>
                  </a:cxn>
                  <a:cxn ang="0">
                    <a:pos x="36" y="54"/>
                  </a:cxn>
                  <a:cxn ang="0">
                    <a:pos x="42" y="51"/>
                  </a:cxn>
                  <a:cxn ang="0">
                    <a:pos x="54" y="47"/>
                  </a:cxn>
                  <a:cxn ang="0">
                    <a:pos x="66" y="45"/>
                  </a:cxn>
                  <a:cxn ang="0">
                    <a:pos x="80" y="45"/>
                  </a:cxn>
                  <a:cxn ang="0">
                    <a:pos x="94" y="45"/>
                  </a:cxn>
                  <a:cxn ang="0">
                    <a:pos x="97" y="42"/>
                  </a:cxn>
                  <a:cxn ang="0">
                    <a:pos x="97" y="40"/>
                  </a:cxn>
                  <a:cxn ang="0">
                    <a:pos x="97" y="36"/>
                  </a:cxn>
                  <a:cxn ang="0">
                    <a:pos x="95" y="31"/>
                  </a:cxn>
                  <a:cxn ang="0">
                    <a:pos x="93" y="23"/>
                  </a:cxn>
                  <a:cxn ang="0">
                    <a:pos x="92" y="15"/>
                  </a:cxn>
                  <a:cxn ang="0">
                    <a:pos x="80" y="0"/>
                  </a:cxn>
                </a:cxnLst>
                <a:rect l="0" t="0" r="r" b="b"/>
                <a:pathLst>
                  <a:path w="97" h="58">
                    <a:moveTo>
                      <a:pt x="80" y="0"/>
                    </a:moveTo>
                    <a:lnTo>
                      <a:pt x="66" y="5"/>
                    </a:lnTo>
                    <a:lnTo>
                      <a:pt x="51" y="9"/>
                    </a:lnTo>
                    <a:lnTo>
                      <a:pt x="37" y="11"/>
                    </a:lnTo>
                    <a:lnTo>
                      <a:pt x="22" y="12"/>
                    </a:lnTo>
                    <a:lnTo>
                      <a:pt x="11" y="14"/>
                    </a:lnTo>
                    <a:lnTo>
                      <a:pt x="3" y="16"/>
                    </a:lnTo>
                    <a:lnTo>
                      <a:pt x="1" y="19"/>
                    </a:lnTo>
                    <a:lnTo>
                      <a:pt x="0" y="22"/>
                    </a:lnTo>
                    <a:lnTo>
                      <a:pt x="0" y="27"/>
                    </a:lnTo>
                    <a:lnTo>
                      <a:pt x="3" y="33"/>
                    </a:lnTo>
                    <a:lnTo>
                      <a:pt x="6" y="40"/>
                    </a:lnTo>
                    <a:lnTo>
                      <a:pt x="7" y="47"/>
                    </a:lnTo>
                    <a:lnTo>
                      <a:pt x="9" y="51"/>
                    </a:lnTo>
                    <a:lnTo>
                      <a:pt x="10" y="54"/>
                    </a:lnTo>
                    <a:lnTo>
                      <a:pt x="13" y="57"/>
                    </a:lnTo>
                    <a:lnTo>
                      <a:pt x="16" y="58"/>
                    </a:lnTo>
                    <a:lnTo>
                      <a:pt x="24" y="58"/>
                    </a:lnTo>
                    <a:lnTo>
                      <a:pt x="31" y="57"/>
                    </a:lnTo>
                    <a:lnTo>
                      <a:pt x="36" y="54"/>
                    </a:lnTo>
                    <a:lnTo>
                      <a:pt x="42" y="51"/>
                    </a:lnTo>
                    <a:lnTo>
                      <a:pt x="54" y="47"/>
                    </a:lnTo>
                    <a:lnTo>
                      <a:pt x="66" y="45"/>
                    </a:lnTo>
                    <a:lnTo>
                      <a:pt x="80" y="45"/>
                    </a:lnTo>
                    <a:lnTo>
                      <a:pt x="94" y="45"/>
                    </a:lnTo>
                    <a:lnTo>
                      <a:pt x="97" y="42"/>
                    </a:lnTo>
                    <a:lnTo>
                      <a:pt x="97" y="40"/>
                    </a:lnTo>
                    <a:lnTo>
                      <a:pt x="97" y="36"/>
                    </a:lnTo>
                    <a:lnTo>
                      <a:pt x="95" y="31"/>
                    </a:lnTo>
                    <a:lnTo>
                      <a:pt x="93" y="23"/>
                    </a:lnTo>
                    <a:lnTo>
                      <a:pt x="92" y="15"/>
                    </a:lnTo>
                    <a:lnTo>
                      <a:pt x="80" y="0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96" name="Freeform 115"/>
              <p:cNvSpPr>
                <a:spLocks/>
              </p:cNvSpPr>
              <p:nvPr/>
            </p:nvSpPr>
            <p:spPr bwMode="auto">
              <a:xfrm>
                <a:off x="8355430" y="4866316"/>
                <a:ext cx="633948" cy="832707"/>
              </a:xfrm>
              <a:custGeom>
                <a:avLst/>
                <a:gdLst/>
                <a:ahLst/>
                <a:cxnLst>
                  <a:cxn ang="0">
                    <a:pos x="601" y="219"/>
                  </a:cxn>
                  <a:cxn ang="0">
                    <a:pos x="675" y="391"/>
                  </a:cxn>
                  <a:cxn ang="0">
                    <a:pos x="780" y="487"/>
                  </a:cxn>
                  <a:cxn ang="0">
                    <a:pos x="818" y="600"/>
                  </a:cxn>
                  <a:cxn ang="0">
                    <a:pos x="873" y="681"/>
                  </a:cxn>
                  <a:cxn ang="0">
                    <a:pos x="981" y="719"/>
                  </a:cxn>
                  <a:cxn ang="0">
                    <a:pos x="1079" y="784"/>
                  </a:cxn>
                  <a:cxn ang="0">
                    <a:pos x="1119" y="784"/>
                  </a:cxn>
                  <a:cxn ang="0">
                    <a:pos x="1141" y="703"/>
                  </a:cxn>
                  <a:cxn ang="0">
                    <a:pos x="1204" y="692"/>
                  </a:cxn>
                  <a:cxn ang="0">
                    <a:pos x="1303" y="741"/>
                  </a:cxn>
                  <a:cxn ang="0">
                    <a:pos x="1267" y="782"/>
                  </a:cxn>
                  <a:cxn ang="0">
                    <a:pos x="1226" y="869"/>
                  </a:cxn>
                  <a:cxn ang="0">
                    <a:pos x="1227" y="1041"/>
                  </a:cxn>
                  <a:cxn ang="0">
                    <a:pos x="1217" y="1176"/>
                  </a:cxn>
                  <a:cxn ang="0">
                    <a:pos x="1287" y="1301"/>
                  </a:cxn>
                  <a:cxn ang="0">
                    <a:pos x="1388" y="1389"/>
                  </a:cxn>
                  <a:cxn ang="0">
                    <a:pos x="1373" y="1448"/>
                  </a:cxn>
                  <a:cxn ang="0">
                    <a:pos x="1241" y="1508"/>
                  </a:cxn>
                  <a:cxn ang="0">
                    <a:pos x="1209" y="1615"/>
                  </a:cxn>
                  <a:cxn ang="0">
                    <a:pos x="1215" y="1754"/>
                  </a:cxn>
                  <a:cxn ang="0">
                    <a:pos x="1173" y="1797"/>
                  </a:cxn>
                  <a:cxn ang="0">
                    <a:pos x="1116" y="1821"/>
                  </a:cxn>
                  <a:cxn ang="0">
                    <a:pos x="1070" y="1803"/>
                  </a:cxn>
                  <a:cxn ang="0">
                    <a:pos x="1022" y="1832"/>
                  </a:cxn>
                  <a:cxn ang="0">
                    <a:pos x="926" y="1825"/>
                  </a:cxn>
                  <a:cxn ang="0">
                    <a:pos x="985" y="1649"/>
                  </a:cxn>
                  <a:cxn ang="0">
                    <a:pos x="933" y="1639"/>
                  </a:cxn>
                  <a:cxn ang="0">
                    <a:pos x="880" y="1595"/>
                  </a:cxn>
                  <a:cxn ang="0">
                    <a:pos x="860" y="1553"/>
                  </a:cxn>
                  <a:cxn ang="0">
                    <a:pos x="797" y="1487"/>
                  </a:cxn>
                  <a:cxn ang="0">
                    <a:pos x="737" y="1440"/>
                  </a:cxn>
                  <a:cxn ang="0">
                    <a:pos x="684" y="1407"/>
                  </a:cxn>
                  <a:cxn ang="0">
                    <a:pos x="660" y="1373"/>
                  </a:cxn>
                  <a:cxn ang="0">
                    <a:pos x="604" y="1416"/>
                  </a:cxn>
                  <a:cxn ang="0">
                    <a:pos x="615" y="1474"/>
                  </a:cxn>
                  <a:cxn ang="0">
                    <a:pos x="560" y="1539"/>
                  </a:cxn>
                  <a:cxn ang="0">
                    <a:pos x="527" y="1574"/>
                  </a:cxn>
                  <a:cxn ang="0">
                    <a:pos x="472" y="1518"/>
                  </a:cxn>
                  <a:cxn ang="0">
                    <a:pos x="382" y="1462"/>
                  </a:cxn>
                  <a:cxn ang="0">
                    <a:pos x="333" y="1442"/>
                  </a:cxn>
                  <a:cxn ang="0">
                    <a:pos x="293" y="1413"/>
                  </a:cxn>
                  <a:cxn ang="0">
                    <a:pos x="231" y="1361"/>
                  </a:cxn>
                  <a:cxn ang="0">
                    <a:pos x="167" y="1303"/>
                  </a:cxn>
                  <a:cxn ang="0">
                    <a:pos x="201" y="1229"/>
                  </a:cxn>
                  <a:cxn ang="0">
                    <a:pos x="206" y="1171"/>
                  </a:cxn>
                  <a:cxn ang="0">
                    <a:pos x="152" y="1079"/>
                  </a:cxn>
                  <a:cxn ang="0">
                    <a:pos x="227" y="1058"/>
                  </a:cxn>
                  <a:cxn ang="0">
                    <a:pos x="210" y="1012"/>
                  </a:cxn>
                  <a:cxn ang="0">
                    <a:pos x="112" y="905"/>
                  </a:cxn>
                  <a:cxn ang="0">
                    <a:pos x="108" y="813"/>
                  </a:cxn>
                  <a:cxn ang="0">
                    <a:pos x="163" y="554"/>
                  </a:cxn>
                  <a:cxn ang="0">
                    <a:pos x="150" y="488"/>
                  </a:cxn>
                  <a:cxn ang="0">
                    <a:pos x="130" y="448"/>
                  </a:cxn>
                  <a:cxn ang="0">
                    <a:pos x="86" y="372"/>
                  </a:cxn>
                  <a:cxn ang="0">
                    <a:pos x="23" y="291"/>
                  </a:cxn>
                  <a:cxn ang="0">
                    <a:pos x="1" y="176"/>
                  </a:cxn>
                  <a:cxn ang="0">
                    <a:pos x="110" y="115"/>
                  </a:cxn>
                  <a:cxn ang="0">
                    <a:pos x="191" y="60"/>
                  </a:cxn>
                  <a:cxn ang="0">
                    <a:pos x="271" y="1"/>
                  </a:cxn>
                  <a:cxn ang="0">
                    <a:pos x="377" y="18"/>
                  </a:cxn>
                </a:cxnLst>
                <a:rect l="0" t="0" r="r" b="b"/>
                <a:pathLst>
                  <a:path w="1393" h="1845">
                    <a:moveTo>
                      <a:pt x="520" y="40"/>
                    </a:moveTo>
                    <a:lnTo>
                      <a:pt x="542" y="72"/>
                    </a:lnTo>
                    <a:lnTo>
                      <a:pt x="562" y="105"/>
                    </a:lnTo>
                    <a:lnTo>
                      <a:pt x="571" y="122"/>
                    </a:lnTo>
                    <a:lnTo>
                      <a:pt x="579" y="140"/>
                    </a:lnTo>
                    <a:lnTo>
                      <a:pt x="586" y="158"/>
                    </a:lnTo>
                    <a:lnTo>
                      <a:pt x="591" y="176"/>
                    </a:lnTo>
                    <a:lnTo>
                      <a:pt x="601" y="219"/>
                    </a:lnTo>
                    <a:lnTo>
                      <a:pt x="610" y="260"/>
                    </a:lnTo>
                    <a:lnTo>
                      <a:pt x="617" y="280"/>
                    </a:lnTo>
                    <a:lnTo>
                      <a:pt x="623" y="300"/>
                    </a:lnTo>
                    <a:lnTo>
                      <a:pt x="634" y="319"/>
                    </a:lnTo>
                    <a:lnTo>
                      <a:pt x="645" y="338"/>
                    </a:lnTo>
                    <a:lnTo>
                      <a:pt x="657" y="355"/>
                    </a:lnTo>
                    <a:lnTo>
                      <a:pt x="666" y="373"/>
                    </a:lnTo>
                    <a:lnTo>
                      <a:pt x="675" y="391"/>
                    </a:lnTo>
                    <a:lnTo>
                      <a:pt x="688" y="409"/>
                    </a:lnTo>
                    <a:lnTo>
                      <a:pt x="698" y="422"/>
                    </a:lnTo>
                    <a:lnTo>
                      <a:pt x="711" y="434"/>
                    </a:lnTo>
                    <a:lnTo>
                      <a:pt x="726" y="444"/>
                    </a:lnTo>
                    <a:lnTo>
                      <a:pt x="741" y="455"/>
                    </a:lnTo>
                    <a:lnTo>
                      <a:pt x="755" y="465"/>
                    </a:lnTo>
                    <a:lnTo>
                      <a:pt x="768" y="475"/>
                    </a:lnTo>
                    <a:lnTo>
                      <a:pt x="780" y="487"/>
                    </a:lnTo>
                    <a:lnTo>
                      <a:pt x="789" y="500"/>
                    </a:lnTo>
                    <a:lnTo>
                      <a:pt x="797" y="514"/>
                    </a:lnTo>
                    <a:lnTo>
                      <a:pt x="803" y="527"/>
                    </a:lnTo>
                    <a:lnTo>
                      <a:pt x="808" y="541"/>
                    </a:lnTo>
                    <a:lnTo>
                      <a:pt x="812" y="556"/>
                    </a:lnTo>
                    <a:lnTo>
                      <a:pt x="815" y="570"/>
                    </a:lnTo>
                    <a:lnTo>
                      <a:pt x="816" y="584"/>
                    </a:lnTo>
                    <a:lnTo>
                      <a:pt x="818" y="600"/>
                    </a:lnTo>
                    <a:lnTo>
                      <a:pt x="819" y="615"/>
                    </a:lnTo>
                    <a:lnTo>
                      <a:pt x="823" y="667"/>
                    </a:lnTo>
                    <a:lnTo>
                      <a:pt x="829" y="667"/>
                    </a:lnTo>
                    <a:lnTo>
                      <a:pt x="836" y="667"/>
                    </a:lnTo>
                    <a:lnTo>
                      <a:pt x="842" y="668"/>
                    </a:lnTo>
                    <a:lnTo>
                      <a:pt x="849" y="670"/>
                    </a:lnTo>
                    <a:lnTo>
                      <a:pt x="862" y="675"/>
                    </a:lnTo>
                    <a:lnTo>
                      <a:pt x="873" y="681"/>
                    </a:lnTo>
                    <a:lnTo>
                      <a:pt x="895" y="697"/>
                    </a:lnTo>
                    <a:lnTo>
                      <a:pt x="917" y="711"/>
                    </a:lnTo>
                    <a:lnTo>
                      <a:pt x="928" y="715"/>
                    </a:lnTo>
                    <a:lnTo>
                      <a:pt x="938" y="718"/>
                    </a:lnTo>
                    <a:lnTo>
                      <a:pt x="950" y="719"/>
                    </a:lnTo>
                    <a:lnTo>
                      <a:pt x="960" y="719"/>
                    </a:lnTo>
                    <a:lnTo>
                      <a:pt x="970" y="719"/>
                    </a:lnTo>
                    <a:lnTo>
                      <a:pt x="981" y="719"/>
                    </a:lnTo>
                    <a:lnTo>
                      <a:pt x="991" y="720"/>
                    </a:lnTo>
                    <a:lnTo>
                      <a:pt x="1002" y="723"/>
                    </a:lnTo>
                    <a:lnTo>
                      <a:pt x="1016" y="729"/>
                    </a:lnTo>
                    <a:lnTo>
                      <a:pt x="1029" y="738"/>
                    </a:lnTo>
                    <a:lnTo>
                      <a:pt x="1043" y="750"/>
                    </a:lnTo>
                    <a:lnTo>
                      <a:pt x="1056" y="762"/>
                    </a:lnTo>
                    <a:lnTo>
                      <a:pt x="1068" y="773"/>
                    </a:lnTo>
                    <a:lnTo>
                      <a:pt x="1079" y="784"/>
                    </a:lnTo>
                    <a:lnTo>
                      <a:pt x="1086" y="788"/>
                    </a:lnTo>
                    <a:lnTo>
                      <a:pt x="1091" y="790"/>
                    </a:lnTo>
                    <a:lnTo>
                      <a:pt x="1096" y="793"/>
                    </a:lnTo>
                    <a:lnTo>
                      <a:pt x="1100" y="794"/>
                    </a:lnTo>
                    <a:lnTo>
                      <a:pt x="1106" y="793"/>
                    </a:lnTo>
                    <a:lnTo>
                      <a:pt x="1112" y="791"/>
                    </a:lnTo>
                    <a:lnTo>
                      <a:pt x="1116" y="788"/>
                    </a:lnTo>
                    <a:lnTo>
                      <a:pt x="1119" y="784"/>
                    </a:lnTo>
                    <a:lnTo>
                      <a:pt x="1123" y="772"/>
                    </a:lnTo>
                    <a:lnTo>
                      <a:pt x="1126" y="758"/>
                    </a:lnTo>
                    <a:lnTo>
                      <a:pt x="1128" y="742"/>
                    </a:lnTo>
                    <a:lnTo>
                      <a:pt x="1131" y="727"/>
                    </a:lnTo>
                    <a:lnTo>
                      <a:pt x="1134" y="720"/>
                    </a:lnTo>
                    <a:lnTo>
                      <a:pt x="1135" y="714"/>
                    </a:lnTo>
                    <a:lnTo>
                      <a:pt x="1139" y="709"/>
                    </a:lnTo>
                    <a:lnTo>
                      <a:pt x="1141" y="703"/>
                    </a:lnTo>
                    <a:lnTo>
                      <a:pt x="1149" y="698"/>
                    </a:lnTo>
                    <a:lnTo>
                      <a:pt x="1156" y="694"/>
                    </a:lnTo>
                    <a:lnTo>
                      <a:pt x="1163" y="692"/>
                    </a:lnTo>
                    <a:lnTo>
                      <a:pt x="1171" y="690"/>
                    </a:lnTo>
                    <a:lnTo>
                      <a:pt x="1179" y="689"/>
                    </a:lnTo>
                    <a:lnTo>
                      <a:pt x="1187" y="689"/>
                    </a:lnTo>
                    <a:lnTo>
                      <a:pt x="1195" y="690"/>
                    </a:lnTo>
                    <a:lnTo>
                      <a:pt x="1204" y="692"/>
                    </a:lnTo>
                    <a:lnTo>
                      <a:pt x="1220" y="697"/>
                    </a:lnTo>
                    <a:lnTo>
                      <a:pt x="1237" y="702"/>
                    </a:lnTo>
                    <a:lnTo>
                      <a:pt x="1254" y="710"/>
                    </a:lnTo>
                    <a:lnTo>
                      <a:pt x="1270" y="716"/>
                    </a:lnTo>
                    <a:lnTo>
                      <a:pt x="1279" y="720"/>
                    </a:lnTo>
                    <a:lnTo>
                      <a:pt x="1288" y="727"/>
                    </a:lnTo>
                    <a:lnTo>
                      <a:pt x="1297" y="733"/>
                    </a:lnTo>
                    <a:lnTo>
                      <a:pt x="1303" y="741"/>
                    </a:lnTo>
                    <a:lnTo>
                      <a:pt x="1305" y="744"/>
                    </a:lnTo>
                    <a:lnTo>
                      <a:pt x="1305" y="746"/>
                    </a:lnTo>
                    <a:lnTo>
                      <a:pt x="1303" y="749"/>
                    </a:lnTo>
                    <a:lnTo>
                      <a:pt x="1302" y="751"/>
                    </a:lnTo>
                    <a:lnTo>
                      <a:pt x="1298" y="758"/>
                    </a:lnTo>
                    <a:lnTo>
                      <a:pt x="1293" y="763"/>
                    </a:lnTo>
                    <a:lnTo>
                      <a:pt x="1279" y="773"/>
                    </a:lnTo>
                    <a:lnTo>
                      <a:pt x="1267" y="782"/>
                    </a:lnTo>
                    <a:lnTo>
                      <a:pt x="1252" y="799"/>
                    </a:lnTo>
                    <a:lnTo>
                      <a:pt x="1233" y="823"/>
                    </a:lnTo>
                    <a:lnTo>
                      <a:pt x="1226" y="835"/>
                    </a:lnTo>
                    <a:lnTo>
                      <a:pt x="1222" y="847"/>
                    </a:lnTo>
                    <a:lnTo>
                      <a:pt x="1220" y="854"/>
                    </a:lnTo>
                    <a:lnTo>
                      <a:pt x="1222" y="859"/>
                    </a:lnTo>
                    <a:lnTo>
                      <a:pt x="1223" y="864"/>
                    </a:lnTo>
                    <a:lnTo>
                      <a:pt x="1226" y="869"/>
                    </a:lnTo>
                    <a:lnTo>
                      <a:pt x="1236" y="877"/>
                    </a:lnTo>
                    <a:lnTo>
                      <a:pt x="1250" y="886"/>
                    </a:lnTo>
                    <a:lnTo>
                      <a:pt x="1266" y="892"/>
                    </a:lnTo>
                    <a:lnTo>
                      <a:pt x="1279" y="899"/>
                    </a:lnTo>
                    <a:lnTo>
                      <a:pt x="1292" y="904"/>
                    </a:lnTo>
                    <a:lnTo>
                      <a:pt x="1306" y="911"/>
                    </a:lnTo>
                    <a:lnTo>
                      <a:pt x="1239" y="1023"/>
                    </a:lnTo>
                    <a:lnTo>
                      <a:pt x="1227" y="1041"/>
                    </a:lnTo>
                    <a:lnTo>
                      <a:pt x="1218" y="1056"/>
                    </a:lnTo>
                    <a:lnTo>
                      <a:pt x="1210" y="1071"/>
                    </a:lnTo>
                    <a:lnTo>
                      <a:pt x="1206" y="1084"/>
                    </a:lnTo>
                    <a:lnTo>
                      <a:pt x="1205" y="1100"/>
                    </a:lnTo>
                    <a:lnTo>
                      <a:pt x="1205" y="1115"/>
                    </a:lnTo>
                    <a:lnTo>
                      <a:pt x="1208" y="1135"/>
                    </a:lnTo>
                    <a:lnTo>
                      <a:pt x="1213" y="1157"/>
                    </a:lnTo>
                    <a:lnTo>
                      <a:pt x="1217" y="1176"/>
                    </a:lnTo>
                    <a:lnTo>
                      <a:pt x="1222" y="1193"/>
                    </a:lnTo>
                    <a:lnTo>
                      <a:pt x="1227" y="1210"/>
                    </a:lnTo>
                    <a:lnTo>
                      <a:pt x="1233" y="1227"/>
                    </a:lnTo>
                    <a:lnTo>
                      <a:pt x="1241" y="1242"/>
                    </a:lnTo>
                    <a:lnTo>
                      <a:pt x="1250" y="1258"/>
                    </a:lnTo>
                    <a:lnTo>
                      <a:pt x="1259" y="1272"/>
                    </a:lnTo>
                    <a:lnTo>
                      <a:pt x="1272" y="1288"/>
                    </a:lnTo>
                    <a:lnTo>
                      <a:pt x="1287" y="1301"/>
                    </a:lnTo>
                    <a:lnTo>
                      <a:pt x="1305" y="1315"/>
                    </a:lnTo>
                    <a:lnTo>
                      <a:pt x="1325" y="1330"/>
                    </a:lnTo>
                    <a:lnTo>
                      <a:pt x="1347" y="1346"/>
                    </a:lnTo>
                    <a:lnTo>
                      <a:pt x="1356" y="1354"/>
                    </a:lnTo>
                    <a:lnTo>
                      <a:pt x="1367" y="1363"/>
                    </a:lnTo>
                    <a:lnTo>
                      <a:pt x="1375" y="1370"/>
                    </a:lnTo>
                    <a:lnTo>
                      <a:pt x="1381" y="1380"/>
                    </a:lnTo>
                    <a:lnTo>
                      <a:pt x="1388" y="1389"/>
                    </a:lnTo>
                    <a:lnTo>
                      <a:pt x="1391" y="1399"/>
                    </a:lnTo>
                    <a:lnTo>
                      <a:pt x="1393" y="1408"/>
                    </a:lnTo>
                    <a:lnTo>
                      <a:pt x="1391" y="1418"/>
                    </a:lnTo>
                    <a:lnTo>
                      <a:pt x="1390" y="1424"/>
                    </a:lnTo>
                    <a:lnTo>
                      <a:pt x="1388" y="1430"/>
                    </a:lnTo>
                    <a:lnTo>
                      <a:pt x="1385" y="1435"/>
                    </a:lnTo>
                    <a:lnTo>
                      <a:pt x="1382" y="1439"/>
                    </a:lnTo>
                    <a:lnTo>
                      <a:pt x="1373" y="1448"/>
                    </a:lnTo>
                    <a:lnTo>
                      <a:pt x="1363" y="1456"/>
                    </a:lnTo>
                    <a:lnTo>
                      <a:pt x="1351" y="1462"/>
                    </a:lnTo>
                    <a:lnTo>
                      <a:pt x="1338" y="1468"/>
                    </a:lnTo>
                    <a:lnTo>
                      <a:pt x="1325" y="1474"/>
                    </a:lnTo>
                    <a:lnTo>
                      <a:pt x="1311" y="1479"/>
                    </a:lnTo>
                    <a:lnTo>
                      <a:pt x="1281" y="1490"/>
                    </a:lnTo>
                    <a:lnTo>
                      <a:pt x="1254" y="1501"/>
                    </a:lnTo>
                    <a:lnTo>
                      <a:pt x="1241" y="1508"/>
                    </a:lnTo>
                    <a:lnTo>
                      <a:pt x="1230" y="1516"/>
                    </a:lnTo>
                    <a:lnTo>
                      <a:pt x="1220" y="1523"/>
                    </a:lnTo>
                    <a:lnTo>
                      <a:pt x="1213" y="1534"/>
                    </a:lnTo>
                    <a:lnTo>
                      <a:pt x="1211" y="1548"/>
                    </a:lnTo>
                    <a:lnTo>
                      <a:pt x="1210" y="1563"/>
                    </a:lnTo>
                    <a:lnTo>
                      <a:pt x="1208" y="1578"/>
                    </a:lnTo>
                    <a:lnTo>
                      <a:pt x="1208" y="1593"/>
                    </a:lnTo>
                    <a:lnTo>
                      <a:pt x="1209" y="1615"/>
                    </a:lnTo>
                    <a:lnTo>
                      <a:pt x="1213" y="1636"/>
                    </a:lnTo>
                    <a:lnTo>
                      <a:pt x="1217" y="1658"/>
                    </a:lnTo>
                    <a:lnTo>
                      <a:pt x="1219" y="1679"/>
                    </a:lnTo>
                    <a:lnTo>
                      <a:pt x="1218" y="1700"/>
                    </a:lnTo>
                    <a:lnTo>
                      <a:pt x="1217" y="1722"/>
                    </a:lnTo>
                    <a:lnTo>
                      <a:pt x="1215" y="1733"/>
                    </a:lnTo>
                    <a:lnTo>
                      <a:pt x="1215" y="1744"/>
                    </a:lnTo>
                    <a:lnTo>
                      <a:pt x="1215" y="1754"/>
                    </a:lnTo>
                    <a:lnTo>
                      <a:pt x="1217" y="1764"/>
                    </a:lnTo>
                    <a:lnTo>
                      <a:pt x="1201" y="1829"/>
                    </a:lnTo>
                    <a:lnTo>
                      <a:pt x="1200" y="1825"/>
                    </a:lnTo>
                    <a:lnTo>
                      <a:pt x="1196" y="1819"/>
                    </a:lnTo>
                    <a:lnTo>
                      <a:pt x="1191" y="1812"/>
                    </a:lnTo>
                    <a:lnTo>
                      <a:pt x="1185" y="1806"/>
                    </a:lnTo>
                    <a:lnTo>
                      <a:pt x="1179" y="1801"/>
                    </a:lnTo>
                    <a:lnTo>
                      <a:pt x="1173" y="1797"/>
                    </a:lnTo>
                    <a:lnTo>
                      <a:pt x="1166" y="1793"/>
                    </a:lnTo>
                    <a:lnTo>
                      <a:pt x="1161" y="1793"/>
                    </a:lnTo>
                    <a:lnTo>
                      <a:pt x="1153" y="1795"/>
                    </a:lnTo>
                    <a:lnTo>
                      <a:pt x="1145" y="1801"/>
                    </a:lnTo>
                    <a:lnTo>
                      <a:pt x="1138" y="1806"/>
                    </a:lnTo>
                    <a:lnTo>
                      <a:pt x="1130" y="1812"/>
                    </a:lnTo>
                    <a:lnTo>
                      <a:pt x="1123" y="1817"/>
                    </a:lnTo>
                    <a:lnTo>
                      <a:pt x="1116" y="1821"/>
                    </a:lnTo>
                    <a:lnTo>
                      <a:pt x="1112" y="1823"/>
                    </a:lnTo>
                    <a:lnTo>
                      <a:pt x="1108" y="1824"/>
                    </a:lnTo>
                    <a:lnTo>
                      <a:pt x="1103" y="1824"/>
                    </a:lnTo>
                    <a:lnTo>
                      <a:pt x="1099" y="1823"/>
                    </a:lnTo>
                    <a:lnTo>
                      <a:pt x="1090" y="1820"/>
                    </a:lnTo>
                    <a:lnTo>
                      <a:pt x="1083" y="1815"/>
                    </a:lnTo>
                    <a:lnTo>
                      <a:pt x="1077" y="1808"/>
                    </a:lnTo>
                    <a:lnTo>
                      <a:pt x="1070" y="1803"/>
                    </a:lnTo>
                    <a:lnTo>
                      <a:pt x="1068" y="1802"/>
                    </a:lnTo>
                    <a:lnTo>
                      <a:pt x="1064" y="1801"/>
                    </a:lnTo>
                    <a:lnTo>
                      <a:pt x="1061" y="1801"/>
                    </a:lnTo>
                    <a:lnTo>
                      <a:pt x="1057" y="1802"/>
                    </a:lnTo>
                    <a:lnTo>
                      <a:pt x="1051" y="1806"/>
                    </a:lnTo>
                    <a:lnTo>
                      <a:pt x="1043" y="1810"/>
                    </a:lnTo>
                    <a:lnTo>
                      <a:pt x="1031" y="1823"/>
                    </a:lnTo>
                    <a:lnTo>
                      <a:pt x="1022" y="1832"/>
                    </a:lnTo>
                    <a:lnTo>
                      <a:pt x="1018" y="1837"/>
                    </a:lnTo>
                    <a:lnTo>
                      <a:pt x="1013" y="1841"/>
                    </a:lnTo>
                    <a:lnTo>
                      <a:pt x="1008" y="1843"/>
                    </a:lnTo>
                    <a:lnTo>
                      <a:pt x="1003" y="1845"/>
                    </a:lnTo>
                    <a:lnTo>
                      <a:pt x="990" y="1845"/>
                    </a:lnTo>
                    <a:lnTo>
                      <a:pt x="977" y="1842"/>
                    </a:lnTo>
                    <a:lnTo>
                      <a:pt x="950" y="1833"/>
                    </a:lnTo>
                    <a:lnTo>
                      <a:pt x="926" y="1825"/>
                    </a:lnTo>
                    <a:lnTo>
                      <a:pt x="987" y="1679"/>
                    </a:lnTo>
                    <a:lnTo>
                      <a:pt x="991" y="1670"/>
                    </a:lnTo>
                    <a:lnTo>
                      <a:pt x="992" y="1663"/>
                    </a:lnTo>
                    <a:lnTo>
                      <a:pt x="994" y="1658"/>
                    </a:lnTo>
                    <a:lnTo>
                      <a:pt x="992" y="1654"/>
                    </a:lnTo>
                    <a:lnTo>
                      <a:pt x="991" y="1652"/>
                    </a:lnTo>
                    <a:lnTo>
                      <a:pt x="989" y="1650"/>
                    </a:lnTo>
                    <a:lnTo>
                      <a:pt x="985" y="1649"/>
                    </a:lnTo>
                    <a:lnTo>
                      <a:pt x="981" y="1649"/>
                    </a:lnTo>
                    <a:lnTo>
                      <a:pt x="972" y="1649"/>
                    </a:lnTo>
                    <a:lnTo>
                      <a:pt x="961" y="1649"/>
                    </a:lnTo>
                    <a:lnTo>
                      <a:pt x="956" y="1649"/>
                    </a:lnTo>
                    <a:lnTo>
                      <a:pt x="951" y="1649"/>
                    </a:lnTo>
                    <a:lnTo>
                      <a:pt x="946" y="1648"/>
                    </a:lnTo>
                    <a:lnTo>
                      <a:pt x="941" y="1645"/>
                    </a:lnTo>
                    <a:lnTo>
                      <a:pt x="933" y="1639"/>
                    </a:lnTo>
                    <a:lnTo>
                      <a:pt x="924" y="1632"/>
                    </a:lnTo>
                    <a:lnTo>
                      <a:pt x="916" y="1627"/>
                    </a:lnTo>
                    <a:lnTo>
                      <a:pt x="906" y="1622"/>
                    </a:lnTo>
                    <a:lnTo>
                      <a:pt x="897" y="1619"/>
                    </a:lnTo>
                    <a:lnTo>
                      <a:pt x="890" y="1614"/>
                    </a:lnTo>
                    <a:lnTo>
                      <a:pt x="885" y="1610"/>
                    </a:lnTo>
                    <a:lnTo>
                      <a:pt x="882" y="1605"/>
                    </a:lnTo>
                    <a:lnTo>
                      <a:pt x="880" y="1595"/>
                    </a:lnTo>
                    <a:lnTo>
                      <a:pt x="880" y="1583"/>
                    </a:lnTo>
                    <a:lnTo>
                      <a:pt x="880" y="1578"/>
                    </a:lnTo>
                    <a:lnTo>
                      <a:pt x="880" y="1573"/>
                    </a:lnTo>
                    <a:lnTo>
                      <a:pt x="880" y="1567"/>
                    </a:lnTo>
                    <a:lnTo>
                      <a:pt x="877" y="1563"/>
                    </a:lnTo>
                    <a:lnTo>
                      <a:pt x="873" y="1560"/>
                    </a:lnTo>
                    <a:lnTo>
                      <a:pt x="868" y="1556"/>
                    </a:lnTo>
                    <a:lnTo>
                      <a:pt x="860" y="1553"/>
                    </a:lnTo>
                    <a:lnTo>
                      <a:pt x="850" y="1551"/>
                    </a:lnTo>
                    <a:lnTo>
                      <a:pt x="843" y="1549"/>
                    </a:lnTo>
                    <a:lnTo>
                      <a:pt x="837" y="1545"/>
                    </a:lnTo>
                    <a:lnTo>
                      <a:pt x="832" y="1540"/>
                    </a:lnTo>
                    <a:lnTo>
                      <a:pt x="825" y="1535"/>
                    </a:lnTo>
                    <a:lnTo>
                      <a:pt x="815" y="1521"/>
                    </a:lnTo>
                    <a:lnTo>
                      <a:pt x="806" y="1504"/>
                    </a:lnTo>
                    <a:lnTo>
                      <a:pt x="797" y="1487"/>
                    </a:lnTo>
                    <a:lnTo>
                      <a:pt x="789" y="1472"/>
                    </a:lnTo>
                    <a:lnTo>
                      <a:pt x="784" y="1464"/>
                    </a:lnTo>
                    <a:lnTo>
                      <a:pt x="780" y="1459"/>
                    </a:lnTo>
                    <a:lnTo>
                      <a:pt x="775" y="1453"/>
                    </a:lnTo>
                    <a:lnTo>
                      <a:pt x="770" y="1450"/>
                    </a:lnTo>
                    <a:lnTo>
                      <a:pt x="761" y="1446"/>
                    </a:lnTo>
                    <a:lnTo>
                      <a:pt x="749" y="1443"/>
                    </a:lnTo>
                    <a:lnTo>
                      <a:pt x="737" y="1440"/>
                    </a:lnTo>
                    <a:lnTo>
                      <a:pt x="726" y="1438"/>
                    </a:lnTo>
                    <a:lnTo>
                      <a:pt x="715" y="1435"/>
                    </a:lnTo>
                    <a:lnTo>
                      <a:pt x="705" y="1431"/>
                    </a:lnTo>
                    <a:lnTo>
                      <a:pt x="700" y="1429"/>
                    </a:lnTo>
                    <a:lnTo>
                      <a:pt x="696" y="1425"/>
                    </a:lnTo>
                    <a:lnTo>
                      <a:pt x="692" y="1421"/>
                    </a:lnTo>
                    <a:lnTo>
                      <a:pt x="688" y="1417"/>
                    </a:lnTo>
                    <a:lnTo>
                      <a:pt x="684" y="1407"/>
                    </a:lnTo>
                    <a:lnTo>
                      <a:pt x="680" y="1393"/>
                    </a:lnTo>
                    <a:lnTo>
                      <a:pt x="679" y="1386"/>
                    </a:lnTo>
                    <a:lnTo>
                      <a:pt x="676" y="1380"/>
                    </a:lnTo>
                    <a:lnTo>
                      <a:pt x="675" y="1376"/>
                    </a:lnTo>
                    <a:lnTo>
                      <a:pt x="672" y="1373"/>
                    </a:lnTo>
                    <a:lnTo>
                      <a:pt x="669" y="1372"/>
                    </a:lnTo>
                    <a:lnTo>
                      <a:pt x="665" y="1372"/>
                    </a:lnTo>
                    <a:lnTo>
                      <a:pt x="660" y="1373"/>
                    </a:lnTo>
                    <a:lnTo>
                      <a:pt x="653" y="1374"/>
                    </a:lnTo>
                    <a:lnTo>
                      <a:pt x="640" y="1381"/>
                    </a:lnTo>
                    <a:lnTo>
                      <a:pt x="627" y="1389"/>
                    </a:lnTo>
                    <a:lnTo>
                      <a:pt x="621" y="1394"/>
                    </a:lnTo>
                    <a:lnTo>
                      <a:pt x="615" y="1399"/>
                    </a:lnTo>
                    <a:lnTo>
                      <a:pt x="610" y="1404"/>
                    </a:lnTo>
                    <a:lnTo>
                      <a:pt x="606" y="1411"/>
                    </a:lnTo>
                    <a:lnTo>
                      <a:pt x="604" y="1416"/>
                    </a:lnTo>
                    <a:lnTo>
                      <a:pt x="603" y="1422"/>
                    </a:lnTo>
                    <a:lnTo>
                      <a:pt x="603" y="1427"/>
                    </a:lnTo>
                    <a:lnTo>
                      <a:pt x="605" y="1434"/>
                    </a:lnTo>
                    <a:lnTo>
                      <a:pt x="610" y="1444"/>
                    </a:lnTo>
                    <a:lnTo>
                      <a:pt x="613" y="1453"/>
                    </a:lnTo>
                    <a:lnTo>
                      <a:pt x="615" y="1461"/>
                    </a:lnTo>
                    <a:lnTo>
                      <a:pt x="615" y="1468"/>
                    </a:lnTo>
                    <a:lnTo>
                      <a:pt x="615" y="1474"/>
                    </a:lnTo>
                    <a:lnTo>
                      <a:pt x="613" y="1479"/>
                    </a:lnTo>
                    <a:lnTo>
                      <a:pt x="610" y="1484"/>
                    </a:lnTo>
                    <a:lnTo>
                      <a:pt x="606" y="1488"/>
                    </a:lnTo>
                    <a:lnTo>
                      <a:pt x="597" y="1496"/>
                    </a:lnTo>
                    <a:lnTo>
                      <a:pt x="587" y="1505"/>
                    </a:lnTo>
                    <a:lnTo>
                      <a:pt x="575" y="1516"/>
                    </a:lnTo>
                    <a:lnTo>
                      <a:pt x="564" y="1530"/>
                    </a:lnTo>
                    <a:lnTo>
                      <a:pt x="560" y="1539"/>
                    </a:lnTo>
                    <a:lnTo>
                      <a:pt x="558" y="1545"/>
                    </a:lnTo>
                    <a:lnTo>
                      <a:pt x="558" y="1552"/>
                    </a:lnTo>
                    <a:lnTo>
                      <a:pt x="557" y="1557"/>
                    </a:lnTo>
                    <a:lnTo>
                      <a:pt x="556" y="1562"/>
                    </a:lnTo>
                    <a:lnTo>
                      <a:pt x="552" y="1567"/>
                    </a:lnTo>
                    <a:lnTo>
                      <a:pt x="546" y="1573"/>
                    </a:lnTo>
                    <a:lnTo>
                      <a:pt x="533" y="1580"/>
                    </a:lnTo>
                    <a:lnTo>
                      <a:pt x="527" y="1574"/>
                    </a:lnTo>
                    <a:lnTo>
                      <a:pt x="523" y="1566"/>
                    </a:lnTo>
                    <a:lnTo>
                      <a:pt x="521" y="1560"/>
                    </a:lnTo>
                    <a:lnTo>
                      <a:pt x="517" y="1552"/>
                    </a:lnTo>
                    <a:lnTo>
                      <a:pt x="513" y="1545"/>
                    </a:lnTo>
                    <a:lnTo>
                      <a:pt x="509" y="1539"/>
                    </a:lnTo>
                    <a:lnTo>
                      <a:pt x="503" y="1532"/>
                    </a:lnTo>
                    <a:lnTo>
                      <a:pt x="495" y="1527"/>
                    </a:lnTo>
                    <a:lnTo>
                      <a:pt x="472" y="1518"/>
                    </a:lnTo>
                    <a:lnTo>
                      <a:pt x="443" y="1510"/>
                    </a:lnTo>
                    <a:lnTo>
                      <a:pt x="429" y="1507"/>
                    </a:lnTo>
                    <a:lnTo>
                      <a:pt x="416" y="1503"/>
                    </a:lnTo>
                    <a:lnTo>
                      <a:pt x="407" y="1497"/>
                    </a:lnTo>
                    <a:lnTo>
                      <a:pt x="399" y="1491"/>
                    </a:lnTo>
                    <a:lnTo>
                      <a:pt x="393" y="1479"/>
                    </a:lnTo>
                    <a:lnTo>
                      <a:pt x="386" y="1468"/>
                    </a:lnTo>
                    <a:lnTo>
                      <a:pt x="382" y="1462"/>
                    </a:lnTo>
                    <a:lnTo>
                      <a:pt x="377" y="1459"/>
                    </a:lnTo>
                    <a:lnTo>
                      <a:pt x="371" y="1456"/>
                    </a:lnTo>
                    <a:lnTo>
                      <a:pt x="363" y="1455"/>
                    </a:lnTo>
                    <a:lnTo>
                      <a:pt x="355" y="1455"/>
                    </a:lnTo>
                    <a:lnTo>
                      <a:pt x="350" y="1453"/>
                    </a:lnTo>
                    <a:lnTo>
                      <a:pt x="345" y="1451"/>
                    </a:lnTo>
                    <a:lnTo>
                      <a:pt x="340" y="1448"/>
                    </a:lnTo>
                    <a:lnTo>
                      <a:pt x="333" y="1442"/>
                    </a:lnTo>
                    <a:lnTo>
                      <a:pt x="327" y="1435"/>
                    </a:lnTo>
                    <a:lnTo>
                      <a:pt x="323" y="1427"/>
                    </a:lnTo>
                    <a:lnTo>
                      <a:pt x="317" y="1421"/>
                    </a:lnTo>
                    <a:lnTo>
                      <a:pt x="314" y="1418"/>
                    </a:lnTo>
                    <a:lnTo>
                      <a:pt x="310" y="1416"/>
                    </a:lnTo>
                    <a:lnTo>
                      <a:pt x="306" y="1415"/>
                    </a:lnTo>
                    <a:lnTo>
                      <a:pt x="301" y="1413"/>
                    </a:lnTo>
                    <a:lnTo>
                      <a:pt x="293" y="1413"/>
                    </a:lnTo>
                    <a:lnTo>
                      <a:pt x="286" y="1412"/>
                    </a:lnTo>
                    <a:lnTo>
                      <a:pt x="280" y="1409"/>
                    </a:lnTo>
                    <a:lnTo>
                      <a:pt x="275" y="1407"/>
                    </a:lnTo>
                    <a:lnTo>
                      <a:pt x="263" y="1400"/>
                    </a:lnTo>
                    <a:lnTo>
                      <a:pt x="253" y="1393"/>
                    </a:lnTo>
                    <a:lnTo>
                      <a:pt x="245" y="1383"/>
                    </a:lnTo>
                    <a:lnTo>
                      <a:pt x="237" y="1372"/>
                    </a:lnTo>
                    <a:lnTo>
                      <a:pt x="231" y="1361"/>
                    </a:lnTo>
                    <a:lnTo>
                      <a:pt x="227" y="1350"/>
                    </a:lnTo>
                    <a:lnTo>
                      <a:pt x="223" y="1341"/>
                    </a:lnTo>
                    <a:lnTo>
                      <a:pt x="218" y="1334"/>
                    </a:lnTo>
                    <a:lnTo>
                      <a:pt x="211" y="1328"/>
                    </a:lnTo>
                    <a:lnTo>
                      <a:pt x="205" y="1323"/>
                    </a:lnTo>
                    <a:lnTo>
                      <a:pt x="191" y="1313"/>
                    </a:lnTo>
                    <a:lnTo>
                      <a:pt x="175" y="1307"/>
                    </a:lnTo>
                    <a:lnTo>
                      <a:pt x="167" y="1303"/>
                    </a:lnTo>
                    <a:lnTo>
                      <a:pt x="159" y="1299"/>
                    </a:lnTo>
                    <a:lnTo>
                      <a:pt x="153" y="1294"/>
                    </a:lnTo>
                    <a:lnTo>
                      <a:pt x="146" y="1289"/>
                    </a:lnTo>
                    <a:lnTo>
                      <a:pt x="141" y="1282"/>
                    </a:lnTo>
                    <a:lnTo>
                      <a:pt x="137" y="1275"/>
                    </a:lnTo>
                    <a:lnTo>
                      <a:pt x="134" y="1267"/>
                    </a:lnTo>
                    <a:lnTo>
                      <a:pt x="131" y="1256"/>
                    </a:lnTo>
                    <a:lnTo>
                      <a:pt x="201" y="1229"/>
                    </a:lnTo>
                    <a:lnTo>
                      <a:pt x="207" y="1223"/>
                    </a:lnTo>
                    <a:lnTo>
                      <a:pt x="213" y="1215"/>
                    </a:lnTo>
                    <a:lnTo>
                      <a:pt x="215" y="1209"/>
                    </a:lnTo>
                    <a:lnTo>
                      <a:pt x="216" y="1201"/>
                    </a:lnTo>
                    <a:lnTo>
                      <a:pt x="215" y="1193"/>
                    </a:lnTo>
                    <a:lnTo>
                      <a:pt x="213" y="1185"/>
                    </a:lnTo>
                    <a:lnTo>
                      <a:pt x="210" y="1179"/>
                    </a:lnTo>
                    <a:lnTo>
                      <a:pt x="206" y="1171"/>
                    </a:lnTo>
                    <a:lnTo>
                      <a:pt x="184" y="1142"/>
                    </a:lnTo>
                    <a:lnTo>
                      <a:pt x="165" y="1118"/>
                    </a:lnTo>
                    <a:lnTo>
                      <a:pt x="159" y="1109"/>
                    </a:lnTo>
                    <a:lnTo>
                      <a:pt x="156" y="1100"/>
                    </a:lnTo>
                    <a:lnTo>
                      <a:pt x="152" y="1093"/>
                    </a:lnTo>
                    <a:lnTo>
                      <a:pt x="150" y="1087"/>
                    </a:lnTo>
                    <a:lnTo>
                      <a:pt x="150" y="1083"/>
                    </a:lnTo>
                    <a:lnTo>
                      <a:pt x="152" y="1079"/>
                    </a:lnTo>
                    <a:lnTo>
                      <a:pt x="153" y="1076"/>
                    </a:lnTo>
                    <a:lnTo>
                      <a:pt x="157" y="1074"/>
                    </a:lnTo>
                    <a:lnTo>
                      <a:pt x="178" y="1070"/>
                    </a:lnTo>
                    <a:lnTo>
                      <a:pt x="210" y="1066"/>
                    </a:lnTo>
                    <a:lnTo>
                      <a:pt x="215" y="1065"/>
                    </a:lnTo>
                    <a:lnTo>
                      <a:pt x="220" y="1063"/>
                    </a:lnTo>
                    <a:lnTo>
                      <a:pt x="224" y="1061"/>
                    </a:lnTo>
                    <a:lnTo>
                      <a:pt x="227" y="1058"/>
                    </a:lnTo>
                    <a:lnTo>
                      <a:pt x="229" y="1056"/>
                    </a:lnTo>
                    <a:lnTo>
                      <a:pt x="231" y="1052"/>
                    </a:lnTo>
                    <a:lnTo>
                      <a:pt x="231" y="1049"/>
                    </a:lnTo>
                    <a:lnTo>
                      <a:pt x="231" y="1045"/>
                    </a:lnTo>
                    <a:lnTo>
                      <a:pt x="228" y="1038"/>
                    </a:lnTo>
                    <a:lnTo>
                      <a:pt x="224" y="1030"/>
                    </a:lnTo>
                    <a:lnTo>
                      <a:pt x="218" y="1021"/>
                    </a:lnTo>
                    <a:lnTo>
                      <a:pt x="210" y="1012"/>
                    </a:lnTo>
                    <a:lnTo>
                      <a:pt x="191" y="994"/>
                    </a:lnTo>
                    <a:lnTo>
                      <a:pt x="172" y="977"/>
                    </a:lnTo>
                    <a:lnTo>
                      <a:pt x="154" y="962"/>
                    </a:lnTo>
                    <a:lnTo>
                      <a:pt x="144" y="952"/>
                    </a:lnTo>
                    <a:lnTo>
                      <a:pt x="134" y="939"/>
                    </a:lnTo>
                    <a:lnTo>
                      <a:pt x="126" y="927"/>
                    </a:lnTo>
                    <a:lnTo>
                      <a:pt x="118" y="917"/>
                    </a:lnTo>
                    <a:lnTo>
                      <a:pt x="112" y="905"/>
                    </a:lnTo>
                    <a:lnTo>
                      <a:pt x="108" y="894"/>
                    </a:lnTo>
                    <a:lnTo>
                      <a:pt x="104" y="883"/>
                    </a:lnTo>
                    <a:lnTo>
                      <a:pt x="101" y="872"/>
                    </a:lnTo>
                    <a:lnTo>
                      <a:pt x="100" y="860"/>
                    </a:lnTo>
                    <a:lnTo>
                      <a:pt x="100" y="848"/>
                    </a:lnTo>
                    <a:lnTo>
                      <a:pt x="101" y="837"/>
                    </a:lnTo>
                    <a:lnTo>
                      <a:pt x="104" y="825"/>
                    </a:lnTo>
                    <a:lnTo>
                      <a:pt x="108" y="813"/>
                    </a:lnTo>
                    <a:lnTo>
                      <a:pt x="112" y="800"/>
                    </a:lnTo>
                    <a:lnTo>
                      <a:pt x="117" y="788"/>
                    </a:lnTo>
                    <a:lnTo>
                      <a:pt x="123" y="773"/>
                    </a:lnTo>
                    <a:lnTo>
                      <a:pt x="131" y="759"/>
                    </a:lnTo>
                    <a:lnTo>
                      <a:pt x="169" y="676"/>
                    </a:lnTo>
                    <a:lnTo>
                      <a:pt x="170" y="622"/>
                    </a:lnTo>
                    <a:lnTo>
                      <a:pt x="165" y="567"/>
                    </a:lnTo>
                    <a:lnTo>
                      <a:pt x="163" y="554"/>
                    </a:lnTo>
                    <a:lnTo>
                      <a:pt x="159" y="543"/>
                    </a:lnTo>
                    <a:lnTo>
                      <a:pt x="156" y="531"/>
                    </a:lnTo>
                    <a:lnTo>
                      <a:pt x="150" y="519"/>
                    </a:lnTo>
                    <a:lnTo>
                      <a:pt x="148" y="514"/>
                    </a:lnTo>
                    <a:lnTo>
                      <a:pt x="148" y="509"/>
                    </a:lnTo>
                    <a:lnTo>
                      <a:pt x="146" y="504"/>
                    </a:lnTo>
                    <a:lnTo>
                      <a:pt x="148" y="499"/>
                    </a:lnTo>
                    <a:lnTo>
                      <a:pt x="150" y="488"/>
                    </a:lnTo>
                    <a:lnTo>
                      <a:pt x="154" y="478"/>
                    </a:lnTo>
                    <a:lnTo>
                      <a:pt x="157" y="474"/>
                    </a:lnTo>
                    <a:lnTo>
                      <a:pt x="158" y="471"/>
                    </a:lnTo>
                    <a:lnTo>
                      <a:pt x="159" y="469"/>
                    </a:lnTo>
                    <a:lnTo>
                      <a:pt x="161" y="461"/>
                    </a:lnTo>
                    <a:lnTo>
                      <a:pt x="149" y="457"/>
                    </a:lnTo>
                    <a:lnTo>
                      <a:pt x="139" y="453"/>
                    </a:lnTo>
                    <a:lnTo>
                      <a:pt x="130" y="448"/>
                    </a:lnTo>
                    <a:lnTo>
                      <a:pt x="122" y="443"/>
                    </a:lnTo>
                    <a:lnTo>
                      <a:pt x="115" y="438"/>
                    </a:lnTo>
                    <a:lnTo>
                      <a:pt x="110" y="433"/>
                    </a:lnTo>
                    <a:lnTo>
                      <a:pt x="105" y="426"/>
                    </a:lnTo>
                    <a:lnTo>
                      <a:pt x="101" y="420"/>
                    </a:lnTo>
                    <a:lnTo>
                      <a:pt x="95" y="405"/>
                    </a:lnTo>
                    <a:lnTo>
                      <a:pt x="89" y="390"/>
                    </a:lnTo>
                    <a:lnTo>
                      <a:pt x="86" y="372"/>
                    </a:lnTo>
                    <a:lnTo>
                      <a:pt x="82" y="351"/>
                    </a:lnTo>
                    <a:lnTo>
                      <a:pt x="79" y="339"/>
                    </a:lnTo>
                    <a:lnTo>
                      <a:pt x="74" y="332"/>
                    </a:lnTo>
                    <a:lnTo>
                      <a:pt x="69" y="325"/>
                    </a:lnTo>
                    <a:lnTo>
                      <a:pt x="62" y="320"/>
                    </a:lnTo>
                    <a:lnTo>
                      <a:pt x="47" y="312"/>
                    </a:lnTo>
                    <a:lnTo>
                      <a:pt x="30" y="300"/>
                    </a:lnTo>
                    <a:lnTo>
                      <a:pt x="23" y="291"/>
                    </a:lnTo>
                    <a:lnTo>
                      <a:pt x="18" y="280"/>
                    </a:lnTo>
                    <a:lnTo>
                      <a:pt x="13" y="264"/>
                    </a:lnTo>
                    <a:lnTo>
                      <a:pt x="8" y="246"/>
                    </a:lnTo>
                    <a:lnTo>
                      <a:pt x="4" y="229"/>
                    </a:lnTo>
                    <a:lnTo>
                      <a:pt x="1" y="214"/>
                    </a:lnTo>
                    <a:lnTo>
                      <a:pt x="0" y="199"/>
                    </a:lnTo>
                    <a:lnTo>
                      <a:pt x="0" y="189"/>
                    </a:lnTo>
                    <a:lnTo>
                      <a:pt x="1" y="176"/>
                    </a:lnTo>
                    <a:lnTo>
                      <a:pt x="3" y="163"/>
                    </a:lnTo>
                    <a:lnTo>
                      <a:pt x="3" y="151"/>
                    </a:lnTo>
                    <a:lnTo>
                      <a:pt x="3" y="140"/>
                    </a:lnTo>
                    <a:lnTo>
                      <a:pt x="4" y="140"/>
                    </a:lnTo>
                    <a:lnTo>
                      <a:pt x="27" y="132"/>
                    </a:lnTo>
                    <a:lnTo>
                      <a:pt x="55" y="126"/>
                    </a:lnTo>
                    <a:lnTo>
                      <a:pt x="82" y="120"/>
                    </a:lnTo>
                    <a:lnTo>
                      <a:pt x="110" y="115"/>
                    </a:lnTo>
                    <a:lnTo>
                      <a:pt x="123" y="111"/>
                    </a:lnTo>
                    <a:lnTo>
                      <a:pt x="136" y="107"/>
                    </a:lnTo>
                    <a:lnTo>
                      <a:pt x="149" y="102"/>
                    </a:lnTo>
                    <a:lnTo>
                      <a:pt x="159" y="96"/>
                    </a:lnTo>
                    <a:lnTo>
                      <a:pt x="170" y="89"/>
                    </a:lnTo>
                    <a:lnTo>
                      <a:pt x="178" y="82"/>
                    </a:lnTo>
                    <a:lnTo>
                      <a:pt x="185" y="71"/>
                    </a:lnTo>
                    <a:lnTo>
                      <a:pt x="191" y="60"/>
                    </a:lnTo>
                    <a:lnTo>
                      <a:pt x="196" y="47"/>
                    </a:lnTo>
                    <a:lnTo>
                      <a:pt x="203" y="35"/>
                    </a:lnTo>
                    <a:lnTo>
                      <a:pt x="213" y="26"/>
                    </a:lnTo>
                    <a:lnTo>
                      <a:pt x="222" y="18"/>
                    </a:lnTo>
                    <a:lnTo>
                      <a:pt x="233" y="12"/>
                    </a:lnTo>
                    <a:lnTo>
                      <a:pt x="245" y="6"/>
                    </a:lnTo>
                    <a:lnTo>
                      <a:pt x="258" y="3"/>
                    </a:lnTo>
                    <a:lnTo>
                      <a:pt x="271" y="1"/>
                    </a:lnTo>
                    <a:lnTo>
                      <a:pt x="285" y="0"/>
                    </a:lnTo>
                    <a:lnTo>
                      <a:pt x="299" y="0"/>
                    </a:lnTo>
                    <a:lnTo>
                      <a:pt x="312" y="1"/>
                    </a:lnTo>
                    <a:lnTo>
                      <a:pt x="327" y="3"/>
                    </a:lnTo>
                    <a:lnTo>
                      <a:pt x="341" y="5"/>
                    </a:lnTo>
                    <a:lnTo>
                      <a:pt x="354" y="9"/>
                    </a:lnTo>
                    <a:lnTo>
                      <a:pt x="365" y="14"/>
                    </a:lnTo>
                    <a:lnTo>
                      <a:pt x="377" y="18"/>
                    </a:lnTo>
                    <a:lnTo>
                      <a:pt x="466" y="36"/>
                    </a:lnTo>
                    <a:lnTo>
                      <a:pt x="520" y="40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97" name="Freeform 116"/>
              <p:cNvSpPr>
                <a:spLocks/>
              </p:cNvSpPr>
              <p:nvPr/>
            </p:nvSpPr>
            <p:spPr bwMode="auto">
              <a:xfrm>
                <a:off x="8355430" y="4866316"/>
                <a:ext cx="633948" cy="832707"/>
              </a:xfrm>
              <a:custGeom>
                <a:avLst/>
                <a:gdLst/>
                <a:ahLst/>
                <a:cxnLst>
                  <a:cxn ang="0">
                    <a:pos x="601" y="219"/>
                  </a:cxn>
                  <a:cxn ang="0">
                    <a:pos x="675" y="391"/>
                  </a:cxn>
                  <a:cxn ang="0">
                    <a:pos x="780" y="487"/>
                  </a:cxn>
                  <a:cxn ang="0">
                    <a:pos x="818" y="600"/>
                  </a:cxn>
                  <a:cxn ang="0">
                    <a:pos x="873" y="681"/>
                  </a:cxn>
                  <a:cxn ang="0">
                    <a:pos x="981" y="719"/>
                  </a:cxn>
                  <a:cxn ang="0">
                    <a:pos x="1079" y="784"/>
                  </a:cxn>
                  <a:cxn ang="0">
                    <a:pos x="1119" y="784"/>
                  </a:cxn>
                  <a:cxn ang="0">
                    <a:pos x="1141" y="703"/>
                  </a:cxn>
                  <a:cxn ang="0">
                    <a:pos x="1204" y="692"/>
                  </a:cxn>
                  <a:cxn ang="0">
                    <a:pos x="1303" y="741"/>
                  </a:cxn>
                  <a:cxn ang="0">
                    <a:pos x="1267" y="782"/>
                  </a:cxn>
                  <a:cxn ang="0">
                    <a:pos x="1226" y="869"/>
                  </a:cxn>
                  <a:cxn ang="0">
                    <a:pos x="1239" y="1023"/>
                  </a:cxn>
                  <a:cxn ang="0">
                    <a:pos x="1213" y="1157"/>
                  </a:cxn>
                  <a:cxn ang="0">
                    <a:pos x="1272" y="1288"/>
                  </a:cxn>
                  <a:cxn ang="0">
                    <a:pos x="1381" y="1380"/>
                  </a:cxn>
                  <a:cxn ang="0">
                    <a:pos x="1382" y="1439"/>
                  </a:cxn>
                  <a:cxn ang="0">
                    <a:pos x="1254" y="1501"/>
                  </a:cxn>
                  <a:cxn ang="0">
                    <a:pos x="1208" y="1593"/>
                  </a:cxn>
                  <a:cxn ang="0">
                    <a:pos x="1215" y="1744"/>
                  </a:cxn>
                  <a:cxn ang="0">
                    <a:pos x="1185" y="1806"/>
                  </a:cxn>
                  <a:cxn ang="0">
                    <a:pos x="1130" y="1812"/>
                  </a:cxn>
                  <a:cxn ang="0">
                    <a:pos x="1083" y="1815"/>
                  </a:cxn>
                  <a:cxn ang="0">
                    <a:pos x="1043" y="1810"/>
                  </a:cxn>
                  <a:cxn ang="0">
                    <a:pos x="977" y="1842"/>
                  </a:cxn>
                  <a:cxn ang="0">
                    <a:pos x="992" y="1654"/>
                  </a:cxn>
                  <a:cxn ang="0">
                    <a:pos x="951" y="1649"/>
                  </a:cxn>
                  <a:cxn ang="0">
                    <a:pos x="890" y="1614"/>
                  </a:cxn>
                  <a:cxn ang="0">
                    <a:pos x="877" y="1563"/>
                  </a:cxn>
                  <a:cxn ang="0">
                    <a:pos x="825" y="1535"/>
                  </a:cxn>
                  <a:cxn ang="0">
                    <a:pos x="770" y="1450"/>
                  </a:cxn>
                  <a:cxn ang="0">
                    <a:pos x="696" y="1425"/>
                  </a:cxn>
                  <a:cxn ang="0">
                    <a:pos x="672" y="1373"/>
                  </a:cxn>
                  <a:cxn ang="0">
                    <a:pos x="615" y="1399"/>
                  </a:cxn>
                  <a:cxn ang="0">
                    <a:pos x="613" y="1453"/>
                  </a:cxn>
                  <a:cxn ang="0">
                    <a:pos x="587" y="1505"/>
                  </a:cxn>
                  <a:cxn ang="0">
                    <a:pos x="552" y="1567"/>
                  </a:cxn>
                  <a:cxn ang="0">
                    <a:pos x="513" y="1545"/>
                  </a:cxn>
                  <a:cxn ang="0">
                    <a:pos x="407" y="1497"/>
                  </a:cxn>
                  <a:cxn ang="0">
                    <a:pos x="355" y="1455"/>
                  </a:cxn>
                  <a:cxn ang="0">
                    <a:pos x="314" y="1418"/>
                  </a:cxn>
                  <a:cxn ang="0">
                    <a:pos x="263" y="1400"/>
                  </a:cxn>
                  <a:cxn ang="0">
                    <a:pos x="211" y="1328"/>
                  </a:cxn>
                  <a:cxn ang="0">
                    <a:pos x="141" y="1282"/>
                  </a:cxn>
                  <a:cxn ang="0">
                    <a:pos x="215" y="1209"/>
                  </a:cxn>
                  <a:cxn ang="0">
                    <a:pos x="159" y="1109"/>
                  </a:cxn>
                  <a:cxn ang="0">
                    <a:pos x="178" y="1070"/>
                  </a:cxn>
                  <a:cxn ang="0">
                    <a:pos x="231" y="1049"/>
                  </a:cxn>
                  <a:cxn ang="0">
                    <a:pos x="154" y="962"/>
                  </a:cxn>
                  <a:cxn ang="0">
                    <a:pos x="101" y="872"/>
                  </a:cxn>
                  <a:cxn ang="0">
                    <a:pos x="123" y="773"/>
                  </a:cxn>
                  <a:cxn ang="0">
                    <a:pos x="156" y="531"/>
                  </a:cxn>
                  <a:cxn ang="0">
                    <a:pos x="157" y="474"/>
                  </a:cxn>
                  <a:cxn ang="0">
                    <a:pos x="115" y="438"/>
                  </a:cxn>
                  <a:cxn ang="0">
                    <a:pos x="79" y="339"/>
                  </a:cxn>
                  <a:cxn ang="0">
                    <a:pos x="13" y="264"/>
                  </a:cxn>
                  <a:cxn ang="0">
                    <a:pos x="3" y="151"/>
                  </a:cxn>
                  <a:cxn ang="0">
                    <a:pos x="136" y="107"/>
                  </a:cxn>
                  <a:cxn ang="0">
                    <a:pos x="203" y="35"/>
                  </a:cxn>
                  <a:cxn ang="0">
                    <a:pos x="299" y="0"/>
                  </a:cxn>
                  <a:cxn ang="0">
                    <a:pos x="520" y="40"/>
                  </a:cxn>
                </a:cxnLst>
                <a:rect l="0" t="0" r="r" b="b"/>
                <a:pathLst>
                  <a:path w="1393" h="1845">
                    <a:moveTo>
                      <a:pt x="520" y="40"/>
                    </a:moveTo>
                    <a:lnTo>
                      <a:pt x="542" y="72"/>
                    </a:lnTo>
                    <a:lnTo>
                      <a:pt x="562" y="105"/>
                    </a:lnTo>
                    <a:lnTo>
                      <a:pt x="571" y="122"/>
                    </a:lnTo>
                    <a:lnTo>
                      <a:pt x="579" y="140"/>
                    </a:lnTo>
                    <a:lnTo>
                      <a:pt x="586" y="158"/>
                    </a:lnTo>
                    <a:lnTo>
                      <a:pt x="591" y="176"/>
                    </a:lnTo>
                    <a:lnTo>
                      <a:pt x="601" y="219"/>
                    </a:lnTo>
                    <a:lnTo>
                      <a:pt x="610" y="260"/>
                    </a:lnTo>
                    <a:lnTo>
                      <a:pt x="617" y="280"/>
                    </a:lnTo>
                    <a:lnTo>
                      <a:pt x="623" y="300"/>
                    </a:lnTo>
                    <a:lnTo>
                      <a:pt x="634" y="319"/>
                    </a:lnTo>
                    <a:lnTo>
                      <a:pt x="645" y="338"/>
                    </a:lnTo>
                    <a:lnTo>
                      <a:pt x="657" y="355"/>
                    </a:lnTo>
                    <a:lnTo>
                      <a:pt x="666" y="373"/>
                    </a:lnTo>
                    <a:lnTo>
                      <a:pt x="675" y="391"/>
                    </a:lnTo>
                    <a:lnTo>
                      <a:pt x="688" y="409"/>
                    </a:lnTo>
                    <a:lnTo>
                      <a:pt x="698" y="422"/>
                    </a:lnTo>
                    <a:lnTo>
                      <a:pt x="711" y="434"/>
                    </a:lnTo>
                    <a:lnTo>
                      <a:pt x="726" y="444"/>
                    </a:lnTo>
                    <a:lnTo>
                      <a:pt x="741" y="455"/>
                    </a:lnTo>
                    <a:lnTo>
                      <a:pt x="755" y="465"/>
                    </a:lnTo>
                    <a:lnTo>
                      <a:pt x="768" y="475"/>
                    </a:lnTo>
                    <a:lnTo>
                      <a:pt x="780" y="487"/>
                    </a:lnTo>
                    <a:lnTo>
                      <a:pt x="789" y="500"/>
                    </a:lnTo>
                    <a:lnTo>
                      <a:pt x="797" y="514"/>
                    </a:lnTo>
                    <a:lnTo>
                      <a:pt x="803" y="527"/>
                    </a:lnTo>
                    <a:lnTo>
                      <a:pt x="808" y="541"/>
                    </a:lnTo>
                    <a:lnTo>
                      <a:pt x="812" y="556"/>
                    </a:lnTo>
                    <a:lnTo>
                      <a:pt x="815" y="570"/>
                    </a:lnTo>
                    <a:lnTo>
                      <a:pt x="816" y="584"/>
                    </a:lnTo>
                    <a:lnTo>
                      <a:pt x="818" y="600"/>
                    </a:lnTo>
                    <a:lnTo>
                      <a:pt x="819" y="615"/>
                    </a:lnTo>
                    <a:lnTo>
                      <a:pt x="823" y="667"/>
                    </a:lnTo>
                    <a:lnTo>
                      <a:pt x="829" y="667"/>
                    </a:lnTo>
                    <a:lnTo>
                      <a:pt x="836" y="667"/>
                    </a:lnTo>
                    <a:lnTo>
                      <a:pt x="842" y="668"/>
                    </a:lnTo>
                    <a:lnTo>
                      <a:pt x="849" y="670"/>
                    </a:lnTo>
                    <a:lnTo>
                      <a:pt x="862" y="675"/>
                    </a:lnTo>
                    <a:lnTo>
                      <a:pt x="873" y="681"/>
                    </a:lnTo>
                    <a:lnTo>
                      <a:pt x="895" y="697"/>
                    </a:lnTo>
                    <a:lnTo>
                      <a:pt x="917" y="711"/>
                    </a:lnTo>
                    <a:lnTo>
                      <a:pt x="928" y="715"/>
                    </a:lnTo>
                    <a:lnTo>
                      <a:pt x="938" y="718"/>
                    </a:lnTo>
                    <a:lnTo>
                      <a:pt x="950" y="719"/>
                    </a:lnTo>
                    <a:lnTo>
                      <a:pt x="960" y="719"/>
                    </a:lnTo>
                    <a:lnTo>
                      <a:pt x="970" y="719"/>
                    </a:lnTo>
                    <a:lnTo>
                      <a:pt x="981" y="719"/>
                    </a:lnTo>
                    <a:lnTo>
                      <a:pt x="991" y="720"/>
                    </a:lnTo>
                    <a:lnTo>
                      <a:pt x="1002" y="723"/>
                    </a:lnTo>
                    <a:lnTo>
                      <a:pt x="1016" y="729"/>
                    </a:lnTo>
                    <a:lnTo>
                      <a:pt x="1029" y="738"/>
                    </a:lnTo>
                    <a:lnTo>
                      <a:pt x="1043" y="750"/>
                    </a:lnTo>
                    <a:lnTo>
                      <a:pt x="1056" y="762"/>
                    </a:lnTo>
                    <a:lnTo>
                      <a:pt x="1068" y="773"/>
                    </a:lnTo>
                    <a:lnTo>
                      <a:pt x="1079" y="784"/>
                    </a:lnTo>
                    <a:lnTo>
                      <a:pt x="1086" y="788"/>
                    </a:lnTo>
                    <a:lnTo>
                      <a:pt x="1091" y="790"/>
                    </a:lnTo>
                    <a:lnTo>
                      <a:pt x="1096" y="793"/>
                    </a:lnTo>
                    <a:lnTo>
                      <a:pt x="1100" y="794"/>
                    </a:lnTo>
                    <a:lnTo>
                      <a:pt x="1106" y="793"/>
                    </a:lnTo>
                    <a:lnTo>
                      <a:pt x="1112" y="791"/>
                    </a:lnTo>
                    <a:lnTo>
                      <a:pt x="1116" y="788"/>
                    </a:lnTo>
                    <a:lnTo>
                      <a:pt x="1119" y="784"/>
                    </a:lnTo>
                    <a:lnTo>
                      <a:pt x="1123" y="772"/>
                    </a:lnTo>
                    <a:lnTo>
                      <a:pt x="1126" y="758"/>
                    </a:lnTo>
                    <a:lnTo>
                      <a:pt x="1128" y="742"/>
                    </a:lnTo>
                    <a:lnTo>
                      <a:pt x="1131" y="727"/>
                    </a:lnTo>
                    <a:lnTo>
                      <a:pt x="1134" y="720"/>
                    </a:lnTo>
                    <a:lnTo>
                      <a:pt x="1135" y="714"/>
                    </a:lnTo>
                    <a:lnTo>
                      <a:pt x="1139" y="709"/>
                    </a:lnTo>
                    <a:lnTo>
                      <a:pt x="1141" y="703"/>
                    </a:lnTo>
                    <a:lnTo>
                      <a:pt x="1149" y="698"/>
                    </a:lnTo>
                    <a:lnTo>
                      <a:pt x="1156" y="694"/>
                    </a:lnTo>
                    <a:lnTo>
                      <a:pt x="1163" y="692"/>
                    </a:lnTo>
                    <a:lnTo>
                      <a:pt x="1171" y="690"/>
                    </a:lnTo>
                    <a:lnTo>
                      <a:pt x="1179" y="689"/>
                    </a:lnTo>
                    <a:lnTo>
                      <a:pt x="1187" y="689"/>
                    </a:lnTo>
                    <a:lnTo>
                      <a:pt x="1195" y="690"/>
                    </a:lnTo>
                    <a:lnTo>
                      <a:pt x="1204" y="692"/>
                    </a:lnTo>
                    <a:lnTo>
                      <a:pt x="1220" y="697"/>
                    </a:lnTo>
                    <a:lnTo>
                      <a:pt x="1237" y="702"/>
                    </a:lnTo>
                    <a:lnTo>
                      <a:pt x="1254" y="710"/>
                    </a:lnTo>
                    <a:lnTo>
                      <a:pt x="1270" y="716"/>
                    </a:lnTo>
                    <a:lnTo>
                      <a:pt x="1279" y="720"/>
                    </a:lnTo>
                    <a:lnTo>
                      <a:pt x="1288" y="727"/>
                    </a:lnTo>
                    <a:lnTo>
                      <a:pt x="1297" y="733"/>
                    </a:lnTo>
                    <a:lnTo>
                      <a:pt x="1303" y="741"/>
                    </a:lnTo>
                    <a:lnTo>
                      <a:pt x="1305" y="744"/>
                    </a:lnTo>
                    <a:lnTo>
                      <a:pt x="1305" y="746"/>
                    </a:lnTo>
                    <a:lnTo>
                      <a:pt x="1303" y="749"/>
                    </a:lnTo>
                    <a:lnTo>
                      <a:pt x="1302" y="751"/>
                    </a:lnTo>
                    <a:lnTo>
                      <a:pt x="1298" y="758"/>
                    </a:lnTo>
                    <a:lnTo>
                      <a:pt x="1293" y="763"/>
                    </a:lnTo>
                    <a:lnTo>
                      <a:pt x="1279" y="773"/>
                    </a:lnTo>
                    <a:lnTo>
                      <a:pt x="1267" y="782"/>
                    </a:lnTo>
                    <a:lnTo>
                      <a:pt x="1252" y="799"/>
                    </a:lnTo>
                    <a:lnTo>
                      <a:pt x="1233" y="823"/>
                    </a:lnTo>
                    <a:lnTo>
                      <a:pt x="1226" y="835"/>
                    </a:lnTo>
                    <a:lnTo>
                      <a:pt x="1222" y="847"/>
                    </a:lnTo>
                    <a:lnTo>
                      <a:pt x="1220" y="854"/>
                    </a:lnTo>
                    <a:lnTo>
                      <a:pt x="1222" y="859"/>
                    </a:lnTo>
                    <a:lnTo>
                      <a:pt x="1223" y="864"/>
                    </a:lnTo>
                    <a:lnTo>
                      <a:pt x="1226" y="869"/>
                    </a:lnTo>
                    <a:lnTo>
                      <a:pt x="1236" y="877"/>
                    </a:lnTo>
                    <a:lnTo>
                      <a:pt x="1250" y="886"/>
                    </a:lnTo>
                    <a:lnTo>
                      <a:pt x="1266" y="892"/>
                    </a:lnTo>
                    <a:lnTo>
                      <a:pt x="1279" y="899"/>
                    </a:lnTo>
                    <a:lnTo>
                      <a:pt x="1292" y="904"/>
                    </a:lnTo>
                    <a:lnTo>
                      <a:pt x="1306" y="911"/>
                    </a:lnTo>
                    <a:lnTo>
                      <a:pt x="1306" y="911"/>
                    </a:lnTo>
                    <a:lnTo>
                      <a:pt x="1239" y="1023"/>
                    </a:lnTo>
                    <a:lnTo>
                      <a:pt x="1227" y="1041"/>
                    </a:lnTo>
                    <a:lnTo>
                      <a:pt x="1218" y="1056"/>
                    </a:lnTo>
                    <a:lnTo>
                      <a:pt x="1210" y="1071"/>
                    </a:lnTo>
                    <a:lnTo>
                      <a:pt x="1206" y="1084"/>
                    </a:lnTo>
                    <a:lnTo>
                      <a:pt x="1205" y="1100"/>
                    </a:lnTo>
                    <a:lnTo>
                      <a:pt x="1205" y="1115"/>
                    </a:lnTo>
                    <a:lnTo>
                      <a:pt x="1208" y="1135"/>
                    </a:lnTo>
                    <a:lnTo>
                      <a:pt x="1213" y="1157"/>
                    </a:lnTo>
                    <a:lnTo>
                      <a:pt x="1217" y="1176"/>
                    </a:lnTo>
                    <a:lnTo>
                      <a:pt x="1222" y="1193"/>
                    </a:lnTo>
                    <a:lnTo>
                      <a:pt x="1227" y="1210"/>
                    </a:lnTo>
                    <a:lnTo>
                      <a:pt x="1233" y="1227"/>
                    </a:lnTo>
                    <a:lnTo>
                      <a:pt x="1241" y="1242"/>
                    </a:lnTo>
                    <a:lnTo>
                      <a:pt x="1250" y="1258"/>
                    </a:lnTo>
                    <a:lnTo>
                      <a:pt x="1259" y="1272"/>
                    </a:lnTo>
                    <a:lnTo>
                      <a:pt x="1272" y="1288"/>
                    </a:lnTo>
                    <a:lnTo>
                      <a:pt x="1287" y="1301"/>
                    </a:lnTo>
                    <a:lnTo>
                      <a:pt x="1305" y="1315"/>
                    </a:lnTo>
                    <a:lnTo>
                      <a:pt x="1325" y="1330"/>
                    </a:lnTo>
                    <a:lnTo>
                      <a:pt x="1347" y="1346"/>
                    </a:lnTo>
                    <a:lnTo>
                      <a:pt x="1356" y="1354"/>
                    </a:lnTo>
                    <a:lnTo>
                      <a:pt x="1367" y="1363"/>
                    </a:lnTo>
                    <a:lnTo>
                      <a:pt x="1375" y="1370"/>
                    </a:lnTo>
                    <a:lnTo>
                      <a:pt x="1381" y="1380"/>
                    </a:lnTo>
                    <a:lnTo>
                      <a:pt x="1388" y="1389"/>
                    </a:lnTo>
                    <a:lnTo>
                      <a:pt x="1391" y="1399"/>
                    </a:lnTo>
                    <a:lnTo>
                      <a:pt x="1393" y="1408"/>
                    </a:lnTo>
                    <a:lnTo>
                      <a:pt x="1391" y="1418"/>
                    </a:lnTo>
                    <a:lnTo>
                      <a:pt x="1390" y="1424"/>
                    </a:lnTo>
                    <a:lnTo>
                      <a:pt x="1388" y="1430"/>
                    </a:lnTo>
                    <a:lnTo>
                      <a:pt x="1385" y="1435"/>
                    </a:lnTo>
                    <a:lnTo>
                      <a:pt x="1382" y="1439"/>
                    </a:lnTo>
                    <a:lnTo>
                      <a:pt x="1373" y="1448"/>
                    </a:lnTo>
                    <a:lnTo>
                      <a:pt x="1363" y="1456"/>
                    </a:lnTo>
                    <a:lnTo>
                      <a:pt x="1351" y="1462"/>
                    </a:lnTo>
                    <a:lnTo>
                      <a:pt x="1338" y="1468"/>
                    </a:lnTo>
                    <a:lnTo>
                      <a:pt x="1325" y="1474"/>
                    </a:lnTo>
                    <a:lnTo>
                      <a:pt x="1311" y="1479"/>
                    </a:lnTo>
                    <a:lnTo>
                      <a:pt x="1281" y="1490"/>
                    </a:lnTo>
                    <a:lnTo>
                      <a:pt x="1254" y="1501"/>
                    </a:lnTo>
                    <a:lnTo>
                      <a:pt x="1241" y="1508"/>
                    </a:lnTo>
                    <a:lnTo>
                      <a:pt x="1230" y="1516"/>
                    </a:lnTo>
                    <a:lnTo>
                      <a:pt x="1220" y="1523"/>
                    </a:lnTo>
                    <a:lnTo>
                      <a:pt x="1213" y="1534"/>
                    </a:lnTo>
                    <a:lnTo>
                      <a:pt x="1211" y="1548"/>
                    </a:lnTo>
                    <a:lnTo>
                      <a:pt x="1210" y="1563"/>
                    </a:lnTo>
                    <a:lnTo>
                      <a:pt x="1208" y="1578"/>
                    </a:lnTo>
                    <a:lnTo>
                      <a:pt x="1208" y="1593"/>
                    </a:lnTo>
                    <a:lnTo>
                      <a:pt x="1209" y="1615"/>
                    </a:lnTo>
                    <a:lnTo>
                      <a:pt x="1213" y="1636"/>
                    </a:lnTo>
                    <a:lnTo>
                      <a:pt x="1217" y="1658"/>
                    </a:lnTo>
                    <a:lnTo>
                      <a:pt x="1219" y="1679"/>
                    </a:lnTo>
                    <a:lnTo>
                      <a:pt x="1218" y="1700"/>
                    </a:lnTo>
                    <a:lnTo>
                      <a:pt x="1217" y="1722"/>
                    </a:lnTo>
                    <a:lnTo>
                      <a:pt x="1215" y="1733"/>
                    </a:lnTo>
                    <a:lnTo>
                      <a:pt x="1215" y="1744"/>
                    </a:lnTo>
                    <a:lnTo>
                      <a:pt x="1215" y="1754"/>
                    </a:lnTo>
                    <a:lnTo>
                      <a:pt x="1217" y="1764"/>
                    </a:lnTo>
                    <a:lnTo>
                      <a:pt x="1201" y="1829"/>
                    </a:lnTo>
                    <a:lnTo>
                      <a:pt x="1201" y="1829"/>
                    </a:lnTo>
                    <a:lnTo>
                      <a:pt x="1200" y="1825"/>
                    </a:lnTo>
                    <a:lnTo>
                      <a:pt x="1196" y="1819"/>
                    </a:lnTo>
                    <a:lnTo>
                      <a:pt x="1191" y="1812"/>
                    </a:lnTo>
                    <a:lnTo>
                      <a:pt x="1185" y="1806"/>
                    </a:lnTo>
                    <a:lnTo>
                      <a:pt x="1179" y="1801"/>
                    </a:lnTo>
                    <a:lnTo>
                      <a:pt x="1173" y="1797"/>
                    </a:lnTo>
                    <a:lnTo>
                      <a:pt x="1166" y="1793"/>
                    </a:lnTo>
                    <a:lnTo>
                      <a:pt x="1161" y="1793"/>
                    </a:lnTo>
                    <a:lnTo>
                      <a:pt x="1153" y="1795"/>
                    </a:lnTo>
                    <a:lnTo>
                      <a:pt x="1145" y="1801"/>
                    </a:lnTo>
                    <a:lnTo>
                      <a:pt x="1138" y="1806"/>
                    </a:lnTo>
                    <a:lnTo>
                      <a:pt x="1130" y="1812"/>
                    </a:lnTo>
                    <a:lnTo>
                      <a:pt x="1123" y="1817"/>
                    </a:lnTo>
                    <a:lnTo>
                      <a:pt x="1116" y="1821"/>
                    </a:lnTo>
                    <a:lnTo>
                      <a:pt x="1112" y="1823"/>
                    </a:lnTo>
                    <a:lnTo>
                      <a:pt x="1108" y="1824"/>
                    </a:lnTo>
                    <a:lnTo>
                      <a:pt x="1103" y="1824"/>
                    </a:lnTo>
                    <a:lnTo>
                      <a:pt x="1099" y="1823"/>
                    </a:lnTo>
                    <a:lnTo>
                      <a:pt x="1090" y="1820"/>
                    </a:lnTo>
                    <a:lnTo>
                      <a:pt x="1083" y="1815"/>
                    </a:lnTo>
                    <a:lnTo>
                      <a:pt x="1077" y="1808"/>
                    </a:lnTo>
                    <a:lnTo>
                      <a:pt x="1070" y="1803"/>
                    </a:lnTo>
                    <a:lnTo>
                      <a:pt x="1068" y="1802"/>
                    </a:lnTo>
                    <a:lnTo>
                      <a:pt x="1064" y="1801"/>
                    </a:lnTo>
                    <a:lnTo>
                      <a:pt x="1061" y="1801"/>
                    </a:lnTo>
                    <a:lnTo>
                      <a:pt x="1057" y="1802"/>
                    </a:lnTo>
                    <a:lnTo>
                      <a:pt x="1051" y="1806"/>
                    </a:lnTo>
                    <a:lnTo>
                      <a:pt x="1043" y="1810"/>
                    </a:lnTo>
                    <a:lnTo>
                      <a:pt x="1031" y="1823"/>
                    </a:lnTo>
                    <a:lnTo>
                      <a:pt x="1022" y="1832"/>
                    </a:lnTo>
                    <a:lnTo>
                      <a:pt x="1018" y="1837"/>
                    </a:lnTo>
                    <a:lnTo>
                      <a:pt x="1013" y="1841"/>
                    </a:lnTo>
                    <a:lnTo>
                      <a:pt x="1008" y="1843"/>
                    </a:lnTo>
                    <a:lnTo>
                      <a:pt x="1003" y="1845"/>
                    </a:lnTo>
                    <a:lnTo>
                      <a:pt x="990" y="1845"/>
                    </a:lnTo>
                    <a:lnTo>
                      <a:pt x="977" y="1842"/>
                    </a:lnTo>
                    <a:lnTo>
                      <a:pt x="950" y="1833"/>
                    </a:lnTo>
                    <a:lnTo>
                      <a:pt x="926" y="1825"/>
                    </a:lnTo>
                    <a:lnTo>
                      <a:pt x="926" y="1825"/>
                    </a:lnTo>
                    <a:lnTo>
                      <a:pt x="987" y="1679"/>
                    </a:lnTo>
                    <a:lnTo>
                      <a:pt x="991" y="1670"/>
                    </a:lnTo>
                    <a:lnTo>
                      <a:pt x="992" y="1663"/>
                    </a:lnTo>
                    <a:lnTo>
                      <a:pt x="994" y="1658"/>
                    </a:lnTo>
                    <a:lnTo>
                      <a:pt x="992" y="1654"/>
                    </a:lnTo>
                    <a:lnTo>
                      <a:pt x="991" y="1652"/>
                    </a:lnTo>
                    <a:lnTo>
                      <a:pt x="989" y="1650"/>
                    </a:lnTo>
                    <a:lnTo>
                      <a:pt x="985" y="1649"/>
                    </a:lnTo>
                    <a:lnTo>
                      <a:pt x="981" y="1649"/>
                    </a:lnTo>
                    <a:lnTo>
                      <a:pt x="972" y="1649"/>
                    </a:lnTo>
                    <a:lnTo>
                      <a:pt x="961" y="1649"/>
                    </a:lnTo>
                    <a:lnTo>
                      <a:pt x="956" y="1649"/>
                    </a:lnTo>
                    <a:lnTo>
                      <a:pt x="951" y="1649"/>
                    </a:lnTo>
                    <a:lnTo>
                      <a:pt x="946" y="1648"/>
                    </a:lnTo>
                    <a:lnTo>
                      <a:pt x="941" y="1645"/>
                    </a:lnTo>
                    <a:lnTo>
                      <a:pt x="933" y="1639"/>
                    </a:lnTo>
                    <a:lnTo>
                      <a:pt x="924" y="1632"/>
                    </a:lnTo>
                    <a:lnTo>
                      <a:pt x="916" y="1627"/>
                    </a:lnTo>
                    <a:lnTo>
                      <a:pt x="906" y="1622"/>
                    </a:lnTo>
                    <a:lnTo>
                      <a:pt x="897" y="1619"/>
                    </a:lnTo>
                    <a:lnTo>
                      <a:pt x="890" y="1614"/>
                    </a:lnTo>
                    <a:lnTo>
                      <a:pt x="885" y="1610"/>
                    </a:lnTo>
                    <a:lnTo>
                      <a:pt x="882" y="1605"/>
                    </a:lnTo>
                    <a:lnTo>
                      <a:pt x="880" y="1595"/>
                    </a:lnTo>
                    <a:lnTo>
                      <a:pt x="880" y="1583"/>
                    </a:lnTo>
                    <a:lnTo>
                      <a:pt x="880" y="1578"/>
                    </a:lnTo>
                    <a:lnTo>
                      <a:pt x="880" y="1573"/>
                    </a:lnTo>
                    <a:lnTo>
                      <a:pt x="880" y="1567"/>
                    </a:lnTo>
                    <a:lnTo>
                      <a:pt x="877" y="1563"/>
                    </a:lnTo>
                    <a:lnTo>
                      <a:pt x="873" y="1560"/>
                    </a:lnTo>
                    <a:lnTo>
                      <a:pt x="868" y="1556"/>
                    </a:lnTo>
                    <a:lnTo>
                      <a:pt x="860" y="1553"/>
                    </a:lnTo>
                    <a:lnTo>
                      <a:pt x="850" y="1551"/>
                    </a:lnTo>
                    <a:lnTo>
                      <a:pt x="843" y="1549"/>
                    </a:lnTo>
                    <a:lnTo>
                      <a:pt x="837" y="1545"/>
                    </a:lnTo>
                    <a:lnTo>
                      <a:pt x="832" y="1540"/>
                    </a:lnTo>
                    <a:lnTo>
                      <a:pt x="825" y="1535"/>
                    </a:lnTo>
                    <a:lnTo>
                      <a:pt x="815" y="1521"/>
                    </a:lnTo>
                    <a:lnTo>
                      <a:pt x="806" y="1504"/>
                    </a:lnTo>
                    <a:lnTo>
                      <a:pt x="797" y="1487"/>
                    </a:lnTo>
                    <a:lnTo>
                      <a:pt x="789" y="1472"/>
                    </a:lnTo>
                    <a:lnTo>
                      <a:pt x="784" y="1464"/>
                    </a:lnTo>
                    <a:lnTo>
                      <a:pt x="780" y="1459"/>
                    </a:lnTo>
                    <a:lnTo>
                      <a:pt x="775" y="1453"/>
                    </a:lnTo>
                    <a:lnTo>
                      <a:pt x="770" y="1450"/>
                    </a:lnTo>
                    <a:lnTo>
                      <a:pt x="761" y="1446"/>
                    </a:lnTo>
                    <a:lnTo>
                      <a:pt x="749" y="1443"/>
                    </a:lnTo>
                    <a:lnTo>
                      <a:pt x="737" y="1440"/>
                    </a:lnTo>
                    <a:lnTo>
                      <a:pt x="726" y="1438"/>
                    </a:lnTo>
                    <a:lnTo>
                      <a:pt x="715" y="1435"/>
                    </a:lnTo>
                    <a:lnTo>
                      <a:pt x="705" y="1431"/>
                    </a:lnTo>
                    <a:lnTo>
                      <a:pt x="700" y="1429"/>
                    </a:lnTo>
                    <a:lnTo>
                      <a:pt x="696" y="1425"/>
                    </a:lnTo>
                    <a:lnTo>
                      <a:pt x="692" y="1421"/>
                    </a:lnTo>
                    <a:lnTo>
                      <a:pt x="688" y="1417"/>
                    </a:lnTo>
                    <a:lnTo>
                      <a:pt x="684" y="1407"/>
                    </a:lnTo>
                    <a:lnTo>
                      <a:pt x="680" y="1393"/>
                    </a:lnTo>
                    <a:lnTo>
                      <a:pt x="679" y="1386"/>
                    </a:lnTo>
                    <a:lnTo>
                      <a:pt x="676" y="1380"/>
                    </a:lnTo>
                    <a:lnTo>
                      <a:pt x="675" y="1376"/>
                    </a:lnTo>
                    <a:lnTo>
                      <a:pt x="672" y="1373"/>
                    </a:lnTo>
                    <a:lnTo>
                      <a:pt x="669" y="1372"/>
                    </a:lnTo>
                    <a:lnTo>
                      <a:pt x="665" y="1372"/>
                    </a:lnTo>
                    <a:lnTo>
                      <a:pt x="660" y="1373"/>
                    </a:lnTo>
                    <a:lnTo>
                      <a:pt x="653" y="1374"/>
                    </a:lnTo>
                    <a:lnTo>
                      <a:pt x="640" y="1381"/>
                    </a:lnTo>
                    <a:lnTo>
                      <a:pt x="627" y="1389"/>
                    </a:lnTo>
                    <a:lnTo>
                      <a:pt x="621" y="1394"/>
                    </a:lnTo>
                    <a:lnTo>
                      <a:pt x="615" y="1399"/>
                    </a:lnTo>
                    <a:lnTo>
                      <a:pt x="610" y="1404"/>
                    </a:lnTo>
                    <a:lnTo>
                      <a:pt x="606" y="1411"/>
                    </a:lnTo>
                    <a:lnTo>
                      <a:pt x="604" y="1416"/>
                    </a:lnTo>
                    <a:lnTo>
                      <a:pt x="603" y="1422"/>
                    </a:lnTo>
                    <a:lnTo>
                      <a:pt x="603" y="1427"/>
                    </a:lnTo>
                    <a:lnTo>
                      <a:pt x="605" y="1434"/>
                    </a:lnTo>
                    <a:lnTo>
                      <a:pt x="610" y="1444"/>
                    </a:lnTo>
                    <a:lnTo>
                      <a:pt x="613" y="1453"/>
                    </a:lnTo>
                    <a:lnTo>
                      <a:pt x="615" y="1461"/>
                    </a:lnTo>
                    <a:lnTo>
                      <a:pt x="615" y="1468"/>
                    </a:lnTo>
                    <a:lnTo>
                      <a:pt x="615" y="1474"/>
                    </a:lnTo>
                    <a:lnTo>
                      <a:pt x="613" y="1479"/>
                    </a:lnTo>
                    <a:lnTo>
                      <a:pt x="610" y="1484"/>
                    </a:lnTo>
                    <a:lnTo>
                      <a:pt x="606" y="1488"/>
                    </a:lnTo>
                    <a:lnTo>
                      <a:pt x="597" y="1496"/>
                    </a:lnTo>
                    <a:lnTo>
                      <a:pt x="587" y="1505"/>
                    </a:lnTo>
                    <a:lnTo>
                      <a:pt x="575" y="1516"/>
                    </a:lnTo>
                    <a:lnTo>
                      <a:pt x="564" y="1530"/>
                    </a:lnTo>
                    <a:lnTo>
                      <a:pt x="560" y="1539"/>
                    </a:lnTo>
                    <a:lnTo>
                      <a:pt x="558" y="1545"/>
                    </a:lnTo>
                    <a:lnTo>
                      <a:pt x="558" y="1552"/>
                    </a:lnTo>
                    <a:lnTo>
                      <a:pt x="557" y="1557"/>
                    </a:lnTo>
                    <a:lnTo>
                      <a:pt x="556" y="1562"/>
                    </a:lnTo>
                    <a:lnTo>
                      <a:pt x="552" y="1567"/>
                    </a:lnTo>
                    <a:lnTo>
                      <a:pt x="546" y="1573"/>
                    </a:lnTo>
                    <a:lnTo>
                      <a:pt x="533" y="1580"/>
                    </a:lnTo>
                    <a:lnTo>
                      <a:pt x="533" y="1580"/>
                    </a:lnTo>
                    <a:lnTo>
                      <a:pt x="527" y="1574"/>
                    </a:lnTo>
                    <a:lnTo>
                      <a:pt x="523" y="1566"/>
                    </a:lnTo>
                    <a:lnTo>
                      <a:pt x="521" y="1560"/>
                    </a:lnTo>
                    <a:lnTo>
                      <a:pt x="517" y="1552"/>
                    </a:lnTo>
                    <a:lnTo>
                      <a:pt x="513" y="1545"/>
                    </a:lnTo>
                    <a:lnTo>
                      <a:pt x="509" y="1539"/>
                    </a:lnTo>
                    <a:lnTo>
                      <a:pt x="503" y="1532"/>
                    </a:lnTo>
                    <a:lnTo>
                      <a:pt x="495" y="1527"/>
                    </a:lnTo>
                    <a:lnTo>
                      <a:pt x="472" y="1518"/>
                    </a:lnTo>
                    <a:lnTo>
                      <a:pt x="443" y="1510"/>
                    </a:lnTo>
                    <a:lnTo>
                      <a:pt x="429" y="1507"/>
                    </a:lnTo>
                    <a:lnTo>
                      <a:pt x="416" y="1503"/>
                    </a:lnTo>
                    <a:lnTo>
                      <a:pt x="407" y="1497"/>
                    </a:lnTo>
                    <a:lnTo>
                      <a:pt x="399" y="1491"/>
                    </a:lnTo>
                    <a:lnTo>
                      <a:pt x="393" y="1479"/>
                    </a:lnTo>
                    <a:lnTo>
                      <a:pt x="386" y="1468"/>
                    </a:lnTo>
                    <a:lnTo>
                      <a:pt x="382" y="1462"/>
                    </a:lnTo>
                    <a:lnTo>
                      <a:pt x="377" y="1459"/>
                    </a:lnTo>
                    <a:lnTo>
                      <a:pt x="371" y="1456"/>
                    </a:lnTo>
                    <a:lnTo>
                      <a:pt x="363" y="1455"/>
                    </a:lnTo>
                    <a:lnTo>
                      <a:pt x="355" y="1455"/>
                    </a:lnTo>
                    <a:lnTo>
                      <a:pt x="350" y="1453"/>
                    </a:lnTo>
                    <a:lnTo>
                      <a:pt x="345" y="1451"/>
                    </a:lnTo>
                    <a:lnTo>
                      <a:pt x="340" y="1448"/>
                    </a:lnTo>
                    <a:lnTo>
                      <a:pt x="333" y="1442"/>
                    </a:lnTo>
                    <a:lnTo>
                      <a:pt x="327" y="1435"/>
                    </a:lnTo>
                    <a:lnTo>
                      <a:pt x="323" y="1427"/>
                    </a:lnTo>
                    <a:lnTo>
                      <a:pt x="317" y="1421"/>
                    </a:lnTo>
                    <a:lnTo>
                      <a:pt x="314" y="1418"/>
                    </a:lnTo>
                    <a:lnTo>
                      <a:pt x="310" y="1416"/>
                    </a:lnTo>
                    <a:lnTo>
                      <a:pt x="306" y="1415"/>
                    </a:lnTo>
                    <a:lnTo>
                      <a:pt x="301" y="1413"/>
                    </a:lnTo>
                    <a:lnTo>
                      <a:pt x="293" y="1413"/>
                    </a:lnTo>
                    <a:lnTo>
                      <a:pt x="286" y="1412"/>
                    </a:lnTo>
                    <a:lnTo>
                      <a:pt x="280" y="1409"/>
                    </a:lnTo>
                    <a:lnTo>
                      <a:pt x="275" y="1407"/>
                    </a:lnTo>
                    <a:lnTo>
                      <a:pt x="263" y="1400"/>
                    </a:lnTo>
                    <a:lnTo>
                      <a:pt x="253" y="1393"/>
                    </a:lnTo>
                    <a:lnTo>
                      <a:pt x="245" y="1383"/>
                    </a:lnTo>
                    <a:lnTo>
                      <a:pt x="237" y="1372"/>
                    </a:lnTo>
                    <a:lnTo>
                      <a:pt x="231" y="1361"/>
                    </a:lnTo>
                    <a:lnTo>
                      <a:pt x="227" y="1350"/>
                    </a:lnTo>
                    <a:lnTo>
                      <a:pt x="223" y="1341"/>
                    </a:lnTo>
                    <a:lnTo>
                      <a:pt x="218" y="1334"/>
                    </a:lnTo>
                    <a:lnTo>
                      <a:pt x="211" y="1328"/>
                    </a:lnTo>
                    <a:lnTo>
                      <a:pt x="205" y="1323"/>
                    </a:lnTo>
                    <a:lnTo>
                      <a:pt x="191" y="1313"/>
                    </a:lnTo>
                    <a:lnTo>
                      <a:pt x="175" y="1307"/>
                    </a:lnTo>
                    <a:lnTo>
                      <a:pt x="167" y="1303"/>
                    </a:lnTo>
                    <a:lnTo>
                      <a:pt x="159" y="1299"/>
                    </a:lnTo>
                    <a:lnTo>
                      <a:pt x="153" y="1294"/>
                    </a:lnTo>
                    <a:lnTo>
                      <a:pt x="146" y="1289"/>
                    </a:lnTo>
                    <a:lnTo>
                      <a:pt x="141" y="1282"/>
                    </a:lnTo>
                    <a:lnTo>
                      <a:pt x="137" y="1275"/>
                    </a:lnTo>
                    <a:lnTo>
                      <a:pt x="134" y="1267"/>
                    </a:lnTo>
                    <a:lnTo>
                      <a:pt x="131" y="1256"/>
                    </a:lnTo>
                    <a:lnTo>
                      <a:pt x="131" y="1256"/>
                    </a:lnTo>
                    <a:lnTo>
                      <a:pt x="201" y="1229"/>
                    </a:lnTo>
                    <a:lnTo>
                      <a:pt x="207" y="1223"/>
                    </a:lnTo>
                    <a:lnTo>
                      <a:pt x="213" y="1215"/>
                    </a:lnTo>
                    <a:lnTo>
                      <a:pt x="215" y="1209"/>
                    </a:lnTo>
                    <a:lnTo>
                      <a:pt x="216" y="1201"/>
                    </a:lnTo>
                    <a:lnTo>
                      <a:pt x="215" y="1193"/>
                    </a:lnTo>
                    <a:lnTo>
                      <a:pt x="213" y="1185"/>
                    </a:lnTo>
                    <a:lnTo>
                      <a:pt x="210" y="1179"/>
                    </a:lnTo>
                    <a:lnTo>
                      <a:pt x="206" y="1171"/>
                    </a:lnTo>
                    <a:lnTo>
                      <a:pt x="184" y="1142"/>
                    </a:lnTo>
                    <a:lnTo>
                      <a:pt x="165" y="1118"/>
                    </a:lnTo>
                    <a:lnTo>
                      <a:pt x="159" y="1109"/>
                    </a:lnTo>
                    <a:lnTo>
                      <a:pt x="156" y="1100"/>
                    </a:lnTo>
                    <a:lnTo>
                      <a:pt x="152" y="1093"/>
                    </a:lnTo>
                    <a:lnTo>
                      <a:pt x="150" y="1087"/>
                    </a:lnTo>
                    <a:lnTo>
                      <a:pt x="150" y="1083"/>
                    </a:lnTo>
                    <a:lnTo>
                      <a:pt x="152" y="1079"/>
                    </a:lnTo>
                    <a:lnTo>
                      <a:pt x="153" y="1076"/>
                    </a:lnTo>
                    <a:lnTo>
                      <a:pt x="157" y="1074"/>
                    </a:lnTo>
                    <a:lnTo>
                      <a:pt x="178" y="1070"/>
                    </a:lnTo>
                    <a:lnTo>
                      <a:pt x="210" y="1066"/>
                    </a:lnTo>
                    <a:lnTo>
                      <a:pt x="215" y="1065"/>
                    </a:lnTo>
                    <a:lnTo>
                      <a:pt x="220" y="1063"/>
                    </a:lnTo>
                    <a:lnTo>
                      <a:pt x="224" y="1061"/>
                    </a:lnTo>
                    <a:lnTo>
                      <a:pt x="227" y="1058"/>
                    </a:lnTo>
                    <a:lnTo>
                      <a:pt x="229" y="1056"/>
                    </a:lnTo>
                    <a:lnTo>
                      <a:pt x="231" y="1052"/>
                    </a:lnTo>
                    <a:lnTo>
                      <a:pt x="231" y="1049"/>
                    </a:lnTo>
                    <a:lnTo>
                      <a:pt x="231" y="1045"/>
                    </a:lnTo>
                    <a:lnTo>
                      <a:pt x="228" y="1038"/>
                    </a:lnTo>
                    <a:lnTo>
                      <a:pt x="224" y="1030"/>
                    </a:lnTo>
                    <a:lnTo>
                      <a:pt x="218" y="1021"/>
                    </a:lnTo>
                    <a:lnTo>
                      <a:pt x="210" y="1012"/>
                    </a:lnTo>
                    <a:lnTo>
                      <a:pt x="191" y="994"/>
                    </a:lnTo>
                    <a:lnTo>
                      <a:pt x="172" y="977"/>
                    </a:lnTo>
                    <a:lnTo>
                      <a:pt x="154" y="962"/>
                    </a:lnTo>
                    <a:lnTo>
                      <a:pt x="144" y="952"/>
                    </a:lnTo>
                    <a:lnTo>
                      <a:pt x="134" y="939"/>
                    </a:lnTo>
                    <a:lnTo>
                      <a:pt x="126" y="927"/>
                    </a:lnTo>
                    <a:lnTo>
                      <a:pt x="118" y="917"/>
                    </a:lnTo>
                    <a:lnTo>
                      <a:pt x="112" y="905"/>
                    </a:lnTo>
                    <a:lnTo>
                      <a:pt x="108" y="894"/>
                    </a:lnTo>
                    <a:lnTo>
                      <a:pt x="104" y="883"/>
                    </a:lnTo>
                    <a:lnTo>
                      <a:pt x="101" y="872"/>
                    </a:lnTo>
                    <a:lnTo>
                      <a:pt x="100" y="860"/>
                    </a:lnTo>
                    <a:lnTo>
                      <a:pt x="100" y="848"/>
                    </a:lnTo>
                    <a:lnTo>
                      <a:pt x="101" y="837"/>
                    </a:lnTo>
                    <a:lnTo>
                      <a:pt x="104" y="825"/>
                    </a:lnTo>
                    <a:lnTo>
                      <a:pt x="108" y="813"/>
                    </a:lnTo>
                    <a:lnTo>
                      <a:pt x="112" y="800"/>
                    </a:lnTo>
                    <a:lnTo>
                      <a:pt x="117" y="788"/>
                    </a:lnTo>
                    <a:lnTo>
                      <a:pt x="123" y="773"/>
                    </a:lnTo>
                    <a:lnTo>
                      <a:pt x="131" y="759"/>
                    </a:lnTo>
                    <a:lnTo>
                      <a:pt x="169" y="676"/>
                    </a:lnTo>
                    <a:lnTo>
                      <a:pt x="170" y="622"/>
                    </a:lnTo>
                    <a:lnTo>
                      <a:pt x="170" y="622"/>
                    </a:lnTo>
                    <a:lnTo>
                      <a:pt x="165" y="567"/>
                    </a:lnTo>
                    <a:lnTo>
                      <a:pt x="163" y="554"/>
                    </a:lnTo>
                    <a:lnTo>
                      <a:pt x="159" y="543"/>
                    </a:lnTo>
                    <a:lnTo>
                      <a:pt x="156" y="531"/>
                    </a:lnTo>
                    <a:lnTo>
                      <a:pt x="150" y="519"/>
                    </a:lnTo>
                    <a:lnTo>
                      <a:pt x="148" y="514"/>
                    </a:lnTo>
                    <a:lnTo>
                      <a:pt x="148" y="509"/>
                    </a:lnTo>
                    <a:lnTo>
                      <a:pt x="146" y="504"/>
                    </a:lnTo>
                    <a:lnTo>
                      <a:pt x="148" y="499"/>
                    </a:lnTo>
                    <a:lnTo>
                      <a:pt x="150" y="488"/>
                    </a:lnTo>
                    <a:lnTo>
                      <a:pt x="154" y="478"/>
                    </a:lnTo>
                    <a:lnTo>
                      <a:pt x="157" y="474"/>
                    </a:lnTo>
                    <a:lnTo>
                      <a:pt x="158" y="471"/>
                    </a:lnTo>
                    <a:lnTo>
                      <a:pt x="159" y="469"/>
                    </a:lnTo>
                    <a:lnTo>
                      <a:pt x="161" y="461"/>
                    </a:lnTo>
                    <a:lnTo>
                      <a:pt x="149" y="457"/>
                    </a:lnTo>
                    <a:lnTo>
                      <a:pt x="139" y="453"/>
                    </a:lnTo>
                    <a:lnTo>
                      <a:pt x="130" y="448"/>
                    </a:lnTo>
                    <a:lnTo>
                      <a:pt x="122" y="443"/>
                    </a:lnTo>
                    <a:lnTo>
                      <a:pt x="115" y="438"/>
                    </a:lnTo>
                    <a:lnTo>
                      <a:pt x="110" y="433"/>
                    </a:lnTo>
                    <a:lnTo>
                      <a:pt x="105" y="426"/>
                    </a:lnTo>
                    <a:lnTo>
                      <a:pt x="101" y="420"/>
                    </a:lnTo>
                    <a:lnTo>
                      <a:pt x="95" y="405"/>
                    </a:lnTo>
                    <a:lnTo>
                      <a:pt x="89" y="390"/>
                    </a:lnTo>
                    <a:lnTo>
                      <a:pt x="86" y="372"/>
                    </a:lnTo>
                    <a:lnTo>
                      <a:pt x="82" y="351"/>
                    </a:lnTo>
                    <a:lnTo>
                      <a:pt x="79" y="339"/>
                    </a:lnTo>
                    <a:lnTo>
                      <a:pt x="74" y="332"/>
                    </a:lnTo>
                    <a:lnTo>
                      <a:pt x="69" y="325"/>
                    </a:lnTo>
                    <a:lnTo>
                      <a:pt x="62" y="320"/>
                    </a:lnTo>
                    <a:lnTo>
                      <a:pt x="47" y="312"/>
                    </a:lnTo>
                    <a:lnTo>
                      <a:pt x="30" y="300"/>
                    </a:lnTo>
                    <a:lnTo>
                      <a:pt x="23" y="291"/>
                    </a:lnTo>
                    <a:lnTo>
                      <a:pt x="18" y="280"/>
                    </a:lnTo>
                    <a:lnTo>
                      <a:pt x="13" y="264"/>
                    </a:lnTo>
                    <a:lnTo>
                      <a:pt x="8" y="246"/>
                    </a:lnTo>
                    <a:lnTo>
                      <a:pt x="4" y="229"/>
                    </a:lnTo>
                    <a:lnTo>
                      <a:pt x="1" y="214"/>
                    </a:lnTo>
                    <a:lnTo>
                      <a:pt x="0" y="199"/>
                    </a:lnTo>
                    <a:lnTo>
                      <a:pt x="0" y="189"/>
                    </a:lnTo>
                    <a:lnTo>
                      <a:pt x="1" y="176"/>
                    </a:lnTo>
                    <a:lnTo>
                      <a:pt x="3" y="163"/>
                    </a:lnTo>
                    <a:lnTo>
                      <a:pt x="3" y="151"/>
                    </a:lnTo>
                    <a:lnTo>
                      <a:pt x="3" y="140"/>
                    </a:lnTo>
                    <a:lnTo>
                      <a:pt x="4" y="140"/>
                    </a:lnTo>
                    <a:lnTo>
                      <a:pt x="27" y="132"/>
                    </a:lnTo>
                    <a:lnTo>
                      <a:pt x="55" y="126"/>
                    </a:lnTo>
                    <a:lnTo>
                      <a:pt x="82" y="120"/>
                    </a:lnTo>
                    <a:lnTo>
                      <a:pt x="110" y="115"/>
                    </a:lnTo>
                    <a:lnTo>
                      <a:pt x="123" y="111"/>
                    </a:lnTo>
                    <a:lnTo>
                      <a:pt x="136" y="107"/>
                    </a:lnTo>
                    <a:lnTo>
                      <a:pt x="149" y="102"/>
                    </a:lnTo>
                    <a:lnTo>
                      <a:pt x="159" y="96"/>
                    </a:lnTo>
                    <a:lnTo>
                      <a:pt x="170" y="89"/>
                    </a:lnTo>
                    <a:lnTo>
                      <a:pt x="178" y="82"/>
                    </a:lnTo>
                    <a:lnTo>
                      <a:pt x="185" y="71"/>
                    </a:lnTo>
                    <a:lnTo>
                      <a:pt x="191" y="60"/>
                    </a:lnTo>
                    <a:lnTo>
                      <a:pt x="196" y="47"/>
                    </a:lnTo>
                    <a:lnTo>
                      <a:pt x="203" y="35"/>
                    </a:lnTo>
                    <a:lnTo>
                      <a:pt x="213" y="26"/>
                    </a:lnTo>
                    <a:lnTo>
                      <a:pt x="222" y="18"/>
                    </a:lnTo>
                    <a:lnTo>
                      <a:pt x="233" y="12"/>
                    </a:lnTo>
                    <a:lnTo>
                      <a:pt x="245" y="6"/>
                    </a:lnTo>
                    <a:lnTo>
                      <a:pt x="258" y="3"/>
                    </a:lnTo>
                    <a:lnTo>
                      <a:pt x="271" y="1"/>
                    </a:lnTo>
                    <a:lnTo>
                      <a:pt x="285" y="0"/>
                    </a:lnTo>
                    <a:lnTo>
                      <a:pt x="299" y="0"/>
                    </a:lnTo>
                    <a:lnTo>
                      <a:pt x="312" y="1"/>
                    </a:lnTo>
                    <a:lnTo>
                      <a:pt x="327" y="3"/>
                    </a:lnTo>
                    <a:lnTo>
                      <a:pt x="341" y="5"/>
                    </a:lnTo>
                    <a:lnTo>
                      <a:pt x="354" y="9"/>
                    </a:lnTo>
                    <a:lnTo>
                      <a:pt x="365" y="14"/>
                    </a:lnTo>
                    <a:lnTo>
                      <a:pt x="377" y="18"/>
                    </a:lnTo>
                    <a:lnTo>
                      <a:pt x="466" y="36"/>
                    </a:lnTo>
                    <a:lnTo>
                      <a:pt x="520" y="40"/>
                    </a:lnTo>
                    <a:lnTo>
                      <a:pt x="520" y="40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98" name="Freeform 117"/>
              <p:cNvSpPr>
                <a:spLocks/>
              </p:cNvSpPr>
              <p:nvPr/>
            </p:nvSpPr>
            <p:spPr bwMode="auto">
              <a:xfrm>
                <a:off x="8530312" y="5485878"/>
                <a:ext cx="278719" cy="298041"/>
              </a:xfrm>
              <a:custGeom>
                <a:avLst/>
                <a:gdLst/>
                <a:ahLst/>
                <a:cxnLst>
                  <a:cxn ang="0">
                    <a:pos x="174" y="190"/>
                  </a:cxn>
                  <a:cxn ang="0">
                    <a:pos x="178" y="167"/>
                  </a:cxn>
                  <a:cxn ang="0">
                    <a:pos x="215" y="124"/>
                  </a:cxn>
                  <a:cxn ang="0">
                    <a:pos x="233" y="102"/>
                  </a:cxn>
                  <a:cxn ang="0">
                    <a:pos x="228" y="72"/>
                  </a:cxn>
                  <a:cxn ang="0">
                    <a:pos x="222" y="44"/>
                  </a:cxn>
                  <a:cxn ang="0">
                    <a:pos x="239" y="22"/>
                  </a:cxn>
                  <a:cxn ang="0">
                    <a:pos x="278" y="1"/>
                  </a:cxn>
                  <a:cxn ang="0">
                    <a:pos x="293" y="4"/>
                  </a:cxn>
                  <a:cxn ang="0">
                    <a:pos x="302" y="35"/>
                  </a:cxn>
                  <a:cxn ang="0">
                    <a:pos x="318" y="57"/>
                  </a:cxn>
                  <a:cxn ang="0">
                    <a:pos x="355" y="68"/>
                  </a:cxn>
                  <a:cxn ang="0">
                    <a:pos x="393" y="81"/>
                  </a:cxn>
                  <a:cxn ang="0">
                    <a:pos x="415" y="115"/>
                  </a:cxn>
                  <a:cxn ang="0">
                    <a:pos x="450" y="168"/>
                  </a:cxn>
                  <a:cxn ang="0">
                    <a:pos x="478" y="181"/>
                  </a:cxn>
                  <a:cxn ang="0">
                    <a:pos x="498" y="195"/>
                  </a:cxn>
                  <a:cxn ang="0">
                    <a:pos x="498" y="223"/>
                  </a:cxn>
                  <a:cxn ang="0">
                    <a:pos x="515" y="247"/>
                  </a:cxn>
                  <a:cxn ang="0">
                    <a:pos x="551" y="267"/>
                  </a:cxn>
                  <a:cxn ang="0">
                    <a:pos x="574" y="277"/>
                  </a:cxn>
                  <a:cxn ang="0">
                    <a:pos x="603" y="277"/>
                  </a:cxn>
                  <a:cxn ang="0">
                    <a:pos x="612" y="286"/>
                  </a:cxn>
                  <a:cxn ang="0">
                    <a:pos x="544" y="453"/>
                  </a:cxn>
                  <a:cxn ang="0">
                    <a:pos x="494" y="476"/>
                  </a:cxn>
                  <a:cxn ang="0">
                    <a:pos x="452" y="517"/>
                  </a:cxn>
                  <a:cxn ang="0">
                    <a:pos x="420" y="545"/>
                  </a:cxn>
                  <a:cxn ang="0">
                    <a:pos x="376" y="513"/>
                  </a:cxn>
                  <a:cxn ang="0">
                    <a:pos x="359" y="509"/>
                  </a:cxn>
                  <a:cxn ang="0">
                    <a:pos x="322" y="523"/>
                  </a:cxn>
                  <a:cxn ang="0">
                    <a:pos x="289" y="554"/>
                  </a:cxn>
                  <a:cxn ang="0">
                    <a:pos x="268" y="570"/>
                  </a:cxn>
                  <a:cxn ang="0">
                    <a:pos x="252" y="588"/>
                  </a:cxn>
                  <a:cxn ang="0">
                    <a:pos x="252" y="633"/>
                  </a:cxn>
                  <a:cxn ang="0">
                    <a:pos x="239" y="655"/>
                  </a:cxn>
                  <a:cxn ang="0">
                    <a:pos x="211" y="641"/>
                  </a:cxn>
                  <a:cxn ang="0">
                    <a:pos x="209" y="570"/>
                  </a:cxn>
                  <a:cxn ang="0">
                    <a:pos x="195" y="522"/>
                  </a:cxn>
                  <a:cxn ang="0">
                    <a:pos x="161" y="461"/>
                  </a:cxn>
                  <a:cxn ang="0">
                    <a:pos x="138" y="439"/>
                  </a:cxn>
                  <a:cxn ang="0">
                    <a:pos x="105" y="427"/>
                  </a:cxn>
                  <a:cxn ang="0">
                    <a:pos x="88" y="405"/>
                  </a:cxn>
                  <a:cxn ang="0">
                    <a:pos x="81" y="379"/>
                  </a:cxn>
                  <a:cxn ang="0">
                    <a:pos x="39" y="334"/>
                  </a:cxn>
                  <a:cxn ang="0">
                    <a:pos x="18" y="272"/>
                  </a:cxn>
                  <a:cxn ang="0">
                    <a:pos x="2" y="247"/>
                  </a:cxn>
                  <a:cxn ang="0">
                    <a:pos x="18" y="239"/>
                  </a:cxn>
                  <a:cxn ang="0">
                    <a:pos x="82" y="242"/>
                  </a:cxn>
                  <a:cxn ang="0">
                    <a:pos x="100" y="221"/>
                  </a:cxn>
                  <a:cxn ang="0">
                    <a:pos x="138" y="211"/>
                  </a:cxn>
                </a:cxnLst>
                <a:rect l="0" t="0" r="r" b="b"/>
                <a:pathLst>
                  <a:path w="612" h="659">
                    <a:moveTo>
                      <a:pt x="151" y="208"/>
                    </a:moveTo>
                    <a:lnTo>
                      <a:pt x="164" y="201"/>
                    </a:lnTo>
                    <a:lnTo>
                      <a:pt x="170" y="195"/>
                    </a:lnTo>
                    <a:lnTo>
                      <a:pt x="174" y="190"/>
                    </a:lnTo>
                    <a:lnTo>
                      <a:pt x="175" y="185"/>
                    </a:lnTo>
                    <a:lnTo>
                      <a:pt x="176" y="180"/>
                    </a:lnTo>
                    <a:lnTo>
                      <a:pt x="176" y="173"/>
                    </a:lnTo>
                    <a:lnTo>
                      <a:pt x="178" y="167"/>
                    </a:lnTo>
                    <a:lnTo>
                      <a:pt x="182" y="158"/>
                    </a:lnTo>
                    <a:lnTo>
                      <a:pt x="193" y="144"/>
                    </a:lnTo>
                    <a:lnTo>
                      <a:pt x="205" y="133"/>
                    </a:lnTo>
                    <a:lnTo>
                      <a:pt x="215" y="124"/>
                    </a:lnTo>
                    <a:lnTo>
                      <a:pt x="224" y="116"/>
                    </a:lnTo>
                    <a:lnTo>
                      <a:pt x="228" y="112"/>
                    </a:lnTo>
                    <a:lnTo>
                      <a:pt x="231" y="107"/>
                    </a:lnTo>
                    <a:lnTo>
                      <a:pt x="233" y="102"/>
                    </a:lnTo>
                    <a:lnTo>
                      <a:pt x="233" y="96"/>
                    </a:lnTo>
                    <a:lnTo>
                      <a:pt x="233" y="89"/>
                    </a:lnTo>
                    <a:lnTo>
                      <a:pt x="231" y="81"/>
                    </a:lnTo>
                    <a:lnTo>
                      <a:pt x="228" y="72"/>
                    </a:lnTo>
                    <a:lnTo>
                      <a:pt x="223" y="62"/>
                    </a:lnTo>
                    <a:lnTo>
                      <a:pt x="221" y="55"/>
                    </a:lnTo>
                    <a:lnTo>
                      <a:pt x="221" y="50"/>
                    </a:lnTo>
                    <a:lnTo>
                      <a:pt x="222" y="44"/>
                    </a:lnTo>
                    <a:lnTo>
                      <a:pt x="224" y="39"/>
                    </a:lnTo>
                    <a:lnTo>
                      <a:pt x="228" y="32"/>
                    </a:lnTo>
                    <a:lnTo>
                      <a:pt x="233" y="27"/>
                    </a:lnTo>
                    <a:lnTo>
                      <a:pt x="239" y="22"/>
                    </a:lnTo>
                    <a:lnTo>
                      <a:pt x="245" y="17"/>
                    </a:lnTo>
                    <a:lnTo>
                      <a:pt x="258" y="9"/>
                    </a:lnTo>
                    <a:lnTo>
                      <a:pt x="271" y="2"/>
                    </a:lnTo>
                    <a:lnTo>
                      <a:pt x="278" y="1"/>
                    </a:lnTo>
                    <a:lnTo>
                      <a:pt x="283" y="0"/>
                    </a:lnTo>
                    <a:lnTo>
                      <a:pt x="287" y="0"/>
                    </a:lnTo>
                    <a:lnTo>
                      <a:pt x="290" y="1"/>
                    </a:lnTo>
                    <a:lnTo>
                      <a:pt x="293" y="4"/>
                    </a:lnTo>
                    <a:lnTo>
                      <a:pt x="294" y="8"/>
                    </a:lnTo>
                    <a:lnTo>
                      <a:pt x="297" y="14"/>
                    </a:lnTo>
                    <a:lnTo>
                      <a:pt x="298" y="21"/>
                    </a:lnTo>
                    <a:lnTo>
                      <a:pt x="302" y="35"/>
                    </a:lnTo>
                    <a:lnTo>
                      <a:pt x="306" y="45"/>
                    </a:lnTo>
                    <a:lnTo>
                      <a:pt x="310" y="49"/>
                    </a:lnTo>
                    <a:lnTo>
                      <a:pt x="314" y="53"/>
                    </a:lnTo>
                    <a:lnTo>
                      <a:pt x="318" y="57"/>
                    </a:lnTo>
                    <a:lnTo>
                      <a:pt x="323" y="59"/>
                    </a:lnTo>
                    <a:lnTo>
                      <a:pt x="333" y="63"/>
                    </a:lnTo>
                    <a:lnTo>
                      <a:pt x="344" y="66"/>
                    </a:lnTo>
                    <a:lnTo>
                      <a:pt x="355" y="68"/>
                    </a:lnTo>
                    <a:lnTo>
                      <a:pt x="367" y="71"/>
                    </a:lnTo>
                    <a:lnTo>
                      <a:pt x="379" y="74"/>
                    </a:lnTo>
                    <a:lnTo>
                      <a:pt x="388" y="78"/>
                    </a:lnTo>
                    <a:lnTo>
                      <a:pt x="393" y="81"/>
                    </a:lnTo>
                    <a:lnTo>
                      <a:pt x="398" y="87"/>
                    </a:lnTo>
                    <a:lnTo>
                      <a:pt x="402" y="92"/>
                    </a:lnTo>
                    <a:lnTo>
                      <a:pt x="407" y="100"/>
                    </a:lnTo>
                    <a:lnTo>
                      <a:pt x="415" y="115"/>
                    </a:lnTo>
                    <a:lnTo>
                      <a:pt x="424" y="132"/>
                    </a:lnTo>
                    <a:lnTo>
                      <a:pt x="433" y="149"/>
                    </a:lnTo>
                    <a:lnTo>
                      <a:pt x="443" y="163"/>
                    </a:lnTo>
                    <a:lnTo>
                      <a:pt x="450" y="168"/>
                    </a:lnTo>
                    <a:lnTo>
                      <a:pt x="455" y="173"/>
                    </a:lnTo>
                    <a:lnTo>
                      <a:pt x="461" y="177"/>
                    </a:lnTo>
                    <a:lnTo>
                      <a:pt x="468" y="179"/>
                    </a:lnTo>
                    <a:lnTo>
                      <a:pt x="478" y="181"/>
                    </a:lnTo>
                    <a:lnTo>
                      <a:pt x="486" y="184"/>
                    </a:lnTo>
                    <a:lnTo>
                      <a:pt x="491" y="188"/>
                    </a:lnTo>
                    <a:lnTo>
                      <a:pt x="495" y="191"/>
                    </a:lnTo>
                    <a:lnTo>
                      <a:pt x="498" y="195"/>
                    </a:lnTo>
                    <a:lnTo>
                      <a:pt x="498" y="201"/>
                    </a:lnTo>
                    <a:lnTo>
                      <a:pt x="498" y="206"/>
                    </a:lnTo>
                    <a:lnTo>
                      <a:pt x="498" y="211"/>
                    </a:lnTo>
                    <a:lnTo>
                      <a:pt x="498" y="223"/>
                    </a:lnTo>
                    <a:lnTo>
                      <a:pt x="500" y="233"/>
                    </a:lnTo>
                    <a:lnTo>
                      <a:pt x="503" y="238"/>
                    </a:lnTo>
                    <a:lnTo>
                      <a:pt x="508" y="242"/>
                    </a:lnTo>
                    <a:lnTo>
                      <a:pt x="515" y="247"/>
                    </a:lnTo>
                    <a:lnTo>
                      <a:pt x="524" y="250"/>
                    </a:lnTo>
                    <a:lnTo>
                      <a:pt x="534" y="255"/>
                    </a:lnTo>
                    <a:lnTo>
                      <a:pt x="542" y="260"/>
                    </a:lnTo>
                    <a:lnTo>
                      <a:pt x="551" y="267"/>
                    </a:lnTo>
                    <a:lnTo>
                      <a:pt x="559" y="273"/>
                    </a:lnTo>
                    <a:lnTo>
                      <a:pt x="564" y="276"/>
                    </a:lnTo>
                    <a:lnTo>
                      <a:pt x="569" y="277"/>
                    </a:lnTo>
                    <a:lnTo>
                      <a:pt x="574" y="277"/>
                    </a:lnTo>
                    <a:lnTo>
                      <a:pt x="579" y="277"/>
                    </a:lnTo>
                    <a:lnTo>
                      <a:pt x="590" y="277"/>
                    </a:lnTo>
                    <a:lnTo>
                      <a:pt x="599" y="277"/>
                    </a:lnTo>
                    <a:lnTo>
                      <a:pt x="603" y="277"/>
                    </a:lnTo>
                    <a:lnTo>
                      <a:pt x="607" y="278"/>
                    </a:lnTo>
                    <a:lnTo>
                      <a:pt x="609" y="280"/>
                    </a:lnTo>
                    <a:lnTo>
                      <a:pt x="610" y="282"/>
                    </a:lnTo>
                    <a:lnTo>
                      <a:pt x="612" y="286"/>
                    </a:lnTo>
                    <a:lnTo>
                      <a:pt x="610" y="291"/>
                    </a:lnTo>
                    <a:lnTo>
                      <a:pt x="609" y="298"/>
                    </a:lnTo>
                    <a:lnTo>
                      <a:pt x="605" y="307"/>
                    </a:lnTo>
                    <a:lnTo>
                      <a:pt x="544" y="453"/>
                    </a:lnTo>
                    <a:lnTo>
                      <a:pt x="531" y="456"/>
                    </a:lnTo>
                    <a:lnTo>
                      <a:pt x="517" y="461"/>
                    </a:lnTo>
                    <a:lnTo>
                      <a:pt x="506" y="469"/>
                    </a:lnTo>
                    <a:lnTo>
                      <a:pt x="494" y="476"/>
                    </a:lnTo>
                    <a:lnTo>
                      <a:pt x="482" y="487"/>
                    </a:lnTo>
                    <a:lnTo>
                      <a:pt x="472" y="496"/>
                    </a:lnTo>
                    <a:lnTo>
                      <a:pt x="461" y="506"/>
                    </a:lnTo>
                    <a:lnTo>
                      <a:pt x="452" y="517"/>
                    </a:lnTo>
                    <a:lnTo>
                      <a:pt x="438" y="532"/>
                    </a:lnTo>
                    <a:lnTo>
                      <a:pt x="428" y="543"/>
                    </a:lnTo>
                    <a:lnTo>
                      <a:pt x="423" y="544"/>
                    </a:lnTo>
                    <a:lnTo>
                      <a:pt x="420" y="545"/>
                    </a:lnTo>
                    <a:lnTo>
                      <a:pt x="416" y="545"/>
                    </a:lnTo>
                    <a:lnTo>
                      <a:pt x="414" y="544"/>
                    </a:lnTo>
                    <a:lnTo>
                      <a:pt x="401" y="532"/>
                    </a:lnTo>
                    <a:lnTo>
                      <a:pt x="376" y="513"/>
                    </a:lnTo>
                    <a:lnTo>
                      <a:pt x="372" y="510"/>
                    </a:lnTo>
                    <a:lnTo>
                      <a:pt x="368" y="509"/>
                    </a:lnTo>
                    <a:lnTo>
                      <a:pt x="364" y="509"/>
                    </a:lnTo>
                    <a:lnTo>
                      <a:pt x="359" y="509"/>
                    </a:lnTo>
                    <a:lnTo>
                      <a:pt x="350" y="510"/>
                    </a:lnTo>
                    <a:lnTo>
                      <a:pt x="340" y="514"/>
                    </a:lnTo>
                    <a:lnTo>
                      <a:pt x="331" y="518"/>
                    </a:lnTo>
                    <a:lnTo>
                      <a:pt x="322" y="523"/>
                    </a:lnTo>
                    <a:lnTo>
                      <a:pt x="314" y="528"/>
                    </a:lnTo>
                    <a:lnTo>
                      <a:pt x="307" y="533"/>
                    </a:lnTo>
                    <a:lnTo>
                      <a:pt x="300" y="543"/>
                    </a:lnTo>
                    <a:lnTo>
                      <a:pt x="289" y="554"/>
                    </a:lnTo>
                    <a:lnTo>
                      <a:pt x="284" y="559"/>
                    </a:lnTo>
                    <a:lnTo>
                      <a:pt x="279" y="563"/>
                    </a:lnTo>
                    <a:lnTo>
                      <a:pt x="274" y="567"/>
                    </a:lnTo>
                    <a:lnTo>
                      <a:pt x="268" y="570"/>
                    </a:lnTo>
                    <a:lnTo>
                      <a:pt x="262" y="572"/>
                    </a:lnTo>
                    <a:lnTo>
                      <a:pt x="257" y="576"/>
                    </a:lnTo>
                    <a:lnTo>
                      <a:pt x="253" y="581"/>
                    </a:lnTo>
                    <a:lnTo>
                      <a:pt x="252" y="588"/>
                    </a:lnTo>
                    <a:lnTo>
                      <a:pt x="250" y="602"/>
                    </a:lnTo>
                    <a:lnTo>
                      <a:pt x="252" y="618"/>
                    </a:lnTo>
                    <a:lnTo>
                      <a:pt x="253" y="625"/>
                    </a:lnTo>
                    <a:lnTo>
                      <a:pt x="252" y="633"/>
                    </a:lnTo>
                    <a:lnTo>
                      <a:pt x="252" y="640"/>
                    </a:lnTo>
                    <a:lnTo>
                      <a:pt x="249" y="646"/>
                    </a:lnTo>
                    <a:lnTo>
                      <a:pt x="245" y="651"/>
                    </a:lnTo>
                    <a:lnTo>
                      <a:pt x="239" y="655"/>
                    </a:lnTo>
                    <a:lnTo>
                      <a:pt x="230" y="658"/>
                    </a:lnTo>
                    <a:lnTo>
                      <a:pt x="219" y="659"/>
                    </a:lnTo>
                    <a:lnTo>
                      <a:pt x="214" y="651"/>
                    </a:lnTo>
                    <a:lnTo>
                      <a:pt x="211" y="641"/>
                    </a:lnTo>
                    <a:lnTo>
                      <a:pt x="209" y="629"/>
                    </a:lnTo>
                    <a:lnTo>
                      <a:pt x="209" y="616"/>
                    </a:lnTo>
                    <a:lnTo>
                      <a:pt x="208" y="592"/>
                    </a:lnTo>
                    <a:lnTo>
                      <a:pt x="209" y="570"/>
                    </a:lnTo>
                    <a:lnTo>
                      <a:pt x="208" y="557"/>
                    </a:lnTo>
                    <a:lnTo>
                      <a:pt x="205" y="545"/>
                    </a:lnTo>
                    <a:lnTo>
                      <a:pt x="200" y="533"/>
                    </a:lnTo>
                    <a:lnTo>
                      <a:pt x="195" y="522"/>
                    </a:lnTo>
                    <a:lnTo>
                      <a:pt x="182" y="501"/>
                    </a:lnTo>
                    <a:lnTo>
                      <a:pt x="170" y="478"/>
                    </a:lnTo>
                    <a:lnTo>
                      <a:pt x="166" y="469"/>
                    </a:lnTo>
                    <a:lnTo>
                      <a:pt x="161" y="461"/>
                    </a:lnTo>
                    <a:lnTo>
                      <a:pt x="157" y="454"/>
                    </a:lnTo>
                    <a:lnTo>
                      <a:pt x="152" y="449"/>
                    </a:lnTo>
                    <a:lnTo>
                      <a:pt x="145" y="444"/>
                    </a:lnTo>
                    <a:lnTo>
                      <a:pt x="138" y="439"/>
                    </a:lnTo>
                    <a:lnTo>
                      <a:pt x="130" y="436"/>
                    </a:lnTo>
                    <a:lnTo>
                      <a:pt x="119" y="432"/>
                    </a:lnTo>
                    <a:lnTo>
                      <a:pt x="112" y="430"/>
                    </a:lnTo>
                    <a:lnTo>
                      <a:pt x="105" y="427"/>
                    </a:lnTo>
                    <a:lnTo>
                      <a:pt x="101" y="425"/>
                    </a:lnTo>
                    <a:lnTo>
                      <a:pt x="96" y="421"/>
                    </a:lnTo>
                    <a:lnTo>
                      <a:pt x="91" y="413"/>
                    </a:lnTo>
                    <a:lnTo>
                      <a:pt x="88" y="405"/>
                    </a:lnTo>
                    <a:lnTo>
                      <a:pt x="87" y="397"/>
                    </a:lnTo>
                    <a:lnTo>
                      <a:pt x="84" y="388"/>
                    </a:lnTo>
                    <a:lnTo>
                      <a:pt x="83" y="385"/>
                    </a:lnTo>
                    <a:lnTo>
                      <a:pt x="81" y="379"/>
                    </a:lnTo>
                    <a:lnTo>
                      <a:pt x="78" y="375"/>
                    </a:lnTo>
                    <a:lnTo>
                      <a:pt x="74" y="370"/>
                    </a:lnTo>
                    <a:lnTo>
                      <a:pt x="57" y="352"/>
                    </a:lnTo>
                    <a:lnTo>
                      <a:pt x="39" y="334"/>
                    </a:lnTo>
                    <a:lnTo>
                      <a:pt x="44" y="313"/>
                    </a:lnTo>
                    <a:lnTo>
                      <a:pt x="39" y="298"/>
                    </a:lnTo>
                    <a:lnTo>
                      <a:pt x="34" y="282"/>
                    </a:lnTo>
                    <a:lnTo>
                      <a:pt x="18" y="272"/>
                    </a:lnTo>
                    <a:lnTo>
                      <a:pt x="3" y="260"/>
                    </a:lnTo>
                    <a:lnTo>
                      <a:pt x="0" y="255"/>
                    </a:lnTo>
                    <a:lnTo>
                      <a:pt x="0" y="251"/>
                    </a:lnTo>
                    <a:lnTo>
                      <a:pt x="2" y="247"/>
                    </a:lnTo>
                    <a:lnTo>
                      <a:pt x="4" y="245"/>
                    </a:lnTo>
                    <a:lnTo>
                      <a:pt x="8" y="242"/>
                    </a:lnTo>
                    <a:lnTo>
                      <a:pt x="13" y="241"/>
                    </a:lnTo>
                    <a:lnTo>
                      <a:pt x="18" y="239"/>
                    </a:lnTo>
                    <a:lnTo>
                      <a:pt x="25" y="239"/>
                    </a:lnTo>
                    <a:lnTo>
                      <a:pt x="52" y="241"/>
                    </a:lnTo>
                    <a:lnTo>
                      <a:pt x="70" y="242"/>
                    </a:lnTo>
                    <a:lnTo>
                      <a:pt x="82" y="242"/>
                    </a:lnTo>
                    <a:lnTo>
                      <a:pt x="88" y="239"/>
                    </a:lnTo>
                    <a:lnTo>
                      <a:pt x="91" y="234"/>
                    </a:lnTo>
                    <a:lnTo>
                      <a:pt x="96" y="225"/>
                    </a:lnTo>
                    <a:lnTo>
                      <a:pt x="100" y="221"/>
                    </a:lnTo>
                    <a:lnTo>
                      <a:pt x="106" y="219"/>
                    </a:lnTo>
                    <a:lnTo>
                      <a:pt x="113" y="216"/>
                    </a:lnTo>
                    <a:lnTo>
                      <a:pt x="121" y="214"/>
                    </a:lnTo>
                    <a:lnTo>
                      <a:pt x="138" y="211"/>
                    </a:lnTo>
                    <a:lnTo>
                      <a:pt x="151" y="208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99" name="Freeform 118"/>
              <p:cNvSpPr>
                <a:spLocks/>
              </p:cNvSpPr>
              <p:nvPr/>
            </p:nvSpPr>
            <p:spPr bwMode="auto">
              <a:xfrm>
                <a:off x="8530312" y="5485878"/>
                <a:ext cx="278719" cy="298041"/>
              </a:xfrm>
              <a:custGeom>
                <a:avLst/>
                <a:gdLst/>
                <a:ahLst/>
                <a:cxnLst>
                  <a:cxn ang="0">
                    <a:pos x="174" y="190"/>
                  </a:cxn>
                  <a:cxn ang="0">
                    <a:pos x="178" y="167"/>
                  </a:cxn>
                  <a:cxn ang="0">
                    <a:pos x="215" y="124"/>
                  </a:cxn>
                  <a:cxn ang="0">
                    <a:pos x="233" y="102"/>
                  </a:cxn>
                  <a:cxn ang="0">
                    <a:pos x="228" y="72"/>
                  </a:cxn>
                  <a:cxn ang="0">
                    <a:pos x="222" y="44"/>
                  </a:cxn>
                  <a:cxn ang="0">
                    <a:pos x="239" y="22"/>
                  </a:cxn>
                  <a:cxn ang="0">
                    <a:pos x="278" y="1"/>
                  </a:cxn>
                  <a:cxn ang="0">
                    <a:pos x="293" y="4"/>
                  </a:cxn>
                  <a:cxn ang="0">
                    <a:pos x="302" y="35"/>
                  </a:cxn>
                  <a:cxn ang="0">
                    <a:pos x="318" y="57"/>
                  </a:cxn>
                  <a:cxn ang="0">
                    <a:pos x="355" y="68"/>
                  </a:cxn>
                  <a:cxn ang="0">
                    <a:pos x="393" y="81"/>
                  </a:cxn>
                  <a:cxn ang="0">
                    <a:pos x="415" y="115"/>
                  </a:cxn>
                  <a:cxn ang="0">
                    <a:pos x="450" y="168"/>
                  </a:cxn>
                  <a:cxn ang="0">
                    <a:pos x="478" y="181"/>
                  </a:cxn>
                  <a:cxn ang="0">
                    <a:pos x="498" y="195"/>
                  </a:cxn>
                  <a:cxn ang="0">
                    <a:pos x="498" y="223"/>
                  </a:cxn>
                  <a:cxn ang="0">
                    <a:pos x="515" y="247"/>
                  </a:cxn>
                  <a:cxn ang="0">
                    <a:pos x="551" y="267"/>
                  </a:cxn>
                  <a:cxn ang="0">
                    <a:pos x="574" y="277"/>
                  </a:cxn>
                  <a:cxn ang="0">
                    <a:pos x="603" y="277"/>
                  </a:cxn>
                  <a:cxn ang="0">
                    <a:pos x="612" y="286"/>
                  </a:cxn>
                  <a:cxn ang="0">
                    <a:pos x="544" y="453"/>
                  </a:cxn>
                  <a:cxn ang="0">
                    <a:pos x="506" y="469"/>
                  </a:cxn>
                  <a:cxn ang="0">
                    <a:pos x="461" y="506"/>
                  </a:cxn>
                  <a:cxn ang="0">
                    <a:pos x="423" y="544"/>
                  </a:cxn>
                  <a:cxn ang="0">
                    <a:pos x="401" y="532"/>
                  </a:cxn>
                  <a:cxn ang="0">
                    <a:pos x="364" y="509"/>
                  </a:cxn>
                  <a:cxn ang="0">
                    <a:pos x="331" y="518"/>
                  </a:cxn>
                  <a:cxn ang="0">
                    <a:pos x="300" y="543"/>
                  </a:cxn>
                  <a:cxn ang="0">
                    <a:pos x="274" y="567"/>
                  </a:cxn>
                  <a:cxn ang="0">
                    <a:pos x="253" y="581"/>
                  </a:cxn>
                  <a:cxn ang="0">
                    <a:pos x="253" y="625"/>
                  </a:cxn>
                  <a:cxn ang="0">
                    <a:pos x="245" y="651"/>
                  </a:cxn>
                  <a:cxn ang="0">
                    <a:pos x="219" y="659"/>
                  </a:cxn>
                  <a:cxn ang="0">
                    <a:pos x="209" y="616"/>
                  </a:cxn>
                  <a:cxn ang="0">
                    <a:pos x="205" y="545"/>
                  </a:cxn>
                  <a:cxn ang="0">
                    <a:pos x="170" y="478"/>
                  </a:cxn>
                  <a:cxn ang="0">
                    <a:pos x="152" y="449"/>
                  </a:cxn>
                  <a:cxn ang="0">
                    <a:pos x="119" y="432"/>
                  </a:cxn>
                  <a:cxn ang="0">
                    <a:pos x="96" y="421"/>
                  </a:cxn>
                  <a:cxn ang="0">
                    <a:pos x="84" y="388"/>
                  </a:cxn>
                  <a:cxn ang="0">
                    <a:pos x="74" y="370"/>
                  </a:cxn>
                  <a:cxn ang="0">
                    <a:pos x="44" y="313"/>
                  </a:cxn>
                  <a:cxn ang="0">
                    <a:pos x="3" y="260"/>
                  </a:cxn>
                  <a:cxn ang="0">
                    <a:pos x="4" y="245"/>
                  </a:cxn>
                  <a:cxn ang="0">
                    <a:pos x="25" y="239"/>
                  </a:cxn>
                  <a:cxn ang="0">
                    <a:pos x="88" y="239"/>
                  </a:cxn>
                  <a:cxn ang="0">
                    <a:pos x="106" y="219"/>
                  </a:cxn>
                  <a:cxn ang="0">
                    <a:pos x="151" y="208"/>
                  </a:cxn>
                </a:cxnLst>
                <a:rect l="0" t="0" r="r" b="b"/>
                <a:pathLst>
                  <a:path w="612" h="659">
                    <a:moveTo>
                      <a:pt x="151" y="208"/>
                    </a:moveTo>
                    <a:lnTo>
                      <a:pt x="164" y="201"/>
                    </a:lnTo>
                    <a:lnTo>
                      <a:pt x="170" y="195"/>
                    </a:lnTo>
                    <a:lnTo>
                      <a:pt x="174" y="190"/>
                    </a:lnTo>
                    <a:lnTo>
                      <a:pt x="175" y="185"/>
                    </a:lnTo>
                    <a:lnTo>
                      <a:pt x="176" y="180"/>
                    </a:lnTo>
                    <a:lnTo>
                      <a:pt x="176" y="173"/>
                    </a:lnTo>
                    <a:lnTo>
                      <a:pt x="178" y="167"/>
                    </a:lnTo>
                    <a:lnTo>
                      <a:pt x="182" y="158"/>
                    </a:lnTo>
                    <a:lnTo>
                      <a:pt x="193" y="144"/>
                    </a:lnTo>
                    <a:lnTo>
                      <a:pt x="205" y="133"/>
                    </a:lnTo>
                    <a:lnTo>
                      <a:pt x="215" y="124"/>
                    </a:lnTo>
                    <a:lnTo>
                      <a:pt x="224" y="116"/>
                    </a:lnTo>
                    <a:lnTo>
                      <a:pt x="228" y="112"/>
                    </a:lnTo>
                    <a:lnTo>
                      <a:pt x="231" y="107"/>
                    </a:lnTo>
                    <a:lnTo>
                      <a:pt x="233" y="102"/>
                    </a:lnTo>
                    <a:lnTo>
                      <a:pt x="233" y="96"/>
                    </a:lnTo>
                    <a:lnTo>
                      <a:pt x="233" y="89"/>
                    </a:lnTo>
                    <a:lnTo>
                      <a:pt x="231" y="81"/>
                    </a:lnTo>
                    <a:lnTo>
                      <a:pt x="228" y="72"/>
                    </a:lnTo>
                    <a:lnTo>
                      <a:pt x="223" y="62"/>
                    </a:lnTo>
                    <a:lnTo>
                      <a:pt x="221" y="55"/>
                    </a:lnTo>
                    <a:lnTo>
                      <a:pt x="221" y="50"/>
                    </a:lnTo>
                    <a:lnTo>
                      <a:pt x="222" y="44"/>
                    </a:lnTo>
                    <a:lnTo>
                      <a:pt x="224" y="39"/>
                    </a:lnTo>
                    <a:lnTo>
                      <a:pt x="228" y="32"/>
                    </a:lnTo>
                    <a:lnTo>
                      <a:pt x="233" y="27"/>
                    </a:lnTo>
                    <a:lnTo>
                      <a:pt x="239" y="22"/>
                    </a:lnTo>
                    <a:lnTo>
                      <a:pt x="245" y="17"/>
                    </a:lnTo>
                    <a:lnTo>
                      <a:pt x="258" y="9"/>
                    </a:lnTo>
                    <a:lnTo>
                      <a:pt x="271" y="2"/>
                    </a:lnTo>
                    <a:lnTo>
                      <a:pt x="278" y="1"/>
                    </a:lnTo>
                    <a:lnTo>
                      <a:pt x="283" y="0"/>
                    </a:lnTo>
                    <a:lnTo>
                      <a:pt x="287" y="0"/>
                    </a:lnTo>
                    <a:lnTo>
                      <a:pt x="290" y="1"/>
                    </a:lnTo>
                    <a:lnTo>
                      <a:pt x="293" y="4"/>
                    </a:lnTo>
                    <a:lnTo>
                      <a:pt x="294" y="8"/>
                    </a:lnTo>
                    <a:lnTo>
                      <a:pt x="297" y="14"/>
                    </a:lnTo>
                    <a:lnTo>
                      <a:pt x="298" y="21"/>
                    </a:lnTo>
                    <a:lnTo>
                      <a:pt x="302" y="35"/>
                    </a:lnTo>
                    <a:lnTo>
                      <a:pt x="306" y="45"/>
                    </a:lnTo>
                    <a:lnTo>
                      <a:pt x="310" y="49"/>
                    </a:lnTo>
                    <a:lnTo>
                      <a:pt x="314" y="53"/>
                    </a:lnTo>
                    <a:lnTo>
                      <a:pt x="318" y="57"/>
                    </a:lnTo>
                    <a:lnTo>
                      <a:pt x="323" y="59"/>
                    </a:lnTo>
                    <a:lnTo>
                      <a:pt x="333" y="63"/>
                    </a:lnTo>
                    <a:lnTo>
                      <a:pt x="344" y="66"/>
                    </a:lnTo>
                    <a:lnTo>
                      <a:pt x="355" y="68"/>
                    </a:lnTo>
                    <a:lnTo>
                      <a:pt x="367" y="71"/>
                    </a:lnTo>
                    <a:lnTo>
                      <a:pt x="379" y="74"/>
                    </a:lnTo>
                    <a:lnTo>
                      <a:pt x="388" y="78"/>
                    </a:lnTo>
                    <a:lnTo>
                      <a:pt x="393" y="81"/>
                    </a:lnTo>
                    <a:lnTo>
                      <a:pt x="398" y="87"/>
                    </a:lnTo>
                    <a:lnTo>
                      <a:pt x="402" y="92"/>
                    </a:lnTo>
                    <a:lnTo>
                      <a:pt x="407" y="100"/>
                    </a:lnTo>
                    <a:lnTo>
                      <a:pt x="415" y="115"/>
                    </a:lnTo>
                    <a:lnTo>
                      <a:pt x="424" y="132"/>
                    </a:lnTo>
                    <a:lnTo>
                      <a:pt x="433" y="149"/>
                    </a:lnTo>
                    <a:lnTo>
                      <a:pt x="443" y="163"/>
                    </a:lnTo>
                    <a:lnTo>
                      <a:pt x="450" y="168"/>
                    </a:lnTo>
                    <a:lnTo>
                      <a:pt x="455" y="173"/>
                    </a:lnTo>
                    <a:lnTo>
                      <a:pt x="461" y="177"/>
                    </a:lnTo>
                    <a:lnTo>
                      <a:pt x="468" y="179"/>
                    </a:lnTo>
                    <a:lnTo>
                      <a:pt x="478" y="181"/>
                    </a:lnTo>
                    <a:lnTo>
                      <a:pt x="486" y="184"/>
                    </a:lnTo>
                    <a:lnTo>
                      <a:pt x="491" y="188"/>
                    </a:lnTo>
                    <a:lnTo>
                      <a:pt x="495" y="191"/>
                    </a:lnTo>
                    <a:lnTo>
                      <a:pt x="498" y="195"/>
                    </a:lnTo>
                    <a:lnTo>
                      <a:pt x="498" y="201"/>
                    </a:lnTo>
                    <a:lnTo>
                      <a:pt x="498" y="206"/>
                    </a:lnTo>
                    <a:lnTo>
                      <a:pt x="498" y="211"/>
                    </a:lnTo>
                    <a:lnTo>
                      <a:pt x="498" y="223"/>
                    </a:lnTo>
                    <a:lnTo>
                      <a:pt x="500" y="233"/>
                    </a:lnTo>
                    <a:lnTo>
                      <a:pt x="503" y="238"/>
                    </a:lnTo>
                    <a:lnTo>
                      <a:pt x="508" y="242"/>
                    </a:lnTo>
                    <a:lnTo>
                      <a:pt x="515" y="247"/>
                    </a:lnTo>
                    <a:lnTo>
                      <a:pt x="524" y="250"/>
                    </a:lnTo>
                    <a:lnTo>
                      <a:pt x="534" y="255"/>
                    </a:lnTo>
                    <a:lnTo>
                      <a:pt x="542" y="260"/>
                    </a:lnTo>
                    <a:lnTo>
                      <a:pt x="551" y="267"/>
                    </a:lnTo>
                    <a:lnTo>
                      <a:pt x="559" y="273"/>
                    </a:lnTo>
                    <a:lnTo>
                      <a:pt x="564" y="276"/>
                    </a:lnTo>
                    <a:lnTo>
                      <a:pt x="569" y="277"/>
                    </a:lnTo>
                    <a:lnTo>
                      <a:pt x="574" y="277"/>
                    </a:lnTo>
                    <a:lnTo>
                      <a:pt x="579" y="277"/>
                    </a:lnTo>
                    <a:lnTo>
                      <a:pt x="590" y="277"/>
                    </a:lnTo>
                    <a:lnTo>
                      <a:pt x="599" y="277"/>
                    </a:lnTo>
                    <a:lnTo>
                      <a:pt x="603" y="277"/>
                    </a:lnTo>
                    <a:lnTo>
                      <a:pt x="607" y="278"/>
                    </a:lnTo>
                    <a:lnTo>
                      <a:pt x="609" y="280"/>
                    </a:lnTo>
                    <a:lnTo>
                      <a:pt x="610" y="282"/>
                    </a:lnTo>
                    <a:lnTo>
                      <a:pt x="612" y="286"/>
                    </a:lnTo>
                    <a:lnTo>
                      <a:pt x="610" y="291"/>
                    </a:lnTo>
                    <a:lnTo>
                      <a:pt x="609" y="298"/>
                    </a:lnTo>
                    <a:lnTo>
                      <a:pt x="605" y="307"/>
                    </a:lnTo>
                    <a:lnTo>
                      <a:pt x="544" y="453"/>
                    </a:lnTo>
                    <a:lnTo>
                      <a:pt x="544" y="453"/>
                    </a:lnTo>
                    <a:lnTo>
                      <a:pt x="531" y="456"/>
                    </a:lnTo>
                    <a:lnTo>
                      <a:pt x="517" y="461"/>
                    </a:lnTo>
                    <a:lnTo>
                      <a:pt x="506" y="469"/>
                    </a:lnTo>
                    <a:lnTo>
                      <a:pt x="494" y="476"/>
                    </a:lnTo>
                    <a:lnTo>
                      <a:pt x="482" y="487"/>
                    </a:lnTo>
                    <a:lnTo>
                      <a:pt x="472" y="496"/>
                    </a:lnTo>
                    <a:lnTo>
                      <a:pt x="461" y="506"/>
                    </a:lnTo>
                    <a:lnTo>
                      <a:pt x="452" y="517"/>
                    </a:lnTo>
                    <a:lnTo>
                      <a:pt x="438" y="532"/>
                    </a:lnTo>
                    <a:lnTo>
                      <a:pt x="428" y="543"/>
                    </a:lnTo>
                    <a:lnTo>
                      <a:pt x="423" y="544"/>
                    </a:lnTo>
                    <a:lnTo>
                      <a:pt x="420" y="545"/>
                    </a:lnTo>
                    <a:lnTo>
                      <a:pt x="416" y="545"/>
                    </a:lnTo>
                    <a:lnTo>
                      <a:pt x="414" y="544"/>
                    </a:lnTo>
                    <a:lnTo>
                      <a:pt x="401" y="532"/>
                    </a:lnTo>
                    <a:lnTo>
                      <a:pt x="376" y="513"/>
                    </a:lnTo>
                    <a:lnTo>
                      <a:pt x="372" y="510"/>
                    </a:lnTo>
                    <a:lnTo>
                      <a:pt x="368" y="509"/>
                    </a:lnTo>
                    <a:lnTo>
                      <a:pt x="364" y="509"/>
                    </a:lnTo>
                    <a:lnTo>
                      <a:pt x="359" y="509"/>
                    </a:lnTo>
                    <a:lnTo>
                      <a:pt x="350" y="510"/>
                    </a:lnTo>
                    <a:lnTo>
                      <a:pt x="340" y="514"/>
                    </a:lnTo>
                    <a:lnTo>
                      <a:pt x="331" y="518"/>
                    </a:lnTo>
                    <a:lnTo>
                      <a:pt x="322" y="523"/>
                    </a:lnTo>
                    <a:lnTo>
                      <a:pt x="314" y="528"/>
                    </a:lnTo>
                    <a:lnTo>
                      <a:pt x="307" y="533"/>
                    </a:lnTo>
                    <a:lnTo>
                      <a:pt x="300" y="543"/>
                    </a:lnTo>
                    <a:lnTo>
                      <a:pt x="289" y="554"/>
                    </a:lnTo>
                    <a:lnTo>
                      <a:pt x="284" y="559"/>
                    </a:lnTo>
                    <a:lnTo>
                      <a:pt x="279" y="563"/>
                    </a:lnTo>
                    <a:lnTo>
                      <a:pt x="274" y="567"/>
                    </a:lnTo>
                    <a:lnTo>
                      <a:pt x="268" y="570"/>
                    </a:lnTo>
                    <a:lnTo>
                      <a:pt x="262" y="572"/>
                    </a:lnTo>
                    <a:lnTo>
                      <a:pt x="257" y="576"/>
                    </a:lnTo>
                    <a:lnTo>
                      <a:pt x="253" y="581"/>
                    </a:lnTo>
                    <a:lnTo>
                      <a:pt x="252" y="588"/>
                    </a:lnTo>
                    <a:lnTo>
                      <a:pt x="250" y="602"/>
                    </a:lnTo>
                    <a:lnTo>
                      <a:pt x="252" y="618"/>
                    </a:lnTo>
                    <a:lnTo>
                      <a:pt x="253" y="625"/>
                    </a:lnTo>
                    <a:lnTo>
                      <a:pt x="252" y="633"/>
                    </a:lnTo>
                    <a:lnTo>
                      <a:pt x="252" y="640"/>
                    </a:lnTo>
                    <a:lnTo>
                      <a:pt x="249" y="646"/>
                    </a:lnTo>
                    <a:lnTo>
                      <a:pt x="245" y="651"/>
                    </a:lnTo>
                    <a:lnTo>
                      <a:pt x="239" y="655"/>
                    </a:lnTo>
                    <a:lnTo>
                      <a:pt x="230" y="658"/>
                    </a:lnTo>
                    <a:lnTo>
                      <a:pt x="219" y="659"/>
                    </a:lnTo>
                    <a:lnTo>
                      <a:pt x="219" y="659"/>
                    </a:lnTo>
                    <a:lnTo>
                      <a:pt x="214" y="651"/>
                    </a:lnTo>
                    <a:lnTo>
                      <a:pt x="211" y="641"/>
                    </a:lnTo>
                    <a:lnTo>
                      <a:pt x="209" y="629"/>
                    </a:lnTo>
                    <a:lnTo>
                      <a:pt x="209" y="616"/>
                    </a:lnTo>
                    <a:lnTo>
                      <a:pt x="208" y="592"/>
                    </a:lnTo>
                    <a:lnTo>
                      <a:pt x="209" y="570"/>
                    </a:lnTo>
                    <a:lnTo>
                      <a:pt x="208" y="557"/>
                    </a:lnTo>
                    <a:lnTo>
                      <a:pt x="205" y="545"/>
                    </a:lnTo>
                    <a:lnTo>
                      <a:pt x="200" y="533"/>
                    </a:lnTo>
                    <a:lnTo>
                      <a:pt x="195" y="522"/>
                    </a:lnTo>
                    <a:lnTo>
                      <a:pt x="182" y="501"/>
                    </a:lnTo>
                    <a:lnTo>
                      <a:pt x="170" y="478"/>
                    </a:lnTo>
                    <a:lnTo>
                      <a:pt x="166" y="469"/>
                    </a:lnTo>
                    <a:lnTo>
                      <a:pt x="161" y="461"/>
                    </a:lnTo>
                    <a:lnTo>
                      <a:pt x="157" y="454"/>
                    </a:lnTo>
                    <a:lnTo>
                      <a:pt x="152" y="449"/>
                    </a:lnTo>
                    <a:lnTo>
                      <a:pt x="145" y="444"/>
                    </a:lnTo>
                    <a:lnTo>
                      <a:pt x="138" y="439"/>
                    </a:lnTo>
                    <a:lnTo>
                      <a:pt x="130" y="436"/>
                    </a:lnTo>
                    <a:lnTo>
                      <a:pt x="119" y="432"/>
                    </a:lnTo>
                    <a:lnTo>
                      <a:pt x="112" y="430"/>
                    </a:lnTo>
                    <a:lnTo>
                      <a:pt x="105" y="427"/>
                    </a:lnTo>
                    <a:lnTo>
                      <a:pt x="101" y="425"/>
                    </a:lnTo>
                    <a:lnTo>
                      <a:pt x="96" y="421"/>
                    </a:lnTo>
                    <a:lnTo>
                      <a:pt x="91" y="413"/>
                    </a:lnTo>
                    <a:lnTo>
                      <a:pt x="88" y="405"/>
                    </a:lnTo>
                    <a:lnTo>
                      <a:pt x="87" y="397"/>
                    </a:lnTo>
                    <a:lnTo>
                      <a:pt x="84" y="388"/>
                    </a:lnTo>
                    <a:lnTo>
                      <a:pt x="83" y="385"/>
                    </a:lnTo>
                    <a:lnTo>
                      <a:pt x="81" y="379"/>
                    </a:lnTo>
                    <a:lnTo>
                      <a:pt x="78" y="375"/>
                    </a:lnTo>
                    <a:lnTo>
                      <a:pt x="74" y="370"/>
                    </a:lnTo>
                    <a:lnTo>
                      <a:pt x="57" y="352"/>
                    </a:lnTo>
                    <a:lnTo>
                      <a:pt x="39" y="334"/>
                    </a:lnTo>
                    <a:lnTo>
                      <a:pt x="39" y="334"/>
                    </a:lnTo>
                    <a:lnTo>
                      <a:pt x="44" y="313"/>
                    </a:lnTo>
                    <a:lnTo>
                      <a:pt x="39" y="298"/>
                    </a:lnTo>
                    <a:lnTo>
                      <a:pt x="34" y="282"/>
                    </a:lnTo>
                    <a:lnTo>
                      <a:pt x="18" y="272"/>
                    </a:lnTo>
                    <a:lnTo>
                      <a:pt x="3" y="260"/>
                    </a:lnTo>
                    <a:lnTo>
                      <a:pt x="0" y="255"/>
                    </a:lnTo>
                    <a:lnTo>
                      <a:pt x="0" y="251"/>
                    </a:lnTo>
                    <a:lnTo>
                      <a:pt x="2" y="247"/>
                    </a:lnTo>
                    <a:lnTo>
                      <a:pt x="4" y="245"/>
                    </a:lnTo>
                    <a:lnTo>
                      <a:pt x="8" y="242"/>
                    </a:lnTo>
                    <a:lnTo>
                      <a:pt x="13" y="241"/>
                    </a:lnTo>
                    <a:lnTo>
                      <a:pt x="18" y="239"/>
                    </a:lnTo>
                    <a:lnTo>
                      <a:pt x="25" y="239"/>
                    </a:lnTo>
                    <a:lnTo>
                      <a:pt x="52" y="241"/>
                    </a:lnTo>
                    <a:lnTo>
                      <a:pt x="70" y="242"/>
                    </a:lnTo>
                    <a:lnTo>
                      <a:pt x="82" y="242"/>
                    </a:lnTo>
                    <a:lnTo>
                      <a:pt x="88" y="239"/>
                    </a:lnTo>
                    <a:lnTo>
                      <a:pt x="91" y="234"/>
                    </a:lnTo>
                    <a:lnTo>
                      <a:pt x="96" y="225"/>
                    </a:lnTo>
                    <a:lnTo>
                      <a:pt x="100" y="221"/>
                    </a:lnTo>
                    <a:lnTo>
                      <a:pt x="106" y="219"/>
                    </a:lnTo>
                    <a:lnTo>
                      <a:pt x="113" y="216"/>
                    </a:lnTo>
                    <a:lnTo>
                      <a:pt x="121" y="214"/>
                    </a:lnTo>
                    <a:lnTo>
                      <a:pt x="138" y="211"/>
                    </a:lnTo>
                    <a:lnTo>
                      <a:pt x="151" y="208"/>
                    </a:lnTo>
                    <a:lnTo>
                      <a:pt x="151" y="208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00" name="Freeform 119"/>
              <p:cNvSpPr>
                <a:spLocks/>
              </p:cNvSpPr>
              <p:nvPr/>
            </p:nvSpPr>
            <p:spPr bwMode="auto">
              <a:xfrm>
                <a:off x="8623218" y="5675540"/>
                <a:ext cx="377091" cy="337780"/>
              </a:xfrm>
              <a:custGeom>
                <a:avLst/>
                <a:gdLst/>
                <a:ahLst/>
                <a:cxnLst>
                  <a:cxn ang="0">
                    <a:pos x="226" y="725"/>
                  </a:cxn>
                  <a:cxn ang="0">
                    <a:pos x="261" y="706"/>
                  </a:cxn>
                  <a:cxn ang="0">
                    <a:pos x="364" y="688"/>
                  </a:cxn>
                  <a:cxn ang="0">
                    <a:pos x="397" y="672"/>
                  </a:cxn>
                  <a:cxn ang="0">
                    <a:pos x="452" y="623"/>
                  </a:cxn>
                  <a:cxn ang="0">
                    <a:pos x="502" y="589"/>
                  </a:cxn>
                  <a:cxn ang="0">
                    <a:pos x="541" y="581"/>
                  </a:cxn>
                  <a:cxn ang="0">
                    <a:pos x="633" y="584"/>
                  </a:cxn>
                  <a:cxn ang="0">
                    <a:pos x="697" y="576"/>
                  </a:cxn>
                  <a:cxn ang="0">
                    <a:pos x="737" y="552"/>
                  </a:cxn>
                  <a:cxn ang="0">
                    <a:pos x="764" y="506"/>
                  </a:cxn>
                  <a:cxn ang="0">
                    <a:pos x="817" y="436"/>
                  </a:cxn>
                  <a:cxn ang="0">
                    <a:pos x="827" y="296"/>
                  </a:cxn>
                  <a:cxn ang="0">
                    <a:pos x="803" y="224"/>
                  </a:cxn>
                  <a:cxn ang="0">
                    <a:pos x="796" y="171"/>
                  </a:cxn>
                  <a:cxn ang="0">
                    <a:pos x="803" y="144"/>
                  </a:cxn>
                  <a:cxn ang="0">
                    <a:pos x="791" y="133"/>
                  </a:cxn>
                  <a:cxn ang="0">
                    <a:pos x="728" y="115"/>
                  </a:cxn>
                  <a:cxn ang="0">
                    <a:pos x="675" y="88"/>
                  </a:cxn>
                  <a:cxn ang="0">
                    <a:pos x="623" y="46"/>
                  </a:cxn>
                  <a:cxn ang="0">
                    <a:pos x="605" y="19"/>
                  </a:cxn>
                  <a:cxn ang="0">
                    <a:pos x="580" y="0"/>
                  </a:cxn>
                  <a:cxn ang="0">
                    <a:pos x="552" y="13"/>
                  </a:cxn>
                  <a:cxn ang="0">
                    <a:pos x="526" y="30"/>
                  </a:cxn>
                  <a:cxn ang="0">
                    <a:pos x="504" y="27"/>
                  </a:cxn>
                  <a:cxn ang="0">
                    <a:pos x="482" y="9"/>
                  </a:cxn>
                  <a:cxn ang="0">
                    <a:pos x="465" y="13"/>
                  </a:cxn>
                  <a:cxn ang="0">
                    <a:pos x="432" y="44"/>
                  </a:cxn>
                  <a:cxn ang="0">
                    <a:pos x="404" y="52"/>
                  </a:cxn>
                  <a:cxn ang="0">
                    <a:pos x="327" y="35"/>
                  </a:cxn>
                  <a:cxn ang="0">
                    <a:pos x="278" y="66"/>
                  </a:cxn>
                  <a:cxn ang="0">
                    <a:pos x="234" y="111"/>
                  </a:cxn>
                  <a:cxn ang="0">
                    <a:pos x="212" y="124"/>
                  </a:cxn>
                  <a:cxn ang="0">
                    <a:pos x="168" y="89"/>
                  </a:cxn>
                  <a:cxn ang="0">
                    <a:pos x="146" y="89"/>
                  </a:cxn>
                  <a:cxn ang="0">
                    <a:pos x="110" y="107"/>
                  </a:cxn>
                  <a:cxn ang="0">
                    <a:pos x="80" y="138"/>
                  </a:cxn>
                  <a:cxn ang="0">
                    <a:pos x="58" y="151"/>
                  </a:cxn>
                  <a:cxn ang="0">
                    <a:pos x="46" y="181"/>
                  </a:cxn>
                  <a:cxn ang="0">
                    <a:pos x="48" y="219"/>
                  </a:cxn>
                  <a:cxn ang="0">
                    <a:pos x="26" y="237"/>
                  </a:cxn>
                  <a:cxn ang="0">
                    <a:pos x="5" y="333"/>
                  </a:cxn>
                  <a:cxn ang="0">
                    <a:pos x="0" y="412"/>
                  </a:cxn>
                  <a:cxn ang="0">
                    <a:pos x="10" y="461"/>
                  </a:cxn>
                  <a:cxn ang="0">
                    <a:pos x="55" y="632"/>
                  </a:cxn>
                  <a:cxn ang="0">
                    <a:pos x="93" y="720"/>
                  </a:cxn>
                  <a:cxn ang="0">
                    <a:pos x="116" y="745"/>
                  </a:cxn>
                  <a:cxn ang="0">
                    <a:pos x="145" y="746"/>
                  </a:cxn>
                </a:cxnLst>
                <a:rect l="0" t="0" r="r" b="b"/>
                <a:pathLst>
                  <a:path w="829" h="749">
                    <a:moveTo>
                      <a:pt x="191" y="734"/>
                    </a:moveTo>
                    <a:lnTo>
                      <a:pt x="206" y="733"/>
                    </a:lnTo>
                    <a:lnTo>
                      <a:pt x="217" y="729"/>
                    </a:lnTo>
                    <a:lnTo>
                      <a:pt x="226" y="725"/>
                    </a:lnTo>
                    <a:lnTo>
                      <a:pt x="235" y="720"/>
                    </a:lnTo>
                    <a:lnTo>
                      <a:pt x="243" y="715"/>
                    </a:lnTo>
                    <a:lnTo>
                      <a:pt x="252" y="710"/>
                    </a:lnTo>
                    <a:lnTo>
                      <a:pt x="261" y="706"/>
                    </a:lnTo>
                    <a:lnTo>
                      <a:pt x="273" y="702"/>
                    </a:lnTo>
                    <a:lnTo>
                      <a:pt x="318" y="695"/>
                    </a:lnTo>
                    <a:lnTo>
                      <a:pt x="355" y="690"/>
                    </a:lnTo>
                    <a:lnTo>
                      <a:pt x="364" y="688"/>
                    </a:lnTo>
                    <a:lnTo>
                      <a:pt x="371" y="685"/>
                    </a:lnTo>
                    <a:lnTo>
                      <a:pt x="381" y="682"/>
                    </a:lnTo>
                    <a:lnTo>
                      <a:pt x="388" y="677"/>
                    </a:lnTo>
                    <a:lnTo>
                      <a:pt x="397" y="672"/>
                    </a:lnTo>
                    <a:lnTo>
                      <a:pt x="406" y="666"/>
                    </a:lnTo>
                    <a:lnTo>
                      <a:pt x="416" y="658"/>
                    </a:lnTo>
                    <a:lnTo>
                      <a:pt x="426" y="649"/>
                    </a:lnTo>
                    <a:lnTo>
                      <a:pt x="452" y="623"/>
                    </a:lnTo>
                    <a:lnTo>
                      <a:pt x="474" y="606"/>
                    </a:lnTo>
                    <a:lnTo>
                      <a:pt x="483" y="598"/>
                    </a:lnTo>
                    <a:lnTo>
                      <a:pt x="493" y="593"/>
                    </a:lnTo>
                    <a:lnTo>
                      <a:pt x="502" y="589"/>
                    </a:lnTo>
                    <a:lnTo>
                      <a:pt x="511" y="587"/>
                    </a:lnTo>
                    <a:lnTo>
                      <a:pt x="522" y="584"/>
                    </a:lnTo>
                    <a:lnTo>
                      <a:pt x="531" y="583"/>
                    </a:lnTo>
                    <a:lnTo>
                      <a:pt x="541" y="581"/>
                    </a:lnTo>
                    <a:lnTo>
                      <a:pt x="553" y="581"/>
                    </a:lnTo>
                    <a:lnTo>
                      <a:pt x="580" y="583"/>
                    </a:lnTo>
                    <a:lnTo>
                      <a:pt x="612" y="584"/>
                    </a:lnTo>
                    <a:lnTo>
                      <a:pt x="633" y="584"/>
                    </a:lnTo>
                    <a:lnTo>
                      <a:pt x="651" y="584"/>
                    </a:lnTo>
                    <a:lnTo>
                      <a:pt x="668" y="583"/>
                    </a:lnTo>
                    <a:lnTo>
                      <a:pt x="682" y="580"/>
                    </a:lnTo>
                    <a:lnTo>
                      <a:pt x="697" y="576"/>
                    </a:lnTo>
                    <a:lnTo>
                      <a:pt x="708" y="572"/>
                    </a:lnTo>
                    <a:lnTo>
                      <a:pt x="719" y="567"/>
                    </a:lnTo>
                    <a:lnTo>
                      <a:pt x="729" y="559"/>
                    </a:lnTo>
                    <a:lnTo>
                      <a:pt x="737" y="552"/>
                    </a:lnTo>
                    <a:lnTo>
                      <a:pt x="745" y="543"/>
                    </a:lnTo>
                    <a:lnTo>
                      <a:pt x="751" y="532"/>
                    </a:lnTo>
                    <a:lnTo>
                      <a:pt x="758" y="519"/>
                    </a:lnTo>
                    <a:lnTo>
                      <a:pt x="764" y="506"/>
                    </a:lnTo>
                    <a:lnTo>
                      <a:pt x="769" y="491"/>
                    </a:lnTo>
                    <a:lnTo>
                      <a:pt x="774" y="474"/>
                    </a:lnTo>
                    <a:lnTo>
                      <a:pt x="780" y="456"/>
                    </a:lnTo>
                    <a:lnTo>
                      <a:pt x="817" y="436"/>
                    </a:lnTo>
                    <a:lnTo>
                      <a:pt x="825" y="330"/>
                    </a:lnTo>
                    <a:lnTo>
                      <a:pt x="827" y="318"/>
                    </a:lnTo>
                    <a:lnTo>
                      <a:pt x="829" y="307"/>
                    </a:lnTo>
                    <a:lnTo>
                      <a:pt x="827" y="296"/>
                    </a:lnTo>
                    <a:lnTo>
                      <a:pt x="826" y="285"/>
                    </a:lnTo>
                    <a:lnTo>
                      <a:pt x="820" y="264"/>
                    </a:lnTo>
                    <a:lnTo>
                      <a:pt x="812" y="243"/>
                    </a:lnTo>
                    <a:lnTo>
                      <a:pt x="803" y="224"/>
                    </a:lnTo>
                    <a:lnTo>
                      <a:pt x="798" y="203"/>
                    </a:lnTo>
                    <a:lnTo>
                      <a:pt x="795" y="192"/>
                    </a:lnTo>
                    <a:lnTo>
                      <a:pt x="795" y="181"/>
                    </a:lnTo>
                    <a:lnTo>
                      <a:pt x="796" y="171"/>
                    </a:lnTo>
                    <a:lnTo>
                      <a:pt x="800" y="159"/>
                    </a:lnTo>
                    <a:lnTo>
                      <a:pt x="802" y="153"/>
                    </a:lnTo>
                    <a:lnTo>
                      <a:pt x="803" y="149"/>
                    </a:lnTo>
                    <a:lnTo>
                      <a:pt x="803" y="144"/>
                    </a:lnTo>
                    <a:lnTo>
                      <a:pt x="802" y="141"/>
                    </a:lnTo>
                    <a:lnTo>
                      <a:pt x="799" y="137"/>
                    </a:lnTo>
                    <a:lnTo>
                      <a:pt x="796" y="135"/>
                    </a:lnTo>
                    <a:lnTo>
                      <a:pt x="791" y="133"/>
                    </a:lnTo>
                    <a:lnTo>
                      <a:pt x="785" y="131"/>
                    </a:lnTo>
                    <a:lnTo>
                      <a:pt x="761" y="125"/>
                    </a:lnTo>
                    <a:lnTo>
                      <a:pt x="739" y="119"/>
                    </a:lnTo>
                    <a:lnTo>
                      <a:pt x="728" y="115"/>
                    </a:lnTo>
                    <a:lnTo>
                      <a:pt x="717" y="111"/>
                    </a:lnTo>
                    <a:lnTo>
                      <a:pt x="707" y="107"/>
                    </a:lnTo>
                    <a:lnTo>
                      <a:pt x="697" y="101"/>
                    </a:lnTo>
                    <a:lnTo>
                      <a:pt x="675" y="88"/>
                    </a:lnTo>
                    <a:lnTo>
                      <a:pt x="651" y="74"/>
                    </a:lnTo>
                    <a:lnTo>
                      <a:pt x="641" y="65"/>
                    </a:lnTo>
                    <a:lnTo>
                      <a:pt x="632" y="57"/>
                    </a:lnTo>
                    <a:lnTo>
                      <a:pt x="623" y="46"/>
                    </a:lnTo>
                    <a:lnTo>
                      <a:pt x="615" y="36"/>
                    </a:lnTo>
                    <a:lnTo>
                      <a:pt x="614" y="32"/>
                    </a:lnTo>
                    <a:lnTo>
                      <a:pt x="610" y="26"/>
                    </a:lnTo>
                    <a:lnTo>
                      <a:pt x="605" y="19"/>
                    </a:lnTo>
                    <a:lnTo>
                      <a:pt x="599" y="13"/>
                    </a:lnTo>
                    <a:lnTo>
                      <a:pt x="593" y="8"/>
                    </a:lnTo>
                    <a:lnTo>
                      <a:pt x="587" y="4"/>
                    </a:lnTo>
                    <a:lnTo>
                      <a:pt x="580" y="0"/>
                    </a:lnTo>
                    <a:lnTo>
                      <a:pt x="575" y="0"/>
                    </a:lnTo>
                    <a:lnTo>
                      <a:pt x="567" y="2"/>
                    </a:lnTo>
                    <a:lnTo>
                      <a:pt x="559" y="8"/>
                    </a:lnTo>
                    <a:lnTo>
                      <a:pt x="552" y="13"/>
                    </a:lnTo>
                    <a:lnTo>
                      <a:pt x="544" y="19"/>
                    </a:lnTo>
                    <a:lnTo>
                      <a:pt x="537" y="24"/>
                    </a:lnTo>
                    <a:lnTo>
                      <a:pt x="530" y="28"/>
                    </a:lnTo>
                    <a:lnTo>
                      <a:pt x="526" y="30"/>
                    </a:lnTo>
                    <a:lnTo>
                      <a:pt x="522" y="31"/>
                    </a:lnTo>
                    <a:lnTo>
                      <a:pt x="517" y="31"/>
                    </a:lnTo>
                    <a:lnTo>
                      <a:pt x="513" y="30"/>
                    </a:lnTo>
                    <a:lnTo>
                      <a:pt x="504" y="27"/>
                    </a:lnTo>
                    <a:lnTo>
                      <a:pt x="497" y="22"/>
                    </a:lnTo>
                    <a:lnTo>
                      <a:pt x="491" y="15"/>
                    </a:lnTo>
                    <a:lnTo>
                      <a:pt x="484" y="10"/>
                    </a:lnTo>
                    <a:lnTo>
                      <a:pt x="482" y="9"/>
                    </a:lnTo>
                    <a:lnTo>
                      <a:pt x="478" y="8"/>
                    </a:lnTo>
                    <a:lnTo>
                      <a:pt x="475" y="8"/>
                    </a:lnTo>
                    <a:lnTo>
                      <a:pt x="471" y="9"/>
                    </a:lnTo>
                    <a:lnTo>
                      <a:pt x="465" y="13"/>
                    </a:lnTo>
                    <a:lnTo>
                      <a:pt x="457" y="17"/>
                    </a:lnTo>
                    <a:lnTo>
                      <a:pt x="445" y="30"/>
                    </a:lnTo>
                    <a:lnTo>
                      <a:pt x="436" y="39"/>
                    </a:lnTo>
                    <a:lnTo>
                      <a:pt x="432" y="44"/>
                    </a:lnTo>
                    <a:lnTo>
                      <a:pt x="427" y="48"/>
                    </a:lnTo>
                    <a:lnTo>
                      <a:pt x="422" y="50"/>
                    </a:lnTo>
                    <a:lnTo>
                      <a:pt x="417" y="52"/>
                    </a:lnTo>
                    <a:lnTo>
                      <a:pt x="404" y="52"/>
                    </a:lnTo>
                    <a:lnTo>
                      <a:pt x="391" y="49"/>
                    </a:lnTo>
                    <a:lnTo>
                      <a:pt x="364" y="40"/>
                    </a:lnTo>
                    <a:lnTo>
                      <a:pt x="340" y="32"/>
                    </a:lnTo>
                    <a:lnTo>
                      <a:pt x="327" y="35"/>
                    </a:lnTo>
                    <a:lnTo>
                      <a:pt x="313" y="40"/>
                    </a:lnTo>
                    <a:lnTo>
                      <a:pt x="302" y="48"/>
                    </a:lnTo>
                    <a:lnTo>
                      <a:pt x="290" y="55"/>
                    </a:lnTo>
                    <a:lnTo>
                      <a:pt x="278" y="66"/>
                    </a:lnTo>
                    <a:lnTo>
                      <a:pt x="268" y="75"/>
                    </a:lnTo>
                    <a:lnTo>
                      <a:pt x="257" y="85"/>
                    </a:lnTo>
                    <a:lnTo>
                      <a:pt x="248" y="96"/>
                    </a:lnTo>
                    <a:lnTo>
                      <a:pt x="234" y="111"/>
                    </a:lnTo>
                    <a:lnTo>
                      <a:pt x="224" y="122"/>
                    </a:lnTo>
                    <a:lnTo>
                      <a:pt x="219" y="123"/>
                    </a:lnTo>
                    <a:lnTo>
                      <a:pt x="216" y="124"/>
                    </a:lnTo>
                    <a:lnTo>
                      <a:pt x="212" y="124"/>
                    </a:lnTo>
                    <a:lnTo>
                      <a:pt x="210" y="123"/>
                    </a:lnTo>
                    <a:lnTo>
                      <a:pt x="197" y="111"/>
                    </a:lnTo>
                    <a:lnTo>
                      <a:pt x="172" y="92"/>
                    </a:lnTo>
                    <a:lnTo>
                      <a:pt x="168" y="89"/>
                    </a:lnTo>
                    <a:lnTo>
                      <a:pt x="164" y="88"/>
                    </a:lnTo>
                    <a:lnTo>
                      <a:pt x="160" y="88"/>
                    </a:lnTo>
                    <a:lnTo>
                      <a:pt x="155" y="88"/>
                    </a:lnTo>
                    <a:lnTo>
                      <a:pt x="146" y="89"/>
                    </a:lnTo>
                    <a:lnTo>
                      <a:pt x="136" y="93"/>
                    </a:lnTo>
                    <a:lnTo>
                      <a:pt x="127" y="97"/>
                    </a:lnTo>
                    <a:lnTo>
                      <a:pt x="118" y="102"/>
                    </a:lnTo>
                    <a:lnTo>
                      <a:pt x="110" y="107"/>
                    </a:lnTo>
                    <a:lnTo>
                      <a:pt x="103" y="112"/>
                    </a:lnTo>
                    <a:lnTo>
                      <a:pt x="96" y="122"/>
                    </a:lnTo>
                    <a:lnTo>
                      <a:pt x="85" y="133"/>
                    </a:lnTo>
                    <a:lnTo>
                      <a:pt x="80" y="138"/>
                    </a:lnTo>
                    <a:lnTo>
                      <a:pt x="75" y="142"/>
                    </a:lnTo>
                    <a:lnTo>
                      <a:pt x="70" y="146"/>
                    </a:lnTo>
                    <a:lnTo>
                      <a:pt x="64" y="149"/>
                    </a:lnTo>
                    <a:lnTo>
                      <a:pt x="58" y="151"/>
                    </a:lnTo>
                    <a:lnTo>
                      <a:pt x="53" y="155"/>
                    </a:lnTo>
                    <a:lnTo>
                      <a:pt x="49" y="160"/>
                    </a:lnTo>
                    <a:lnTo>
                      <a:pt x="48" y="167"/>
                    </a:lnTo>
                    <a:lnTo>
                      <a:pt x="46" y="181"/>
                    </a:lnTo>
                    <a:lnTo>
                      <a:pt x="48" y="197"/>
                    </a:lnTo>
                    <a:lnTo>
                      <a:pt x="49" y="204"/>
                    </a:lnTo>
                    <a:lnTo>
                      <a:pt x="48" y="212"/>
                    </a:lnTo>
                    <a:lnTo>
                      <a:pt x="48" y="219"/>
                    </a:lnTo>
                    <a:lnTo>
                      <a:pt x="45" y="225"/>
                    </a:lnTo>
                    <a:lnTo>
                      <a:pt x="41" y="230"/>
                    </a:lnTo>
                    <a:lnTo>
                      <a:pt x="35" y="234"/>
                    </a:lnTo>
                    <a:lnTo>
                      <a:pt x="26" y="237"/>
                    </a:lnTo>
                    <a:lnTo>
                      <a:pt x="15" y="238"/>
                    </a:lnTo>
                    <a:lnTo>
                      <a:pt x="6" y="302"/>
                    </a:lnTo>
                    <a:lnTo>
                      <a:pt x="5" y="317"/>
                    </a:lnTo>
                    <a:lnTo>
                      <a:pt x="5" y="333"/>
                    </a:lnTo>
                    <a:lnTo>
                      <a:pt x="6" y="348"/>
                    </a:lnTo>
                    <a:lnTo>
                      <a:pt x="6" y="363"/>
                    </a:lnTo>
                    <a:lnTo>
                      <a:pt x="4" y="390"/>
                    </a:lnTo>
                    <a:lnTo>
                      <a:pt x="0" y="412"/>
                    </a:lnTo>
                    <a:lnTo>
                      <a:pt x="0" y="422"/>
                    </a:lnTo>
                    <a:lnTo>
                      <a:pt x="1" y="432"/>
                    </a:lnTo>
                    <a:lnTo>
                      <a:pt x="5" y="445"/>
                    </a:lnTo>
                    <a:lnTo>
                      <a:pt x="10" y="461"/>
                    </a:lnTo>
                    <a:lnTo>
                      <a:pt x="19" y="487"/>
                    </a:lnTo>
                    <a:lnTo>
                      <a:pt x="28" y="528"/>
                    </a:lnTo>
                    <a:lnTo>
                      <a:pt x="41" y="579"/>
                    </a:lnTo>
                    <a:lnTo>
                      <a:pt x="55" y="632"/>
                    </a:lnTo>
                    <a:lnTo>
                      <a:pt x="63" y="657"/>
                    </a:lnTo>
                    <a:lnTo>
                      <a:pt x="72" y="681"/>
                    </a:lnTo>
                    <a:lnTo>
                      <a:pt x="83" y="702"/>
                    </a:lnTo>
                    <a:lnTo>
                      <a:pt x="93" y="720"/>
                    </a:lnTo>
                    <a:lnTo>
                      <a:pt x="98" y="728"/>
                    </a:lnTo>
                    <a:lnTo>
                      <a:pt x="105" y="734"/>
                    </a:lnTo>
                    <a:lnTo>
                      <a:pt x="110" y="739"/>
                    </a:lnTo>
                    <a:lnTo>
                      <a:pt x="116" y="745"/>
                    </a:lnTo>
                    <a:lnTo>
                      <a:pt x="123" y="747"/>
                    </a:lnTo>
                    <a:lnTo>
                      <a:pt x="131" y="749"/>
                    </a:lnTo>
                    <a:lnTo>
                      <a:pt x="137" y="749"/>
                    </a:lnTo>
                    <a:lnTo>
                      <a:pt x="145" y="746"/>
                    </a:lnTo>
                    <a:lnTo>
                      <a:pt x="191" y="73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01" name="Freeform 120"/>
              <p:cNvSpPr>
                <a:spLocks/>
              </p:cNvSpPr>
              <p:nvPr/>
            </p:nvSpPr>
            <p:spPr bwMode="auto">
              <a:xfrm>
                <a:off x="8623218" y="5675540"/>
                <a:ext cx="377091" cy="337780"/>
              </a:xfrm>
              <a:custGeom>
                <a:avLst/>
                <a:gdLst/>
                <a:ahLst/>
                <a:cxnLst>
                  <a:cxn ang="0">
                    <a:pos x="226" y="725"/>
                  </a:cxn>
                  <a:cxn ang="0">
                    <a:pos x="261" y="706"/>
                  </a:cxn>
                  <a:cxn ang="0">
                    <a:pos x="364" y="688"/>
                  </a:cxn>
                  <a:cxn ang="0">
                    <a:pos x="397" y="672"/>
                  </a:cxn>
                  <a:cxn ang="0">
                    <a:pos x="452" y="623"/>
                  </a:cxn>
                  <a:cxn ang="0">
                    <a:pos x="502" y="589"/>
                  </a:cxn>
                  <a:cxn ang="0">
                    <a:pos x="541" y="581"/>
                  </a:cxn>
                  <a:cxn ang="0">
                    <a:pos x="633" y="584"/>
                  </a:cxn>
                  <a:cxn ang="0">
                    <a:pos x="697" y="576"/>
                  </a:cxn>
                  <a:cxn ang="0">
                    <a:pos x="737" y="552"/>
                  </a:cxn>
                  <a:cxn ang="0">
                    <a:pos x="764" y="506"/>
                  </a:cxn>
                  <a:cxn ang="0">
                    <a:pos x="817" y="436"/>
                  </a:cxn>
                  <a:cxn ang="0">
                    <a:pos x="829" y="307"/>
                  </a:cxn>
                  <a:cxn ang="0">
                    <a:pos x="812" y="243"/>
                  </a:cxn>
                  <a:cxn ang="0">
                    <a:pos x="795" y="181"/>
                  </a:cxn>
                  <a:cxn ang="0">
                    <a:pos x="803" y="149"/>
                  </a:cxn>
                  <a:cxn ang="0">
                    <a:pos x="796" y="135"/>
                  </a:cxn>
                  <a:cxn ang="0">
                    <a:pos x="739" y="119"/>
                  </a:cxn>
                  <a:cxn ang="0">
                    <a:pos x="697" y="101"/>
                  </a:cxn>
                  <a:cxn ang="0">
                    <a:pos x="632" y="57"/>
                  </a:cxn>
                  <a:cxn ang="0">
                    <a:pos x="614" y="32"/>
                  </a:cxn>
                  <a:cxn ang="0">
                    <a:pos x="593" y="8"/>
                  </a:cxn>
                  <a:cxn ang="0">
                    <a:pos x="567" y="2"/>
                  </a:cxn>
                  <a:cxn ang="0">
                    <a:pos x="537" y="24"/>
                  </a:cxn>
                  <a:cxn ang="0">
                    <a:pos x="517" y="31"/>
                  </a:cxn>
                  <a:cxn ang="0">
                    <a:pos x="491" y="15"/>
                  </a:cxn>
                  <a:cxn ang="0">
                    <a:pos x="475" y="8"/>
                  </a:cxn>
                  <a:cxn ang="0">
                    <a:pos x="445" y="30"/>
                  </a:cxn>
                  <a:cxn ang="0">
                    <a:pos x="422" y="50"/>
                  </a:cxn>
                  <a:cxn ang="0">
                    <a:pos x="364" y="40"/>
                  </a:cxn>
                  <a:cxn ang="0">
                    <a:pos x="313" y="40"/>
                  </a:cxn>
                  <a:cxn ang="0">
                    <a:pos x="268" y="75"/>
                  </a:cxn>
                  <a:cxn ang="0">
                    <a:pos x="224" y="122"/>
                  </a:cxn>
                  <a:cxn ang="0">
                    <a:pos x="210" y="123"/>
                  </a:cxn>
                  <a:cxn ang="0">
                    <a:pos x="164" y="88"/>
                  </a:cxn>
                  <a:cxn ang="0">
                    <a:pos x="136" y="93"/>
                  </a:cxn>
                  <a:cxn ang="0">
                    <a:pos x="103" y="112"/>
                  </a:cxn>
                  <a:cxn ang="0">
                    <a:pos x="75" y="142"/>
                  </a:cxn>
                  <a:cxn ang="0">
                    <a:pos x="53" y="155"/>
                  </a:cxn>
                  <a:cxn ang="0">
                    <a:pos x="48" y="197"/>
                  </a:cxn>
                  <a:cxn ang="0">
                    <a:pos x="45" y="225"/>
                  </a:cxn>
                  <a:cxn ang="0">
                    <a:pos x="15" y="238"/>
                  </a:cxn>
                  <a:cxn ang="0">
                    <a:pos x="5" y="333"/>
                  </a:cxn>
                  <a:cxn ang="0">
                    <a:pos x="0" y="412"/>
                  </a:cxn>
                  <a:cxn ang="0">
                    <a:pos x="10" y="461"/>
                  </a:cxn>
                  <a:cxn ang="0">
                    <a:pos x="55" y="632"/>
                  </a:cxn>
                  <a:cxn ang="0">
                    <a:pos x="93" y="720"/>
                  </a:cxn>
                  <a:cxn ang="0">
                    <a:pos x="116" y="745"/>
                  </a:cxn>
                  <a:cxn ang="0">
                    <a:pos x="145" y="746"/>
                  </a:cxn>
                </a:cxnLst>
                <a:rect l="0" t="0" r="r" b="b"/>
                <a:pathLst>
                  <a:path w="829" h="749">
                    <a:moveTo>
                      <a:pt x="191" y="734"/>
                    </a:moveTo>
                    <a:lnTo>
                      <a:pt x="206" y="733"/>
                    </a:lnTo>
                    <a:lnTo>
                      <a:pt x="217" y="729"/>
                    </a:lnTo>
                    <a:lnTo>
                      <a:pt x="226" y="725"/>
                    </a:lnTo>
                    <a:lnTo>
                      <a:pt x="235" y="720"/>
                    </a:lnTo>
                    <a:lnTo>
                      <a:pt x="243" y="715"/>
                    </a:lnTo>
                    <a:lnTo>
                      <a:pt x="252" y="710"/>
                    </a:lnTo>
                    <a:lnTo>
                      <a:pt x="261" y="706"/>
                    </a:lnTo>
                    <a:lnTo>
                      <a:pt x="273" y="702"/>
                    </a:lnTo>
                    <a:lnTo>
                      <a:pt x="318" y="695"/>
                    </a:lnTo>
                    <a:lnTo>
                      <a:pt x="355" y="690"/>
                    </a:lnTo>
                    <a:lnTo>
                      <a:pt x="364" y="688"/>
                    </a:lnTo>
                    <a:lnTo>
                      <a:pt x="371" y="685"/>
                    </a:lnTo>
                    <a:lnTo>
                      <a:pt x="381" y="682"/>
                    </a:lnTo>
                    <a:lnTo>
                      <a:pt x="388" y="677"/>
                    </a:lnTo>
                    <a:lnTo>
                      <a:pt x="397" y="672"/>
                    </a:lnTo>
                    <a:lnTo>
                      <a:pt x="406" y="666"/>
                    </a:lnTo>
                    <a:lnTo>
                      <a:pt x="416" y="658"/>
                    </a:lnTo>
                    <a:lnTo>
                      <a:pt x="426" y="649"/>
                    </a:lnTo>
                    <a:lnTo>
                      <a:pt x="452" y="623"/>
                    </a:lnTo>
                    <a:lnTo>
                      <a:pt x="474" y="606"/>
                    </a:lnTo>
                    <a:lnTo>
                      <a:pt x="483" y="598"/>
                    </a:lnTo>
                    <a:lnTo>
                      <a:pt x="493" y="593"/>
                    </a:lnTo>
                    <a:lnTo>
                      <a:pt x="502" y="589"/>
                    </a:lnTo>
                    <a:lnTo>
                      <a:pt x="511" y="587"/>
                    </a:lnTo>
                    <a:lnTo>
                      <a:pt x="522" y="584"/>
                    </a:lnTo>
                    <a:lnTo>
                      <a:pt x="531" y="583"/>
                    </a:lnTo>
                    <a:lnTo>
                      <a:pt x="541" y="581"/>
                    </a:lnTo>
                    <a:lnTo>
                      <a:pt x="553" y="581"/>
                    </a:lnTo>
                    <a:lnTo>
                      <a:pt x="580" y="583"/>
                    </a:lnTo>
                    <a:lnTo>
                      <a:pt x="612" y="584"/>
                    </a:lnTo>
                    <a:lnTo>
                      <a:pt x="633" y="584"/>
                    </a:lnTo>
                    <a:lnTo>
                      <a:pt x="651" y="584"/>
                    </a:lnTo>
                    <a:lnTo>
                      <a:pt x="668" y="583"/>
                    </a:lnTo>
                    <a:lnTo>
                      <a:pt x="682" y="580"/>
                    </a:lnTo>
                    <a:lnTo>
                      <a:pt x="697" y="576"/>
                    </a:lnTo>
                    <a:lnTo>
                      <a:pt x="708" y="572"/>
                    </a:lnTo>
                    <a:lnTo>
                      <a:pt x="719" y="567"/>
                    </a:lnTo>
                    <a:lnTo>
                      <a:pt x="729" y="559"/>
                    </a:lnTo>
                    <a:lnTo>
                      <a:pt x="737" y="552"/>
                    </a:lnTo>
                    <a:lnTo>
                      <a:pt x="745" y="543"/>
                    </a:lnTo>
                    <a:lnTo>
                      <a:pt x="751" y="532"/>
                    </a:lnTo>
                    <a:lnTo>
                      <a:pt x="758" y="519"/>
                    </a:lnTo>
                    <a:lnTo>
                      <a:pt x="764" y="506"/>
                    </a:lnTo>
                    <a:lnTo>
                      <a:pt x="769" y="491"/>
                    </a:lnTo>
                    <a:lnTo>
                      <a:pt x="774" y="474"/>
                    </a:lnTo>
                    <a:lnTo>
                      <a:pt x="780" y="456"/>
                    </a:lnTo>
                    <a:lnTo>
                      <a:pt x="817" y="436"/>
                    </a:lnTo>
                    <a:lnTo>
                      <a:pt x="817" y="436"/>
                    </a:lnTo>
                    <a:lnTo>
                      <a:pt x="825" y="330"/>
                    </a:lnTo>
                    <a:lnTo>
                      <a:pt x="827" y="318"/>
                    </a:lnTo>
                    <a:lnTo>
                      <a:pt x="829" y="307"/>
                    </a:lnTo>
                    <a:lnTo>
                      <a:pt x="827" y="296"/>
                    </a:lnTo>
                    <a:lnTo>
                      <a:pt x="826" y="285"/>
                    </a:lnTo>
                    <a:lnTo>
                      <a:pt x="820" y="264"/>
                    </a:lnTo>
                    <a:lnTo>
                      <a:pt x="812" y="243"/>
                    </a:lnTo>
                    <a:lnTo>
                      <a:pt x="803" y="224"/>
                    </a:lnTo>
                    <a:lnTo>
                      <a:pt x="798" y="203"/>
                    </a:lnTo>
                    <a:lnTo>
                      <a:pt x="795" y="192"/>
                    </a:lnTo>
                    <a:lnTo>
                      <a:pt x="795" y="181"/>
                    </a:lnTo>
                    <a:lnTo>
                      <a:pt x="796" y="171"/>
                    </a:lnTo>
                    <a:lnTo>
                      <a:pt x="800" y="159"/>
                    </a:lnTo>
                    <a:lnTo>
                      <a:pt x="802" y="153"/>
                    </a:lnTo>
                    <a:lnTo>
                      <a:pt x="803" y="149"/>
                    </a:lnTo>
                    <a:lnTo>
                      <a:pt x="803" y="144"/>
                    </a:lnTo>
                    <a:lnTo>
                      <a:pt x="802" y="141"/>
                    </a:lnTo>
                    <a:lnTo>
                      <a:pt x="799" y="137"/>
                    </a:lnTo>
                    <a:lnTo>
                      <a:pt x="796" y="135"/>
                    </a:lnTo>
                    <a:lnTo>
                      <a:pt x="791" y="133"/>
                    </a:lnTo>
                    <a:lnTo>
                      <a:pt x="785" y="131"/>
                    </a:lnTo>
                    <a:lnTo>
                      <a:pt x="761" y="125"/>
                    </a:lnTo>
                    <a:lnTo>
                      <a:pt x="739" y="119"/>
                    </a:lnTo>
                    <a:lnTo>
                      <a:pt x="728" y="115"/>
                    </a:lnTo>
                    <a:lnTo>
                      <a:pt x="717" y="111"/>
                    </a:lnTo>
                    <a:lnTo>
                      <a:pt x="707" y="107"/>
                    </a:lnTo>
                    <a:lnTo>
                      <a:pt x="697" y="101"/>
                    </a:lnTo>
                    <a:lnTo>
                      <a:pt x="675" y="88"/>
                    </a:lnTo>
                    <a:lnTo>
                      <a:pt x="651" y="74"/>
                    </a:lnTo>
                    <a:lnTo>
                      <a:pt x="641" y="65"/>
                    </a:lnTo>
                    <a:lnTo>
                      <a:pt x="632" y="57"/>
                    </a:lnTo>
                    <a:lnTo>
                      <a:pt x="623" y="46"/>
                    </a:lnTo>
                    <a:lnTo>
                      <a:pt x="615" y="36"/>
                    </a:lnTo>
                    <a:lnTo>
                      <a:pt x="615" y="36"/>
                    </a:lnTo>
                    <a:lnTo>
                      <a:pt x="614" y="32"/>
                    </a:lnTo>
                    <a:lnTo>
                      <a:pt x="610" y="26"/>
                    </a:lnTo>
                    <a:lnTo>
                      <a:pt x="605" y="19"/>
                    </a:lnTo>
                    <a:lnTo>
                      <a:pt x="599" y="13"/>
                    </a:lnTo>
                    <a:lnTo>
                      <a:pt x="593" y="8"/>
                    </a:lnTo>
                    <a:lnTo>
                      <a:pt x="587" y="4"/>
                    </a:lnTo>
                    <a:lnTo>
                      <a:pt x="580" y="0"/>
                    </a:lnTo>
                    <a:lnTo>
                      <a:pt x="575" y="0"/>
                    </a:lnTo>
                    <a:lnTo>
                      <a:pt x="567" y="2"/>
                    </a:lnTo>
                    <a:lnTo>
                      <a:pt x="559" y="8"/>
                    </a:lnTo>
                    <a:lnTo>
                      <a:pt x="552" y="13"/>
                    </a:lnTo>
                    <a:lnTo>
                      <a:pt x="544" y="19"/>
                    </a:lnTo>
                    <a:lnTo>
                      <a:pt x="537" y="24"/>
                    </a:lnTo>
                    <a:lnTo>
                      <a:pt x="530" y="28"/>
                    </a:lnTo>
                    <a:lnTo>
                      <a:pt x="526" y="30"/>
                    </a:lnTo>
                    <a:lnTo>
                      <a:pt x="522" y="31"/>
                    </a:lnTo>
                    <a:lnTo>
                      <a:pt x="517" y="31"/>
                    </a:lnTo>
                    <a:lnTo>
                      <a:pt x="513" y="30"/>
                    </a:lnTo>
                    <a:lnTo>
                      <a:pt x="504" y="27"/>
                    </a:lnTo>
                    <a:lnTo>
                      <a:pt x="497" y="22"/>
                    </a:lnTo>
                    <a:lnTo>
                      <a:pt x="491" y="15"/>
                    </a:lnTo>
                    <a:lnTo>
                      <a:pt x="484" y="10"/>
                    </a:lnTo>
                    <a:lnTo>
                      <a:pt x="482" y="9"/>
                    </a:lnTo>
                    <a:lnTo>
                      <a:pt x="478" y="8"/>
                    </a:lnTo>
                    <a:lnTo>
                      <a:pt x="475" y="8"/>
                    </a:lnTo>
                    <a:lnTo>
                      <a:pt x="471" y="9"/>
                    </a:lnTo>
                    <a:lnTo>
                      <a:pt x="465" y="13"/>
                    </a:lnTo>
                    <a:lnTo>
                      <a:pt x="457" y="17"/>
                    </a:lnTo>
                    <a:lnTo>
                      <a:pt x="445" y="30"/>
                    </a:lnTo>
                    <a:lnTo>
                      <a:pt x="436" y="39"/>
                    </a:lnTo>
                    <a:lnTo>
                      <a:pt x="432" y="44"/>
                    </a:lnTo>
                    <a:lnTo>
                      <a:pt x="427" y="48"/>
                    </a:lnTo>
                    <a:lnTo>
                      <a:pt x="422" y="50"/>
                    </a:lnTo>
                    <a:lnTo>
                      <a:pt x="417" y="52"/>
                    </a:lnTo>
                    <a:lnTo>
                      <a:pt x="404" y="52"/>
                    </a:lnTo>
                    <a:lnTo>
                      <a:pt x="391" y="49"/>
                    </a:lnTo>
                    <a:lnTo>
                      <a:pt x="364" y="40"/>
                    </a:lnTo>
                    <a:lnTo>
                      <a:pt x="340" y="32"/>
                    </a:lnTo>
                    <a:lnTo>
                      <a:pt x="340" y="32"/>
                    </a:lnTo>
                    <a:lnTo>
                      <a:pt x="327" y="35"/>
                    </a:lnTo>
                    <a:lnTo>
                      <a:pt x="313" y="40"/>
                    </a:lnTo>
                    <a:lnTo>
                      <a:pt x="302" y="48"/>
                    </a:lnTo>
                    <a:lnTo>
                      <a:pt x="290" y="55"/>
                    </a:lnTo>
                    <a:lnTo>
                      <a:pt x="278" y="66"/>
                    </a:lnTo>
                    <a:lnTo>
                      <a:pt x="268" y="75"/>
                    </a:lnTo>
                    <a:lnTo>
                      <a:pt x="257" y="85"/>
                    </a:lnTo>
                    <a:lnTo>
                      <a:pt x="248" y="96"/>
                    </a:lnTo>
                    <a:lnTo>
                      <a:pt x="234" y="111"/>
                    </a:lnTo>
                    <a:lnTo>
                      <a:pt x="224" y="122"/>
                    </a:lnTo>
                    <a:lnTo>
                      <a:pt x="219" y="123"/>
                    </a:lnTo>
                    <a:lnTo>
                      <a:pt x="216" y="124"/>
                    </a:lnTo>
                    <a:lnTo>
                      <a:pt x="212" y="124"/>
                    </a:lnTo>
                    <a:lnTo>
                      <a:pt x="210" y="123"/>
                    </a:lnTo>
                    <a:lnTo>
                      <a:pt x="197" y="111"/>
                    </a:lnTo>
                    <a:lnTo>
                      <a:pt x="172" y="92"/>
                    </a:lnTo>
                    <a:lnTo>
                      <a:pt x="168" y="89"/>
                    </a:lnTo>
                    <a:lnTo>
                      <a:pt x="164" y="88"/>
                    </a:lnTo>
                    <a:lnTo>
                      <a:pt x="160" y="88"/>
                    </a:lnTo>
                    <a:lnTo>
                      <a:pt x="155" y="88"/>
                    </a:lnTo>
                    <a:lnTo>
                      <a:pt x="146" y="89"/>
                    </a:lnTo>
                    <a:lnTo>
                      <a:pt x="136" y="93"/>
                    </a:lnTo>
                    <a:lnTo>
                      <a:pt x="127" y="97"/>
                    </a:lnTo>
                    <a:lnTo>
                      <a:pt x="118" y="102"/>
                    </a:lnTo>
                    <a:lnTo>
                      <a:pt x="110" y="107"/>
                    </a:lnTo>
                    <a:lnTo>
                      <a:pt x="103" y="112"/>
                    </a:lnTo>
                    <a:lnTo>
                      <a:pt x="96" y="122"/>
                    </a:lnTo>
                    <a:lnTo>
                      <a:pt x="85" y="133"/>
                    </a:lnTo>
                    <a:lnTo>
                      <a:pt x="80" y="138"/>
                    </a:lnTo>
                    <a:lnTo>
                      <a:pt x="75" y="142"/>
                    </a:lnTo>
                    <a:lnTo>
                      <a:pt x="70" y="146"/>
                    </a:lnTo>
                    <a:lnTo>
                      <a:pt x="64" y="149"/>
                    </a:lnTo>
                    <a:lnTo>
                      <a:pt x="58" y="151"/>
                    </a:lnTo>
                    <a:lnTo>
                      <a:pt x="53" y="155"/>
                    </a:lnTo>
                    <a:lnTo>
                      <a:pt x="49" y="160"/>
                    </a:lnTo>
                    <a:lnTo>
                      <a:pt x="48" y="167"/>
                    </a:lnTo>
                    <a:lnTo>
                      <a:pt x="46" y="181"/>
                    </a:lnTo>
                    <a:lnTo>
                      <a:pt x="48" y="197"/>
                    </a:lnTo>
                    <a:lnTo>
                      <a:pt x="49" y="204"/>
                    </a:lnTo>
                    <a:lnTo>
                      <a:pt x="48" y="212"/>
                    </a:lnTo>
                    <a:lnTo>
                      <a:pt x="48" y="219"/>
                    </a:lnTo>
                    <a:lnTo>
                      <a:pt x="45" y="225"/>
                    </a:lnTo>
                    <a:lnTo>
                      <a:pt x="41" y="230"/>
                    </a:lnTo>
                    <a:lnTo>
                      <a:pt x="35" y="234"/>
                    </a:lnTo>
                    <a:lnTo>
                      <a:pt x="26" y="237"/>
                    </a:lnTo>
                    <a:lnTo>
                      <a:pt x="15" y="238"/>
                    </a:lnTo>
                    <a:lnTo>
                      <a:pt x="15" y="238"/>
                    </a:lnTo>
                    <a:lnTo>
                      <a:pt x="6" y="302"/>
                    </a:lnTo>
                    <a:lnTo>
                      <a:pt x="5" y="317"/>
                    </a:lnTo>
                    <a:lnTo>
                      <a:pt x="5" y="333"/>
                    </a:lnTo>
                    <a:lnTo>
                      <a:pt x="6" y="348"/>
                    </a:lnTo>
                    <a:lnTo>
                      <a:pt x="6" y="363"/>
                    </a:lnTo>
                    <a:lnTo>
                      <a:pt x="4" y="390"/>
                    </a:lnTo>
                    <a:lnTo>
                      <a:pt x="0" y="412"/>
                    </a:lnTo>
                    <a:lnTo>
                      <a:pt x="0" y="422"/>
                    </a:lnTo>
                    <a:lnTo>
                      <a:pt x="1" y="432"/>
                    </a:lnTo>
                    <a:lnTo>
                      <a:pt x="5" y="445"/>
                    </a:lnTo>
                    <a:lnTo>
                      <a:pt x="10" y="461"/>
                    </a:lnTo>
                    <a:lnTo>
                      <a:pt x="19" y="487"/>
                    </a:lnTo>
                    <a:lnTo>
                      <a:pt x="28" y="528"/>
                    </a:lnTo>
                    <a:lnTo>
                      <a:pt x="41" y="579"/>
                    </a:lnTo>
                    <a:lnTo>
                      <a:pt x="55" y="632"/>
                    </a:lnTo>
                    <a:lnTo>
                      <a:pt x="63" y="657"/>
                    </a:lnTo>
                    <a:lnTo>
                      <a:pt x="72" y="681"/>
                    </a:lnTo>
                    <a:lnTo>
                      <a:pt x="83" y="702"/>
                    </a:lnTo>
                    <a:lnTo>
                      <a:pt x="93" y="720"/>
                    </a:lnTo>
                    <a:lnTo>
                      <a:pt x="98" y="728"/>
                    </a:lnTo>
                    <a:lnTo>
                      <a:pt x="105" y="734"/>
                    </a:lnTo>
                    <a:lnTo>
                      <a:pt x="110" y="739"/>
                    </a:lnTo>
                    <a:lnTo>
                      <a:pt x="116" y="745"/>
                    </a:lnTo>
                    <a:lnTo>
                      <a:pt x="123" y="747"/>
                    </a:lnTo>
                    <a:lnTo>
                      <a:pt x="131" y="749"/>
                    </a:lnTo>
                    <a:lnTo>
                      <a:pt x="137" y="749"/>
                    </a:lnTo>
                    <a:lnTo>
                      <a:pt x="145" y="746"/>
                    </a:lnTo>
                    <a:lnTo>
                      <a:pt x="191" y="734"/>
                    </a:lnTo>
                    <a:lnTo>
                      <a:pt x="191" y="73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02" name="Freeform 121"/>
              <p:cNvSpPr>
                <a:spLocks/>
              </p:cNvSpPr>
              <p:nvPr/>
            </p:nvSpPr>
            <p:spPr bwMode="auto">
              <a:xfrm>
                <a:off x="8422832" y="5619544"/>
                <a:ext cx="293293" cy="615950"/>
              </a:xfrm>
              <a:custGeom>
                <a:avLst/>
                <a:gdLst/>
                <a:ahLst/>
                <a:cxnLst>
                  <a:cxn ang="0">
                    <a:pos x="38" y="278"/>
                  </a:cxn>
                  <a:cxn ang="0">
                    <a:pos x="4" y="217"/>
                  </a:cxn>
                  <a:cxn ang="0">
                    <a:pos x="44" y="158"/>
                  </a:cxn>
                  <a:cxn ang="0">
                    <a:pos x="128" y="13"/>
                  </a:cxn>
                  <a:cxn ang="0">
                    <a:pos x="148" y="0"/>
                  </a:cxn>
                  <a:cxn ang="0">
                    <a:pos x="158" y="39"/>
                  </a:cxn>
                  <a:cxn ang="0">
                    <a:pos x="189" y="71"/>
                  </a:cxn>
                  <a:cxn ang="0">
                    <a:pos x="213" y="64"/>
                  </a:cxn>
                  <a:cxn ang="0">
                    <a:pos x="276" y="36"/>
                  </a:cxn>
                  <a:cxn ang="0">
                    <a:pos x="321" y="90"/>
                  </a:cxn>
                  <a:cxn ang="0">
                    <a:pos x="342" y="129"/>
                  </a:cxn>
                  <a:cxn ang="0">
                    <a:pos x="389" y="151"/>
                  </a:cxn>
                  <a:cxn ang="0">
                    <a:pos x="432" y="224"/>
                  </a:cxn>
                  <a:cxn ang="0">
                    <a:pos x="446" y="318"/>
                  </a:cxn>
                  <a:cxn ang="0">
                    <a:pos x="446" y="440"/>
                  </a:cxn>
                  <a:cxn ang="0">
                    <a:pos x="441" y="545"/>
                  </a:cxn>
                  <a:cxn ang="0">
                    <a:pos x="482" y="702"/>
                  </a:cxn>
                  <a:cxn ang="0">
                    <a:pos x="539" y="851"/>
                  </a:cxn>
                  <a:cxn ang="0">
                    <a:pos x="578" y="872"/>
                  </a:cxn>
                  <a:cxn ang="0">
                    <a:pos x="630" y="917"/>
                  </a:cxn>
                  <a:cxn ang="0">
                    <a:pos x="634" y="1001"/>
                  </a:cxn>
                  <a:cxn ang="0">
                    <a:pos x="605" y="1065"/>
                  </a:cxn>
                  <a:cxn ang="0">
                    <a:pos x="534" y="1127"/>
                  </a:cxn>
                  <a:cxn ang="0">
                    <a:pos x="485" y="1189"/>
                  </a:cxn>
                  <a:cxn ang="0">
                    <a:pos x="407" y="1208"/>
                  </a:cxn>
                  <a:cxn ang="0">
                    <a:pos x="386" y="1233"/>
                  </a:cxn>
                  <a:cxn ang="0">
                    <a:pos x="407" y="1299"/>
                  </a:cxn>
                  <a:cxn ang="0">
                    <a:pos x="385" y="1330"/>
                  </a:cxn>
                  <a:cxn ang="0">
                    <a:pos x="362" y="1364"/>
                  </a:cxn>
                  <a:cxn ang="0">
                    <a:pos x="302" y="1347"/>
                  </a:cxn>
                  <a:cxn ang="0">
                    <a:pos x="235" y="1313"/>
                  </a:cxn>
                  <a:cxn ang="0">
                    <a:pos x="204" y="1269"/>
                  </a:cxn>
                  <a:cxn ang="0">
                    <a:pos x="125" y="1202"/>
                  </a:cxn>
                  <a:cxn ang="0">
                    <a:pos x="46" y="1141"/>
                  </a:cxn>
                  <a:cxn ang="0">
                    <a:pos x="3" y="1068"/>
                  </a:cxn>
                  <a:cxn ang="0">
                    <a:pos x="7" y="1054"/>
                  </a:cxn>
                  <a:cxn ang="0">
                    <a:pos x="36" y="1081"/>
                  </a:cxn>
                  <a:cxn ang="0">
                    <a:pos x="56" y="1084"/>
                  </a:cxn>
                  <a:cxn ang="0">
                    <a:pos x="34" y="1031"/>
                  </a:cxn>
                  <a:cxn ang="0">
                    <a:pos x="9" y="993"/>
                  </a:cxn>
                  <a:cxn ang="0">
                    <a:pos x="20" y="910"/>
                  </a:cxn>
                  <a:cxn ang="0">
                    <a:pos x="73" y="821"/>
                  </a:cxn>
                  <a:cxn ang="0">
                    <a:pos x="71" y="786"/>
                  </a:cxn>
                  <a:cxn ang="0">
                    <a:pos x="40" y="758"/>
                  </a:cxn>
                  <a:cxn ang="0">
                    <a:pos x="53" y="703"/>
                  </a:cxn>
                  <a:cxn ang="0">
                    <a:pos x="66" y="654"/>
                  </a:cxn>
                  <a:cxn ang="0">
                    <a:pos x="46" y="605"/>
                  </a:cxn>
                  <a:cxn ang="0">
                    <a:pos x="78" y="576"/>
                  </a:cxn>
                  <a:cxn ang="0">
                    <a:pos x="82" y="540"/>
                  </a:cxn>
                  <a:cxn ang="0">
                    <a:pos x="71" y="510"/>
                  </a:cxn>
                  <a:cxn ang="0">
                    <a:pos x="101" y="505"/>
                  </a:cxn>
                  <a:cxn ang="0">
                    <a:pos x="91" y="422"/>
                  </a:cxn>
                  <a:cxn ang="0">
                    <a:pos x="70" y="381"/>
                  </a:cxn>
                </a:cxnLst>
                <a:rect l="0" t="0" r="r" b="b"/>
                <a:pathLst>
                  <a:path w="644" h="1364">
                    <a:moveTo>
                      <a:pt x="26" y="361"/>
                    </a:moveTo>
                    <a:lnTo>
                      <a:pt x="31" y="311"/>
                    </a:lnTo>
                    <a:lnTo>
                      <a:pt x="34" y="304"/>
                    </a:lnTo>
                    <a:lnTo>
                      <a:pt x="36" y="296"/>
                    </a:lnTo>
                    <a:lnTo>
                      <a:pt x="38" y="287"/>
                    </a:lnTo>
                    <a:lnTo>
                      <a:pt x="38" y="278"/>
                    </a:lnTo>
                    <a:lnTo>
                      <a:pt x="38" y="268"/>
                    </a:lnTo>
                    <a:lnTo>
                      <a:pt x="38" y="259"/>
                    </a:lnTo>
                    <a:lnTo>
                      <a:pt x="35" y="251"/>
                    </a:lnTo>
                    <a:lnTo>
                      <a:pt x="33" y="246"/>
                    </a:lnTo>
                    <a:lnTo>
                      <a:pt x="17" y="230"/>
                    </a:lnTo>
                    <a:lnTo>
                      <a:pt x="4" y="217"/>
                    </a:lnTo>
                    <a:lnTo>
                      <a:pt x="8" y="215"/>
                    </a:lnTo>
                    <a:lnTo>
                      <a:pt x="13" y="210"/>
                    </a:lnTo>
                    <a:lnTo>
                      <a:pt x="18" y="203"/>
                    </a:lnTo>
                    <a:lnTo>
                      <a:pt x="22" y="197"/>
                    </a:lnTo>
                    <a:lnTo>
                      <a:pt x="33" y="178"/>
                    </a:lnTo>
                    <a:lnTo>
                      <a:pt x="44" y="158"/>
                    </a:lnTo>
                    <a:lnTo>
                      <a:pt x="62" y="116"/>
                    </a:lnTo>
                    <a:lnTo>
                      <a:pt x="77" y="87"/>
                    </a:lnTo>
                    <a:lnTo>
                      <a:pt x="88" y="67"/>
                    </a:lnTo>
                    <a:lnTo>
                      <a:pt x="106" y="39"/>
                    </a:lnTo>
                    <a:lnTo>
                      <a:pt x="118" y="24"/>
                    </a:lnTo>
                    <a:lnTo>
                      <a:pt x="128" y="13"/>
                    </a:lnTo>
                    <a:lnTo>
                      <a:pt x="134" y="7"/>
                    </a:lnTo>
                    <a:lnTo>
                      <a:pt x="138" y="5"/>
                    </a:lnTo>
                    <a:lnTo>
                      <a:pt x="143" y="2"/>
                    </a:lnTo>
                    <a:lnTo>
                      <a:pt x="147" y="1"/>
                    </a:lnTo>
                    <a:lnTo>
                      <a:pt x="147" y="0"/>
                    </a:lnTo>
                    <a:lnTo>
                      <a:pt x="148" y="0"/>
                    </a:lnTo>
                    <a:lnTo>
                      <a:pt x="148" y="1"/>
                    </a:lnTo>
                    <a:lnTo>
                      <a:pt x="149" y="2"/>
                    </a:lnTo>
                    <a:lnTo>
                      <a:pt x="152" y="7"/>
                    </a:lnTo>
                    <a:lnTo>
                      <a:pt x="153" y="15"/>
                    </a:lnTo>
                    <a:lnTo>
                      <a:pt x="157" y="30"/>
                    </a:lnTo>
                    <a:lnTo>
                      <a:pt x="158" y="39"/>
                    </a:lnTo>
                    <a:lnTo>
                      <a:pt x="162" y="45"/>
                    </a:lnTo>
                    <a:lnTo>
                      <a:pt x="167" y="53"/>
                    </a:lnTo>
                    <a:lnTo>
                      <a:pt x="174" y="61"/>
                    </a:lnTo>
                    <a:lnTo>
                      <a:pt x="182" y="67"/>
                    </a:lnTo>
                    <a:lnTo>
                      <a:pt x="185" y="70"/>
                    </a:lnTo>
                    <a:lnTo>
                      <a:pt x="189" y="71"/>
                    </a:lnTo>
                    <a:lnTo>
                      <a:pt x="193" y="72"/>
                    </a:lnTo>
                    <a:lnTo>
                      <a:pt x="198" y="74"/>
                    </a:lnTo>
                    <a:lnTo>
                      <a:pt x="202" y="72"/>
                    </a:lnTo>
                    <a:lnTo>
                      <a:pt x="206" y="71"/>
                    </a:lnTo>
                    <a:lnTo>
                      <a:pt x="209" y="68"/>
                    </a:lnTo>
                    <a:lnTo>
                      <a:pt x="213" y="64"/>
                    </a:lnTo>
                    <a:lnTo>
                      <a:pt x="218" y="58"/>
                    </a:lnTo>
                    <a:lnTo>
                      <a:pt x="224" y="54"/>
                    </a:lnTo>
                    <a:lnTo>
                      <a:pt x="232" y="49"/>
                    </a:lnTo>
                    <a:lnTo>
                      <a:pt x="241" y="46"/>
                    </a:lnTo>
                    <a:lnTo>
                      <a:pt x="261" y="41"/>
                    </a:lnTo>
                    <a:lnTo>
                      <a:pt x="276" y="36"/>
                    </a:lnTo>
                    <a:lnTo>
                      <a:pt x="294" y="54"/>
                    </a:lnTo>
                    <a:lnTo>
                      <a:pt x="311" y="72"/>
                    </a:lnTo>
                    <a:lnTo>
                      <a:pt x="315" y="77"/>
                    </a:lnTo>
                    <a:lnTo>
                      <a:pt x="318" y="81"/>
                    </a:lnTo>
                    <a:lnTo>
                      <a:pt x="320" y="87"/>
                    </a:lnTo>
                    <a:lnTo>
                      <a:pt x="321" y="90"/>
                    </a:lnTo>
                    <a:lnTo>
                      <a:pt x="324" y="99"/>
                    </a:lnTo>
                    <a:lnTo>
                      <a:pt x="325" y="107"/>
                    </a:lnTo>
                    <a:lnTo>
                      <a:pt x="328" y="115"/>
                    </a:lnTo>
                    <a:lnTo>
                      <a:pt x="333" y="123"/>
                    </a:lnTo>
                    <a:lnTo>
                      <a:pt x="338" y="127"/>
                    </a:lnTo>
                    <a:lnTo>
                      <a:pt x="342" y="129"/>
                    </a:lnTo>
                    <a:lnTo>
                      <a:pt x="349" y="132"/>
                    </a:lnTo>
                    <a:lnTo>
                      <a:pt x="356" y="134"/>
                    </a:lnTo>
                    <a:lnTo>
                      <a:pt x="367" y="138"/>
                    </a:lnTo>
                    <a:lnTo>
                      <a:pt x="375" y="141"/>
                    </a:lnTo>
                    <a:lnTo>
                      <a:pt x="382" y="146"/>
                    </a:lnTo>
                    <a:lnTo>
                      <a:pt x="389" y="151"/>
                    </a:lnTo>
                    <a:lnTo>
                      <a:pt x="394" y="156"/>
                    </a:lnTo>
                    <a:lnTo>
                      <a:pt x="398" y="163"/>
                    </a:lnTo>
                    <a:lnTo>
                      <a:pt x="403" y="171"/>
                    </a:lnTo>
                    <a:lnTo>
                      <a:pt x="407" y="180"/>
                    </a:lnTo>
                    <a:lnTo>
                      <a:pt x="419" y="203"/>
                    </a:lnTo>
                    <a:lnTo>
                      <a:pt x="432" y="224"/>
                    </a:lnTo>
                    <a:lnTo>
                      <a:pt x="437" y="235"/>
                    </a:lnTo>
                    <a:lnTo>
                      <a:pt x="442" y="247"/>
                    </a:lnTo>
                    <a:lnTo>
                      <a:pt x="445" y="259"/>
                    </a:lnTo>
                    <a:lnTo>
                      <a:pt x="446" y="272"/>
                    </a:lnTo>
                    <a:lnTo>
                      <a:pt x="445" y="294"/>
                    </a:lnTo>
                    <a:lnTo>
                      <a:pt x="446" y="318"/>
                    </a:lnTo>
                    <a:lnTo>
                      <a:pt x="446" y="331"/>
                    </a:lnTo>
                    <a:lnTo>
                      <a:pt x="448" y="343"/>
                    </a:lnTo>
                    <a:lnTo>
                      <a:pt x="451" y="353"/>
                    </a:lnTo>
                    <a:lnTo>
                      <a:pt x="456" y="361"/>
                    </a:lnTo>
                    <a:lnTo>
                      <a:pt x="447" y="425"/>
                    </a:lnTo>
                    <a:lnTo>
                      <a:pt x="446" y="440"/>
                    </a:lnTo>
                    <a:lnTo>
                      <a:pt x="446" y="456"/>
                    </a:lnTo>
                    <a:lnTo>
                      <a:pt x="447" y="471"/>
                    </a:lnTo>
                    <a:lnTo>
                      <a:pt x="447" y="486"/>
                    </a:lnTo>
                    <a:lnTo>
                      <a:pt x="445" y="513"/>
                    </a:lnTo>
                    <a:lnTo>
                      <a:pt x="441" y="535"/>
                    </a:lnTo>
                    <a:lnTo>
                      <a:pt x="441" y="545"/>
                    </a:lnTo>
                    <a:lnTo>
                      <a:pt x="442" y="555"/>
                    </a:lnTo>
                    <a:lnTo>
                      <a:pt x="446" y="568"/>
                    </a:lnTo>
                    <a:lnTo>
                      <a:pt x="451" y="584"/>
                    </a:lnTo>
                    <a:lnTo>
                      <a:pt x="460" y="610"/>
                    </a:lnTo>
                    <a:lnTo>
                      <a:pt x="469" y="651"/>
                    </a:lnTo>
                    <a:lnTo>
                      <a:pt x="482" y="702"/>
                    </a:lnTo>
                    <a:lnTo>
                      <a:pt x="496" y="755"/>
                    </a:lnTo>
                    <a:lnTo>
                      <a:pt x="504" y="780"/>
                    </a:lnTo>
                    <a:lnTo>
                      <a:pt x="513" y="804"/>
                    </a:lnTo>
                    <a:lnTo>
                      <a:pt x="524" y="825"/>
                    </a:lnTo>
                    <a:lnTo>
                      <a:pt x="534" y="843"/>
                    </a:lnTo>
                    <a:lnTo>
                      <a:pt x="539" y="851"/>
                    </a:lnTo>
                    <a:lnTo>
                      <a:pt x="546" y="857"/>
                    </a:lnTo>
                    <a:lnTo>
                      <a:pt x="551" y="862"/>
                    </a:lnTo>
                    <a:lnTo>
                      <a:pt x="557" y="868"/>
                    </a:lnTo>
                    <a:lnTo>
                      <a:pt x="564" y="870"/>
                    </a:lnTo>
                    <a:lnTo>
                      <a:pt x="572" y="872"/>
                    </a:lnTo>
                    <a:lnTo>
                      <a:pt x="578" y="872"/>
                    </a:lnTo>
                    <a:lnTo>
                      <a:pt x="586" y="869"/>
                    </a:lnTo>
                    <a:lnTo>
                      <a:pt x="632" y="857"/>
                    </a:lnTo>
                    <a:lnTo>
                      <a:pt x="631" y="873"/>
                    </a:lnTo>
                    <a:lnTo>
                      <a:pt x="630" y="887"/>
                    </a:lnTo>
                    <a:lnTo>
                      <a:pt x="629" y="903"/>
                    </a:lnTo>
                    <a:lnTo>
                      <a:pt x="630" y="917"/>
                    </a:lnTo>
                    <a:lnTo>
                      <a:pt x="634" y="929"/>
                    </a:lnTo>
                    <a:lnTo>
                      <a:pt x="638" y="940"/>
                    </a:lnTo>
                    <a:lnTo>
                      <a:pt x="641" y="951"/>
                    </a:lnTo>
                    <a:lnTo>
                      <a:pt x="644" y="964"/>
                    </a:lnTo>
                    <a:lnTo>
                      <a:pt x="640" y="983"/>
                    </a:lnTo>
                    <a:lnTo>
                      <a:pt x="634" y="1001"/>
                    </a:lnTo>
                    <a:lnTo>
                      <a:pt x="630" y="1019"/>
                    </a:lnTo>
                    <a:lnTo>
                      <a:pt x="625" y="1036"/>
                    </a:lnTo>
                    <a:lnTo>
                      <a:pt x="622" y="1044"/>
                    </a:lnTo>
                    <a:lnTo>
                      <a:pt x="617" y="1052"/>
                    </a:lnTo>
                    <a:lnTo>
                      <a:pt x="612" y="1058"/>
                    </a:lnTo>
                    <a:lnTo>
                      <a:pt x="605" y="1065"/>
                    </a:lnTo>
                    <a:lnTo>
                      <a:pt x="592" y="1074"/>
                    </a:lnTo>
                    <a:lnTo>
                      <a:pt x="581" y="1081"/>
                    </a:lnTo>
                    <a:lnTo>
                      <a:pt x="568" y="1089"/>
                    </a:lnTo>
                    <a:lnTo>
                      <a:pt x="556" y="1100"/>
                    </a:lnTo>
                    <a:lnTo>
                      <a:pt x="544" y="1112"/>
                    </a:lnTo>
                    <a:lnTo>
                      <a:pt x="534" y="1127"/>
                    </a:lnTo>
                    <a:lnTo>
                      <a:pt x="526" y="1141"/>
                    </a:lnTo>
                    <a:lnTo>
                      <a:pt x="517" y="1155"/>
                    </a:lnTo>
                    <a:lnTo>
                      <a:pt x="508" y="1168"/>
                    </a:lnTo>
                    <a:lnTo>
                      <a:pt x="498" y="1180"/>
                    </a:lnTo>
                    <a:lnTo>
                      <a:pt x="491" y="1185"/>
                    </a:lnTo>
                    <a:lnTo>
                      <a:pt x="485" y="1189"/>
                    </a:lnTo>
                    <a:lnTo>
                      <a:pt x="476" y="1194"/>
                    </a:lnTo>
                    <a:lnTo>
                      <a:pt x="467" y="1197"/>
                    </a:lnTo>
                    <a:lnTo>
                      <a:pt x="450" y="1201"/>
                    </a:lnTo>
                    <a:lnTo>
                      <a:pt x="428" y="1204"/>
                    </a:lnTo>
                    <a:lnTo>
                      <a:pt x="416" y="1207"/>
                    </a:lnTo>
                    <a:lnTo>
                      <a:pt x="407" y="1208"/>
                    </a:lnTo>
                    <a:lnTo>
                      <a:pt x="398" y="1211"/>
                    </a:lnTo>
                    <a:lnTo>
                      <a:pt x="393" y="1215"/>
                    </a:lnTo>
                    <a:lnTo>
                      <a:pt x="389" y="1219"/>
                    </a:lnTo>
                    <a:lnTo>
                      <a:pt x="388" y="1223"/>
                    </a:lnTo>
                    <a:lnTo>
                      <a:pt x="386" y="1228"/>
                    </a:lnTo>
                    <a:lnTo>
                      <a:pt x="386" y="1233"/>
                    </a:lnTo>
                    <a:lnTo>
                      <a:pt x="388" y="1243"/>
                    </a:lnTo>
                    <a:lnTo>
                      <a:pt x="391" y="1256"/>
                    </a:lnTo>
                    <a:lnTo>
                      <a:pt x="397" y="1268"/>
                    </a:lnTo>
                    <a:lnTo>
                      <a:pt x="402" y="1280"/>
                    </a:lnTo>
                    <a:lnTo>
                      <a:pt x="406" y="1290"/>
                    </a:lnTo>
                    <a:lnTo>
                      <a:pt x="407" y="1299"/>
                    </a:lnTo>
                    <a:lnTo>
                      <a:pt x="406" y="1304"/>
                    </a:lnTo>
                    <a:lnTo>
                      <a:pt x="404" y="1308"/>
                    </a:lnTo>
                    <a:lnTo>
                      <a:pt x="401" y="1312"/>
                    </a:lnTo>
                    <a:lnTo>
                      <a:pt x="397" y="1315"/>
                    </a:lnTo>
                    <a:lnTo>
                      <a:pt x="390" y="1322"/>
                    </a:lnTo>
                    <a:lnTo>
                      <a:pt x="385" y="1330"/>
                    </a:lnTo>
                    <a:lnTo>
                      <a:pt x="382" y="1342"/>
                    </a:lnTo>
                    <a:lnTo>
                      <a:pt x="378" y="1352"/>
                    </a:lnTo>
                    <a:lnTo>
                      <a:pt x="377" y="1357"/>
                    </a:lnTo>
                    <a:lnTo>
                      <a:pt x="373" y="1360"/>
                    </a:lnTo>
                    <a:lnTo>
                      <a:pt x="368" y="1363"/>
                    </a:lnTo>
                    <a:lnTo>
                      <a:pt x="362" y="1364"/>
                    </a:lnTo>
                    <a:lnTo>
                      <a:pt x="354" y="1364"/>
                    </a:lnTo>
                    <a:lnTo>
                      <a:pt x="346" y="1363"/>
                    </a:lnTo>
                    <a:lnTo>
                      <a:pt x="338" y="1360"/>
                    </a:lnTo>
                    <a:lnTo>
                      <a:pt x="331" y="1357"/>
                    </a:lnTo>
                    <a:lnTo>
                      <a:pt x="316" y="1352"/>
                    </a:lnTo>
                    <a:lnTo>
                      <a:pt x="302" y="1347"/>
                    </a:lnTo>
                    <a:lnTo>
                      <a:pt x="242" y="1350"/>
                    </a:lnTo>
                    <a:lnTo>
                      <a:pt x="239" y="1346"/>
                    </a:lnTo>
                    <a:lnTo>
                      <a:pt x="236" y="1340"/>
                    </a:lnTo>
                    <a:lnTo>
                      <a:pt x="235" y="1335"/>
                    </a:lnTo>
                    <a:lnTo>
                      <a:pt x="235" y="1330"/>
                    </a:lnTo>
                    <a:lnTo>
                      <a:pt x="235" y="1313"/>
                    </a:lnTo>
                    <a:lnTo>
                      <a:pt x="233" y="1302"/>
                    </a:lnTo>
                    <a:lnTo>
                      <a:pt x="231" y="1294"/>
                    </a:lnTo>
                    <a:lnTo>
                      <a:pt x="227" y="1289"/>
                    </a:lnTo>
                    <a:lnTo>
                      <a:pt x="220" y="1285"/>
                    </a:lnTo>
                    <a:lnTo>
                      <a:pt x="213" y="1278"/>
                    </a:lnTo>
                    <a:lnTo>
                      <a:pt x="204" y="1269"/>
                    </a:lnTo>
                    <a:lnTo>
                      <a:pt x="192" y="1256"/>
                    </a:lnTo>
                    <a:lnTo>
                      <a:pt x="182" y="1246"/>
                    </a:lnTo>
                    <a:lnTo>
                      <a:pt x="171" y="1236"/>
                    </a:lnTo>
                    <a:lnTo>
                      <a:pt x="161" y="1226"/>
                    </a:lnTo>
                    <a:lnTo>
                      <a:pt x="149" y="1217"/>
                    </a:lnTo>
                    <a:lnTo>
                      <a:pt x="125" y="1202"/>
                    </a:lnTo>
                    <a:lnTo>
                      <a:pt x="100" y="1186"/>
                    </a:lnTo>
                    <a:lnTo>
                      <a:pt x="88" y="1179"/>
                    </a:lnTo>
                    <a:lnTo>
                      <a:pt x="77" y="1171"/>
                    </a:lnTo>
                    <a:lnTo>
                      <a:pt x="65" y="1162"/>
                    </a:lnTo>
                    <a:lnTo>
                      <a:pt x="55" y="1153"/>
                    </a:lnTo>
                    <a:lnTo>
                      <a:pt x="46" y="1141"/>
                    </a:lnTo>
                    <a:lnTo>
                      <a:pt x="36" y="1129"/>
                    </a:lnTo>
                    <a:lnTo>
                      <a:pt x="29" y="1118"/>
                    </a:lnTo>
                    <a:lnTo>
                      <a:pt x="22" y="1102"/>
                    </a:lnTo>
                    <a:lnTo>
                      <a:pt x="16" y="1093"/>
                    </a:lnTo>
                    <a:lnTo>
                      <a:pt x="7" y="1076"/>
                    </a:lnTo>
                    <a:lnTo>
                      <a:pt x="3" y="1068"/>
                    </a:lnTo>
                    <a:lnTo>
                      <a:pt x="0" y="1062"/>
                    </a:lnTo>
                    <a:lnTo>
                      <a:pt x="0" y="1058"/>
                    </a:lnTo>
                    <a:lnTo>
                      <a:pt x="0" y="1057"/>
                    </a:lnTo>
                    <a:lnTo>
                      <a:pt x="1" y="1054"/>
                    </a:lnTo>
                    <a:lnTo>
                      <a:pt x="4" y="1054"/>
                    </a:lnTo>
                    <a:lnTo>
                      <a:pt x="7" y="1054"/>
                    </a:lnTo>
                    <a:lnTo>
                      <a:pt x="9" y="1055"/>
                    </a:lnTo>
                    <a:lnTo>
                      <a:pt x="13" y="1057"/>
                    </a:lnTo>
                    <a:lnTo>
                      <a:pt x="16" y="1059"/>
                    </a:lnTo>
                    <a:lnTo>
                      <a:pt x="22" y="1066"/>
                    </a:lnTo>
                    <a:lnTo>
                      <a:pt x="30" y="1074"/>
                    </a:lnTo>
                    <a:lnTo>
                      <a:pt x="36" y="1081"/>
                    </a:lnTo>
                    <a:lnTo>
                      <a:pt x="43" y="1089"/>
                    </a:lnTo>
                    <a:lnTo>
                      <a:pt x="49" y="1094"/>
                    </a:lnTo>
                    <a:lnTo>
                      <a:pt x="55" y="1096"/>
                    </a:lnTo>
                    <a:lnTo>
                      <a:pt x="55" y="1094"/>
                    </a:lnTo>
                    <a:lnTo>
                      <a:pt x="56" y="1094"/>
                    </a:lnTo>
                    <a:lnTo>
                      <a:pt x="56" y="1084"/>
                    </a:lnTo>
                    <a:lnTo>
                      <a:pt x="55" y="1074"/>
                    </a:lnTo>
                    <a:lnTo>
                      <a:pt x="52" y="1065"/>
                    </a:lnTo>
                    <a:lnTo>
                      <a:pt x="49" y="1055"/>
                    </a:lnTo>
                    <a:lnTo>
                      <a:pt x="46" y="1046"/>
                    </a:lnTo>
                    <a:lnTo>
                      <a:pt x="40" y="1039"/>
                    </a:lnTo>
                    <a:lnTo>
                      <a:pt x="34" y="1031"/>
                    </a:lnTo>
                    <a:lnTo>
                      <a:pt x="26" y="1023"/>
                    </a:lnTo>
                    <a:lnTo>
                      <a:pt x="21" y="1018"/>
                    </a:lnTo>
                    <a:lnTo>
                      <a:pt x="17" y="1013"/>
                    </a:lnTo>
                    <a:lnTo>
                      <a:pt x="14" y="1009"/>
                    </a:lnTo>
                    <a:lnTo>
                      <a:pt x="12" y="1004"/>
                    </a:lnTo>
                    <a:lnTo>
                      <a:pt x="9" y="993"/>
                    </a:lnTo>
                    <a:lnTo>
                      <a:pt x="8" y="983"/>
                    </a:lnTo>
                    <a:lnTo>
                      <a:pt x="9" y="961"/>
                    </a:lnTo>
                    <a:lnTo>
                      <a:pt x="11" y="938"/>
                    </a:lnTo>
                    <a:lnTo>
                      <a:pt x="12" y="929"/>
                    </a:lnTo>
                    <a:lnTo>
                      <a:pt x="14" y="921"/>
                    </a:lnTo>
                    <a:lnTo>
                      <a:pt x="20" y="910"/>
                    </a:lnTo>
                    <a:lnTo>
                      <a:pt x="25" y="900"/>
                    </a:lnTo>
                    <a:lnTo>
                      <a:pt x="40" y="878"/>
                    </a:lnTo>
                    <a:lnTo>
                      <a:pt x="56" y="855"/>
                    </a:lnTo>
                    <a:lnTo>
                      <a:pt x="62" y="843"/>
                    </a:lnTo>
                    <a:lnTo>
                      <a:pt x="68" y="831"/>
                    </a:lnTo>
                    <a:lnTo>
                      <a:pt x="73" y="821"/>
                    </a:lnTo>
                    <a:lnTo>
                      <a:pt x="75" y="809"/>
                    </a:lnTo>
                    <a:lnTo>
                      <a:pt x="75" y="804"/>
                    </a:lnTo>
                    <a:lnTo>
                      <a:pt x="75" y="800"/>
                    </a:lnTo>
                    <a:lnTo>
                      <a:pt x="75" y="795"/>
                    </a:lnTo>
                    <a:lnTo>
                      <a:pt x="74" y="791"/>
                    </a:lnTo>
                    <a:lnTo>
                      <a:pt x="71" y="786"/>
                    </a:lnTo>
                    <a:lnTo>
                      <a:pt x="69" y="782"/>
                    </a:lnTo>
                    <a:lnTo>
                      <a:pt x="65" y="778"/>
                    </a:lnTo>
                    <a:lnTo>
                      <a:pt x="60" y="776"/>
                    </a:lnTo>
                    <a:lnTo>
                      <a:pt x="51" y="769"/>
                    </a:lnTo>
                    <a:lnTo>
                      <a:pt x="44" y="763"/>
                    </a:lnTo>
                    <a:lnTo>
                      <a:pt x="40" y="758"/>
                    </a:lnTo>
                    <a:lnTo>
                      <a:pt x="36" y="751"/>
                    </a:lnTo>
                    <a:lnTo>
                      <a:pt x="35" y="745"/>
                    </a:lnTo>
                    <a:lnTo>
                      <a:pt x="35" y="739"/>
                    </a:lnTo>
                    <a:lnTo>
                      <a:pt x="36" y="733"/>
                    </a:lnTo>
                    <a:lnTo>
                      <a:pt x="39" y="728"/>
                    </a:lnTo>
                    <a:lnTo>
                      <a:pt x="53" y="703"/>
                    </a:lnTo>
                    <a:lnTo>
                      <a:pt x="69" y="677"/>
                    </a:lnTo>
                    <a:lnTo>
                      <a:pt x="70" y="673"/>
                    </a:lnTo>
                    <a:lnTo>
                      <a:pt x="70" y="669"/>
                    </a:lnTo>
                    <a:lnTo>
                      <a:pt x="70" y="666"/>
                    </a:lnTo>
                    <a:lnTo>
                      <a:pt x="69" y="662"/>
                    </a:lnTo>
                    <a:lnTo>
                      <a:pt x="66" y="654"/>
                    </a:lnTo>
                    <a:lnTo>
                      <a:pt x="61" y="647"/>
                    </a:lnTo>
                    <a:lnTo>
                      <a:pt x="56" y="640"/>
                    </a:lnTo>
                    <a:lnTo>
                      <a:pt x="51" y="633"/>
                    </a:lnTo>
                    <a:lnTo>
                      <a:pt x="47" y="625"/>
                    </a:lnTo>
                    <a:lnTo>
                      <a:pt x="46" y="619"/>
                    </a:lnTo>
                    <a:lnTo>
                      <a:pt x="46" y="605"/>
                    </a:lnTo>
                    <a:lnTo>
                      <a:pt x="47" y="596"/>
                    </a:lnTo>
                    <a:lnTo>
                      <a:pt x="52" y="590"/>
                    </a:lnTo>
                    <a:lnTo>
                      <a:pt x="57" y="587"/>
                    </a:lnTo>
                    <a:lnTo>
                      <a:pt x="64" y="584"/>
                    </a:lnTo>
                    <a:lnTo>
                      <a:pt x="70" y="581"/>
                    </a:lnTo>
                    <a:lnTo>
                      <a:pt x="78" y="576"/>
                    </a:lnTo>
                    <a:lnTo>
                      <a:pt x="86" y="568"/>
                    </a:lnTo>
                    <a:lnTo>
                      <a:pt x="88" y="565"/>
                    </a:lnTo>
                    <a:lnTo>
                      <a:pt x="90" y="559"/>
                    </a:lnTo>
                    <a:lnTo>
                      <a:pt x="90" y="554"/>
                    </a:lnTo>
                    <a:lnTo>
                      <a:pt x="88" y="549"/>
                    </a:lnTo>
                    <a:lnTo>
                      <a:pt x="82" y="540"/>
                    </a:lnTo>
                    <a:lnTo>
                      <a:pt x="75" y="531"/>
                    </a:lnTo>
                    <a:lnTo>
                      <a:pt x="69" y="522"/>
                    </a:lnTo>
                    <a:lnTo>
                      <a:pt x="65" y="515"/>
                    </a:lnTo>
                    <a:lnTo>
                      <a:pt x="65" y="514"/>
                    </a:lnTo>
                    <a:lnTo>
                      <a:pt x="68" y="511"/>
                    </a:lnTo>
                    <a:lnTo>
                      <a:pt x="71" y="510"/>
                    </a:lnTo>
                    <a:lnTo>
                      <a:pt x="78" y="510"/>
                    </a:lnTo>
                    <a:lnTo>
                      <a:pt x="88" y="510"/>
                    </a:lnTo>
                    <a:lnTo>
                      <a:pt x="96" y="509"/>
                    </a:lnTo>
                    <a:lnTo>
                      <a:pt x="99" y="508"/>
                    </a:lnTo>
                    <a:lnTo>
                      <a:pt x="100" y="506"/>
                    </a:lnTo>
                    <a:lnTo>
                      <a:pt x="101" y="505"/>
                    </a:lnTo>
                    <a:lnTo>
                      <a:pt x="101" y="504"/>
                    </a:lnTo>
                    <a:lnTo>
                      <a:pt x="97" y="493"/>
                    </a:lnTo>
                    <a:lnTo>
                      <a:pt x="92" y="475"/>
                    </a:lnTo>
                    <a:lnTo>
                      <a:pt x="93" y="452"/>
                    </a:lnTo>
                    <a:lnTo>
                      <a:pt x="92" y="431"/>
                    </a:lnTo>
                    <a:lnTo>
                      <a:pt x="91" y="422"/>
                    </a:lnTo>
                    <a:lnTo>
                      <a:pt x="90" y="413"/>
                    </a:lnTo>
                    <a:lnTo>
                      <a:pt x="87" y="405"/>
                    </a:lnTo>
                    <a:lnTo>
                      <a:pt x="84" y="399"/>
                    </a:lnTo>
                    <a:lnTo>
                      <a:pt x="81" y="392"/>
                    </a:lnTo>
                    <a:lnTo>
                      <a:pt x="75" y="386"/>
                    </a:lnTo>
                    <a:lnTo>
                      <a:pt x="70" y="381"/>
                    </a:lnTo>
                    <a:lnTo>
                      <a:pt x="64" y="377"/>
                    </a:lnTo>
                    <a:lnTo>
                      <a:pt x="56" y="372"/>
                    </a:lnTo>
                    <a:lnTo>
                      <a:pt x="47" y="368"/>
                    </a:lnTo>
                    <a:lnTo>
                      <a:pt x="38" y="365"/>
                    </a:lnTo>
                    <a:lnTo>
                      <a:pt x="26" y="36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03" name="Freeform 122"/>
              <p:cNvSpPr>
                <a:spLocks/>
              </p:cNvSpPr>
              <p:nvPr/>
            </p:nvSpPr>
            <p:spPr bwMode="auto">
              <a:xfrm>
                <a:off x="8422832" y="5619544"/>
                <a:ext cx="293293" cy="615950"/>
              </a:xfrm>
              <a:custGeom>
                <a:avLst/>
                <a:gdLst/>
                <a:ahLst/>
                <a:cxnLst>
                  <a:cxn ang="0">
                    <a:pos x="38" y="278"/>
                  </a:cxn>
                  <a:cxn ang="0">
                    <a:pos x="4" y="217"/>
                  </a:cxn>
                  <a:cxn ang="0">
                    <a:pos x="44" y="158"/>
                  </a:cxn>
                  <a:cxn ang="0">
                    <a:pos x="128" y="13"/>
                  </a:cxn>
                  <a:cxn ang="0">
                    <a:pos x="148" y="0"/>
                  </a:cxn>
                  <a:cxn ang="0">
                    <a:pos x="158" y="39"/>
                  </a:cxn>
                  <a:cxn ang="0">
                    <a:pos x="189" y="71"/>
                  </a:cxn>
                  <a:cxn ang="0">
                    <a:pos x="213" y="64"/>
                  </a:cxn>
                  <a:cxn ang="0">
                    <a:pos x="276" y="36"/>
                  </a:cxn>
                  <a:cxn ang="0">
                    <a:pos x="320" y="87"/>
                  </a:cxn>
                  <a:cxn ang="0">
                    <a:pos x="338" y="127"/>
                  </a:cxn>
                  <a:cxn ang="0">
                    <a:pos x="382" y="146"/>
                  </a:cxn>
                  <a:cxn ang="0">
                    <a:pos x="419" y="203"/>
                  </a:cxn>
                  <a:cxn ang="0">
                    <a:pos x="445" y="294"/>
                  </a:cxn>
                  <a:cxn ang="0">
                    <a:pos x="456" y="361"/>
                  </a:cxn>
                  <a:cxn ang="0">
                    <a:pos x="445" y="513"/>
                  </a:cxn>
                  <a:cxn ang="0">
                    <a:pos x="460" y="610"/>
                  </a:cxn>
                  <a:cxn ang="0">
                    <a:pos x="524" y="825"/>
                  </a:cxn>
                  <a:cxn ang="0">
                    <a:pos x="564" y="870"/>
                  </a:cxn>
                  <a:cxn ang="0">
                    <a:pos x="631" y="873"/>
                  </a:cxn>
                  <a:cxn ang="0">
                    <a:pos x="641" y="951"/>
                  </a:cxn>
                  <a:cxn ang="0">
                    <a:pos x="622" y="1044"/>
                  </a:cxn>
                  <a:cxn ang="0">
                    <a:pos x="568" y="1089"/>
                  </a:cxn>
                  <a:cxn ang="0">
                    <a:pos x="508" y="1168"/>
                  </a:cxn>
                  <a:cxn ang="0">
                    <a:pos x="450" y="1201"/>
                  </a:cxn>
                  <a:cxn ang="0">
                    <a:pos x="389" y="1219"/>
                  </a:cxn>
                  <a:cxn ang="0">
                    <a:pos x="397" y="1268"/>
                  </a:cxn>
                  <a:cxn ang="0">
                    <a:pos x="401" y="1312"/>
                  </a:cxn>
                  <a:cxn ang="0">
                    <a:pos x="377" y="1357"/>
                  </a:cxn>
                  <a:cxn ang="0">
                    <a:pos x="338" y="1360"/>
                  </a:cxn>
                  <a:cxn ang="0">
                    <a:pos x="239" y="1346"/>
                  </a:cxn>
                  <a:cxn ang="0">
                    <a:pos x="231" y="1294"/>
                  </a:cxn>
                  <a:cxn ang="0">
                    <a:pos x="182" y="1246"/>
                  </a:cxn>
                  <a:cxn ang="0">
                    <a:pos x="88" y="1179"/>
                  </a:cxn>
                  <a:cxn ang="0">
                    <a:pos x="29" y="1118"/>
                  </a:cxn>
                  <a:cxn ang="0">
                    <a:pos x="0" y="1058"/>
                  </a:cxn>
                  <a:cxn ang="0">
                    <a:pos x="13" y="1057"/>
                  </a:cxn>
                  <a:cxn ang="0">
                    <a:pos x="49" y="1094"/>
                  </a:cxn>
                  <a:cxn ang="0">
                    <a:pos x="52" y="1065"/>
                  </a:cxn>
                  <a:cxn ang="0">
                    <a:pos x="21" y="1018"/>
                  </a:cxn>
                  <a:cxn ang="0">
                    <a:pos x="9" y="961"/>
                  </a:cxn>
                  <a:cxn ang="0">
                    <a:pos x="40" y="878"/>
                  </a:cxn>
                  <a:cxn ang="0">
                    <a:pos x="75" y="804"/>
                  </a:cxn>
                  <a:cxn ang="0">
                    <a:pos x="65" y="778"/>
                  </a:cxn>
                  <a:cxn ang="0">
                    <a:pos x="35" y="745"/>
                  </a:cxn>
                  <a:cxn ang="0">
                    <a:pos x="70" y="673"/>
                  </a:cxn>
                  <a:cxn ang="0">
                    <a:pos x="56" y="640"/>
                  </a:cxn>
                  <a:cxn ang="0">
                    <a:pos x="52" y="590"/>
                  </a:cxn>
                  <a:cxn ang="0">
                    <a:pos x="88" y="565"/>
                  </a:cxn>
                  <a:cxn ang="0">
                    <a:pos x="69" y="522"/>
                  </a:cxn>
                  <a:cxn ang="0">
                    <a:pos x="88" y="510"/>
                  </a:cxn>
                  <a:cxn ang="0">
                    <a:pos x="97" y="493"/>
                  </a:cxn>
                  <a:cxn ang="0">
                    <a:pos x="87" y="405"/>
                  </a:cxn>
                  <a:cxn ang="0">
                    <a:pos x="56" y="372"/>
                  </a:cxn>
                </a:cxnLst>
                <a:rect l="0" t="0" r="r" b="b"/>
                <a:pathLst>
                  <a:path w="644" h="1364">
                    <a:moveTo>
                      <a:pt x="26" y="361"/>
                    </a:moveTo>
                    <a:lnTo>
                      <a:pt x="31" y="311"/>
                    </a:lnTo>
                    <a:lnTo>
                      <a:pt x="34" y="304"/>
                    </a:lnTo>
                    <a:lnTo>
                      <a:pt x="36" y="296"/>
                    </a:lnTo>
                    <a:lnTo>
                      <a:pt x="38" y="287"/>
                    </a:lnTo>
                    <a:lnTo>
                      <a:pt x="38" y="278"/>
                    </a:lnTo>
                    <a:lnTo>
                      <a:pt x="38" y="268"/>
                    </a:lnTo>
                    <a:lnTo>
                      <a:pt x="38" y="259"/>
                    </a:lnTo>
                    <a:lnTo>
                      <a:pt x="35" y="251"/>
                    </a:lnTo>
                    <a:lnTo>
                      <a:pt x="33" y="246"/>
                    </a:lnTo>
                    <a:lnTo>
                      <a:pt x="17" y="230"/>
                    </a:lnTo>
                    <a:lnTo>
                      <a:pt x="4" y="217"/>
                    </a:lnTo>
                    <a:lnTo>
                      <a:pt x="8" y="215"/>
                    </a:lnTo>
                    <a:lnTo>
                      <a:pt x="13" y="210"/>
                    </a:lnTo>
                    <a:lnTo>
                      <a:pt x="18" y="203"/>
                    </a:lnTo>
                    <a:lnTo>
                      <a:pt x="22" y="197"/>
                    </a:lnTo>
                    <a:lnTo>
                      <a:pt x="33" y="178"/>
                    </a:lnTo>
                    <a:lnTo>
                      <a:pt x="44" y="158"/>
                    </a:lnTo>
                    <a:lnTo>
                      <a:pt x="62" y="116"/>
                    </a:lnTo>
                    <a:lnTo>
                      <a:pt x="77" y="87"/>
                    </a:lnTo>
                    <a:lnTo>
                      <a:pt x="88" y="67"/>
                    </a:lnTo>
                    <a:lnTo>
                      <a:pt x="106" y="39"/>
                    </a:lnTo>
                    <a:lnTo>
                      <a:pt x="118" y="24"/>
                    </a:lnTo>
                    <a:lnTo>
                      <a:pt x="128" y="13"/>
                    </a:lnTo>
                    <a:lnTo>
                      <a:pt x="134" y="7"/>
                    </a:lnTo>
                    <a:lnTo>
                      <a:pt x="138" y="5"/>
                    </a:lnTo>
                    <a:lnTo>
                      <a:pt x="143" y="2"/>
                    </a:lnTo>
                    <a:lnTo>
                      <a:pt x="147" y="1"/>
                    </a:lnTo>
                    <a:lnTo>
                      <a:pt x="147" y="0"/>
                    </a:lnTo>
                    <a:lnTo>
                      <a:pt x="148" y="0"/>
                    </a:lnTo>
                    <a:lnTo>
                      <a:pt x="148" y="1"/>
                    </a:lnTo>
                    <a:lnTo>
                      <a:pt x="149" y="2"/>
                    </a:lnTo>
                    <a:lnTo>
                      <a:pt x="152" y="7"/>
                    </a:lnTo>
                    <a:lnTo>
                      <a:pt x="153" y="15"/>
                    </a:lnTo>
                    <a:lnTo>
                      <a:pt x="157" y="30"/>
                    </a:lnTo>
                    <a:lnTo>
                      <a:pt x="158" y="39"/>
                    </a:lnTo>
                    <a:lnTo>
                      <a:pt x="162" y="45"/>
                    </a:lnTo>
                    <a:lnTo>
                      <a:pt x="167" y="53"/>
                    </a:lnTo>
                    <a:lnTo>
                      <a:pt x="174" y="61"/>
                    </a:lnTo>
                    <a:lnTo>
                      <a:pt x="182" y="67"/>
                    </a:lnTo>
                    <a:lnTo>
                      <a:pt x="185" y="70"/>
                    </a:lnTo>
                    <a:lnTo>
                      <a:pt x="189" y="71"/>
                    </a:lnTo>
                    <a:lnTo>
                      <a:pt x="193" y="72"/>
                    </a:lnTo>
                    <a:lnTo>
                      <a:pt x="198" y="74"/>
                    </a:lnTo>
                    <a:lnTo>
                      <a:pt x="202" y="72"/>
                    </a:lnTo>
                    <a:lnTo>
                      <a:pt x="206" y="71"/>
                    </a:lnTo>
                    <a:lnTo>
                      <a:pt x="209" y="68"/>
                    </a:lnTo>
                    <a:lnTo>
                      <a:pt x="213" y="64"/>
                    </a:lnTo>
                    <a:lnTo>
                      <a:pt x="218" y="58"/>
                    </a:lnTo>
                    <a:lnTo>
                      <a:pt x="224" y="54"/>
                    </a:lnTo>
                    <a:lnTo>
                      <a:pt x="232" y="49"/>
                    </a:lnTo>
                    <a:lnTo>
                      <a:pt x="241" y="46"/>
                    </a:lnTo>
                    <a:lnTo>
                      <a:pt x="261" y="41"/>
                    </a:lnTo>
                    <a:lnTo>
                      <a:pt x="276" y="36"/>
                    </a:lnTo>
                    <a:lnTo>
                      <a:pt x="276" y="36"/>
                    </a:lnTo>
                    <a:lnTo>
                      <a:pt x="294" y="54"/>
                    </a:lnTo>
                    <a:lnTo>
                      <a:pt x="311" y="72"/>
                    </a:lnTo>
                    <a:lnTo>
                      <a:pt x="315" y="77"/>
                    </a:lnTo>
                    <a:lnTo>
                      <a:pt x="318" y="81"/>
                    </a:lnTo>
                    <a:lnTo>
                      <a:pt x="320" y="87"/>
                    </a:lnTo>
                    <a:lnTo>
                      <a:pt x="321" y="90"/>
                    </a:lnTo>
                    <a:lnTo>
                      <a:pt x="324" y="99"/>
                    </a:lnTo>
                    <a:lnTo>
                      <a:pt x="325" y="107"/>
                    </a:lnTo>
                    <a:lnTo>
                      <a:pt x="328" y="115"/>
                    </a:lnTo>
                    <a:lnTo>
                      <a:pt x="333" y="123"/>
                    </a:lnTo>
                    <a:lnTo>
                      <a:pt x="338" y="127"/>
                    </a:lnTo>
                    <a:lnTo>
                      <a:pt x="342" y="129"/>
                    </a:lnTo>
                    <a:lnTo>
                      <a:pt x="349" y="132"/>
                    </a:lnTo>
                    <a:lnTo>
                      <a:pt x="356" y="134"/>
                    </a:lnTo>
                    <a:lnTo>
                      <a:pt x="367" y="138"/>
                    </a:lnTo>
                    <a:lnTo>
                      <a:pt x="375" y="141"/>
                    </a:lnTo>
                    <a:lnTo>
                      <a:pt x="382" y="146"/>
                    </a:lnTo>
                    <a:lnTo>
                      <a:pt x="389" y="151"/>
                    </a:lnTo>
                    <a:lnTo>
                      <a:pt x="394" y="156"/>
                    </a:lnTo>
                    <a:lnTo>
                      <a:pt x="398" y="163"/>
                    </a:lnTo>
                    <a:lnTo>
                      <a:pt x="403" y="171"/>
                    </a:lnTo>
                    <a:lnTo>
                      <a:pt x="407" y="180"/>
                    </a:lnTo>
                    <a:lnTo>
                      <a:pt x="419" y="203"/>
                    </a:lnTo>
                    <a:lnTo>
                      <a:pt x="432" y="224"/>
                    </a:lnTo>
                    <a:lnTo>
                      <a:pt x="437" y="235"/>
                    </a:lnTo>
                    <a:lnTo>
                      <a:pt x="442" y="247"/>
                    </a:lnTo>
                    <a:lnTo>
                      <a:pt x="445" y="259"/>
                    </a:lnTo>
                    <a:lnTo>
                      <a:pt x="446" y="272"/>
                    </a:lnTo>
                    <a:lnTo>
                      <a:pt x="445" y="294"/>
                    </a:lnTo>
                    <a:lnTo>
                      <a:pt x="446" y="318"/>
                    </a:lnTo>
                    <a:lnTo>
                      <a:pt x="446" y="331"/>
                    </a:lnTo>
                    <a:lnTo>
                      <a:pt x="448" y="343"/>
                    </a:lnTo>
                    <a:lnTo>
                      <a:pt x="451" y="353"/>
                    </a:lnTo>
                    <a:lnTo>
                      <a:pt x="456" y="361"/>
                    </a:lnTo>
                    <a:lnTo>
                      <a:pt x="456" y="361"/>
                    </a:lnTo>
                    <a:lnTo>
                      <a:pt x="447" y="425"/>
                    </a:lnTo>
                    <a:lnTo>
                      <a:pt x="446" y="440"/>
                    </a:lnTo>
                    <a:lnTo>
                      <a:pt x="446" y="456"/>
                    </a:lnTo>
                    <a:lnTo>
                      <a:pt x="447" y="471"/>
                    </a:lnTo>
                    <a:lnTo>
                      <a:pt x="447" y="486"/>
                    </a:lnTo>
                    <a:lnTo>
                      <a:pt x="445" y="513"/>
                    </a:lnTo>
                    <a:lnTo>
                      <a:pt x="441" y="535"/>
                    </a:lnTo>
                    <a:lnTo>
                      <a:pt x="441" y="545"/>
                    </a:lnTo>
                    <a:lnTo>
                      <a:pt x="442" y="555"/>
                    </a:lnTo>
                    <a:lnTo>
                      <a:pt x="446" y="568"/>
                    </a:lnTo>
                    <a:lnTo>
                      <a:pt x="451" y="584"/>
                    </a:lnTo>
                    <a:lnTo>
                      <a:pt x="460" y="610"/>
                    </a:lnTo>
                    <a:lnTo>
                      <a:pt x="469" y="651"/>
                    </a:lnTo>
                    <a:lnTo>
                      <a:pt x="482" y="702"/>
                    </a:lnTo>
                    <a:lnTo>
                      <a:pt x="496" y="755"/>
                    </a:lnTo>
                    <a:lnTo>
                      <a:pt x="504" y="780"/>
                    </a:lnTo>
                    <a:lnTo>
                      <a:pt x="513" y="804"/>
                    </a:lnTo>
                    <a:lnTo>
                      <a:pt x="524" y="825"/>
                    </a:lnTo>
                    <a:lnTo>
                      <a:pt x="534" y="843"/>
                    </a:lnTo>
                    <a:lnTo>
                      <a:pt x="539" y="851"/>
                    </a:lnTo>
                    <a:lnTo>
                      <a:pt x="546" y="857"/>
                    </a:lnTo>
                    <a:lnTo>
                      <a:pt x="551" y="862"/>
                    </a:lnTo>
                    <a:lnTo>
                      <a:pt x="557" y="868"/>
                    </a:lnTo>
                    <a:lnTo>
                      <a:pt x="564" y="870"/>
                    </a:lnTo>
                    <a:lnTo>
                      <a:pt x="572" y="872"/>
                    </a:lnTo>
                    <a:lnTo>
                      <a:pt x="578" y="872"/>
                    </a:lnTo>
                    <a:lnTo>
                      <a:pt x="586" y="869"/>
                    </a:lnTo>
                    <a:lnTo>
                      <a:pt x="632" y="857"/>
                    </a:lnTo>
                    <a:lnTo>
                      <a:pt x="632" y="857"/>
                    </a:lnTo>
                    <a:lnTo>
                      <a:pt x="631" y="873"/>
                    </a:lnTo>
                    <a:lnTo>
                      <a:pt x="630" y="887"/>
                    </a:lnTo>
                    <a:lnTo>
                      <a:pt x="629" y="903"/>
                    </a:lnTo>
                    <a:lnTo>
                      <a:pt x="630" y="917"/>
                    </a:lnTo>
                    <a:lnTo>
                      <a:pt x="634" y="929"/>
                    </a:lnTo>
                    <a:lnTo>
                      <a:pt x="638" y="940"/>
                    </a:lnTo>
                    <a:lnTo>
                      <a:pt x="641" y="951"/>
                    </a:lnTo>
                    <a:lnTo>
                      <a:pt x="644" y="964"/>
                    </a:lnTo>
                    <a:lnTo>
                      <a:pt x="640" y="983"/>
                    </a:lnTo>
                    <a:lnTo>
                      <a:pt x="634" y="1001"/>
                    </a:lnTo>
                    <a:lnTo>
                      <a:pt x="630" y="1019"/>
                    </a:lnTo>
                    <a:lnTo>
                      <a:pt x="625" y="1036"/>
                    </a:lnTo>
                    <a:lnTo>
                      <a:pt x="622" y="1044"/>
                    </a:lnTo>
                    <a:lnTo>
                      <a:pt x="617" y="1052"/>
                    </a:lnTo>
                    <a:lnTo>
                      <a:pt x="612" y="1058"/>
                    </a:lnTo>
                    <a:lnTo>
                      <a:pt x="605" y="1065"/>
                    </a:lnTo>
                    <a:lnTo>
                      <a:pt x="592" y="1074"/>
                    </a:lnTo>
                    <a:lnTo>
                      <a:pt x="581" y="1081"/>
                    </a:lnTo>
                    <a:lnTo>
                      <a:pt x="568" y="1089"/>
                    </a:lnTo>
                    <a:lnTo>
                      <a:pt x="556" y="1100"/>
                    </a:lnTo>
                    <a:lnTo>
                      <a:pt x="544" y="1112"/>
                    </a:lnTo>
                    <a:lnTo>
                      <a:pt x="534" y="1127"/>
                    </a:lnTo>
                    <a:lnTo>
                      <a:pt x="526" y="1141"/>
                    </a:lnTo>
                    <a:lnTo>
                      <a:pt x="517" y="1155"/>
                    </a:lnTo>
                    <a:lnTo>
                      <a:pt x="508" y="1168"/>
                    </a:lnTo>
                    <a:lnTo>
                      <a:pt x="498" y="1180"/>
                    </a:lnTo>
                    <a:lnTo>
                      <a:pt x="491" y="1185"/>
                    </a:lnTo>
                    <a:lnTo>
                      <a:pt x="485" y="1189"/>
                    </a:lnTo>
                    <a:lnTo>
                      <a:pt x="476" y="1194"/>
                    </a:lnTo>
                    <a:lnTo>
                      <a:pt x="467" y="1197"/>
                    </a:lnTo>
                    <a:lnTo>
                      <a:pt x="450" y="1201"/>
                    </a:lnTo>
                    <a:lnTo>
                      <a:pt x="428" y="1204"/>
                    </a:lnTo>
                    <a:lnTo>
                      <a:pt x="416" y="1207"/>
                    </a:lnTo>
                    <a:lnTo>
                      <a:pt x="407" y="1208"/>
                    </a:lnTo>
                    <a:lnTo>
                      <a:pt x="398" y="1211"/>
                    </a:lnTo>
                    <a:lnTo>
                      <a:pt x="393" y="1215"/>
                    </a:lnTo>
                    <a:lnTo>
                      <a:pt x="389" y="1219"/>
                    </a:lnTo>
                    <a:lnTo>
                      <a:pt x="388" y="1223"/>
                    </a:lnTo>
                    <a:lnTo>
                      <a:pt x="386" y="1228"/>
                    </a:lnTo>
                    <a:lnTo>
                      <a:pt x="386" y="1233"/>
                    </a:lnTo>
                    <a:lnTo>
                      <a:pt x="388" y="1243"/>
                    </a:lnTo>
                    <a:lnTo>
                      <a:pt x="391" y="1256"/>
                    </a:lnTo>
                    <a:lnTo>
                      <a:pt x="397" y="1268"/>
                    </a:lnTo>
                    <a:lnTo>
                      <a:pt x="402" y="1280"/>
                    </a:lnTo>
                    <a:lnTo>
                      <a:pt x="406" y="1290"/>
                    </a:lnTo>
                    <a:lnTo>
                      <a:pt x="407" y="1299"/>
                    </a:lnTo>
                    <a:lnTo>
                      <a:pt x="406" y="1304"/>
                    </a:lnTo>
                    <a:lnTo>
                      <a:pt x="404" y="1308"/>
                    </a:lnTo>
                    <a:lnTo>
                      <a:pt x="401" y="1312"/>
                    </a:lnTo>
                    <a:lnTo>
                      <a:pt x="397" y="1315"/>
                    </a:lnTo>
                    <a:lnTo>
                      <a:pt x="390" y="1322"/>
                    </a:lnTo>
                    <a:lnTo>
                      <a:pt x="385" y="1330"/>
                    </a:lnTo>
                    <a:lnTo>
                      <a:pt x="382" y="1342"/>
                    </a:lnTo>
                    <a:lnTo>
                      <a:pt x="378" y="1352"/>
                    </a:lnTo>
                    <a:lnTo>
                      <a:pt x="377" y="1357"/>
                    </a:lnTo>
                    <a:lnTo>
                      <a:pt x="373" y="1360"/>
                    </a:lnTo>
                    <a:lnTo>
                      <a:pt x="368" y="1363"/>
                    </a:lnTo>
                    <a:lnTo>
                      <a:pt x="362" y="1364"/>
                    </a:lnTo>
                    <a:lnTo>
                      <a:pt x="354" y="1364"/>
                    </a:lnTo>
                    <a:lnTo>
                      <a:pt x="346" y="1363"/>
                    </a:lnTo>
                    <a:lnTo>
                      <a:pt x="338" y="1360"/>
                    </a:lnTo>
                    <a:lnTo>
                      <a:pt x="331" y="1357"/>
                    </a:lnTo>
                    <a:lnTo>
                      <a:pt x="316" y="1352"/>
                    </a:lnTo>
                    <a:lnTo>
                      <a:pt x="302" y="1347"/>
                    </a:lnTo>
                    <a:lnTo>
                      <a:pt x="242" y="1350"/>
                    </a:lnTo>
                    <a:lnTo>
                      <a:pt x="242" y="1350"/>
                    </a:lnTo>
                    <a:lnTo>
                      <a:pt x="239" y="1346"/>
                    </a:lnTo>
                    <a:lnTo>
                      <a:pt x="236" y="1340"/>
                    </a:lnTo>
                    <a:lnTo>
                      <a:pt x="235" y="1335"/>
                    </a:lnTo>
                    <a:lnTo>
                      <a:pt x="235" y="1330"/>
                    </a:lnTo>
                    <a:lnTo>
                      <a:pt x="235" y="1313"/>
                    </a:lnTo>
                    <a:lnTo>
                      <a:pt x="233" y="1302"/>
                    </a:lnTo>
                    <a:lnTo>
                      <a:pt x="231" y="1294"/>
                    </a:lnTo>
                    <a:lnTo>
                      <a:pt x="227" y="1289"/>
                    </a:lnTo>
                    <a:lnTo>
                      <a:pt x="220" y="1285"/>
                    </a:lnTo>
                    <a:lnTo>
                      <a:pt x="213" y="1278"/>
                    </a:lnTo>
                    <a:lnTo>
                      <a:pt x="204" y="1269"/>
                    </a:lnTo>
                    <a:lnTo>
                      <a:pt x="192" y="1256"/>
                    </a:lnTo>
                    <a:lnTo>
                      <a:pt x="182" y="1246"/>
                    </a:lnTo>
                    <a:lnTo>
                      <a:pt x="171" y="1236"/>
                    </a:lnTo>
                    <a:lnTo>
                      <a:pt x="161" y="1226"/>
                    </a:lnTo>
                    <a:lnTo>
                      <a:pt x="149" y="1217"/>
                    </a:lnTo>
                    <a:lnTo>
                      <a:pt x="125" y="1202"/>
                    </a:lnTo>
                    <a:lnTo>
                      <a:pt x="100" y="1186"/>
                    </a:lnTo>
                    <a:lnTo>
                      <a:pt x="88" y="1179"/>
                    </a:lnTo>
                    <a:lnTo>
                      <a:pt x="77" y="1171"/>
                    </a:lnTo>
                    <a:lnTo>
                      <a:pt x="65" y="1162"/>
                    </a:lnTo>
                    <a:lnTo>
                      <a:pt x="55" y="1153"/>
                    </a:lnTo>
                    <a:lnTo>
                      <a:pt x="46" y="1141"/>
                    </a:lnTo>
                    <a:lnTo>
                      <a:pt x="36" y="1129"/>
                    </a:lnTo>
                    <a:lnTo>
                      <a:pt x="29" y="1118"/>
                    </a:lnTo>
                    <a:lnTo>
                      <a:pt x="22" y="1102"/>
                    </a:lnTo>
                    <a:lnTo>
                      <a:pt x="16" y="1093"/>
                    </a:lnTo>
                    <a:lnTo>
                      <a:pt x="7" y="1076"/>
                    </a:lnTo>
                    <a:lnTo>
                      <a:pt x="3" y="1068"/>
                    </a:lnTo>
                    <a:lnTo>
                      <a:pt x="0" y="1062"/>
                    </a:lnTo>
                    <a:lnTo>
                      <a:pt x="0" y="1058"/>
                    </a:lnTo>
                    <a:lnTo>
                      <a:pt x="0" y="1057"/>
                    </a:lnTo>
                    <a:lnTo>
                      <a:pt x="1" y="1054"/>
                    </a:lnTo>
                    <a:lnTo>
                      <a:pt x="4" y="1054"/>
                    </a:lnTo>
                    <a:lnTo>
                      <a:pt x="7" y="1054"/>
                    </a:lnTo>
                    <a:lnTo>
                      <a:pt x="9" y="1055"/>
                    </a:lnTo>
                    <a:lnTo>
                      <a:pt x="13" y="1057"/>
                    </a:lnTo>
                    <a:lnTo>
                      <a:pt x="16" y="1059"/>
                    </a:lnTo>
                    <a:lnTo>
                      <a:pt x="22" y="1066"/>
                    </a:lnTo>
                    <a:lnTo>
                      <a:pt x="30" y="1074"/>
                    </a:lnTo>
                    <a:lnTo>
                      <a:pt x="36" y="1081"/>
                    </a:lnTo>
                    <a:lnTo>
                      <a:pt x="43" y="1089"/>
                    </a:lnTo>
                    <a:lnTo>
                      <a:pt x="49" y="1094"/>
                    </a:lnTo>
                    <a:lnTo>
                      <a:pt x="55" y="1096"/>
                    </a:lnTo>
                    <a:lnTo>
                      <a:pt x="55" y="1094"/>
                    </a:lnTo>
                    <a:lnTo>
                      <a:pt x="56" y="1094"/>
                    </a:lnTo>
                    <a:lnTo>
                      <a:pt x="56" y="1084"/>
                    </a:lnTo>
                    <a:lnTo>
                      <a:pt x="55" y="1074"/>
                    </a:lnTo>
                    <a:lnTo>
                      <a:pt x="52" y="1065"/>
                    </a:lnTo>
                    <a:lnTo>
                      <a:pt x="49" y="1055"/>
                    </a:lnTo>
                    <a:lnTo>
                      <a:pt x="46" y="1046"/>
                    </a:lnTo>
                    <a:lnTo>
                      <a:pt x="40" y="1039"/>
                    </a:lnTo>
                    <a:lnTo>
                      <a:pt x="34" y="1031"/>
                    </a:lnTo>
                    <a:lnTo>
                      <a:pt x="26" y="1023"/>
                    </a:lnTo>
                    <a:lnTo>
                      <a:pt x="21" y="1018"/>
                    </a:lnTo>
                    <a:lnTo>
                      <a:pt x="17" y="1013"/>
                    </a:lnTo>
                    <a:lnTo>
                      <a:pt x="14" y="1009"/>
                    </a:lnTo>
                    <a:lnTo>
                      <a:pt x="12" y="1004"/>
                    </a:lnTo>
                    <a:lnTo>
                      <a:pt x="9" y="993"/>
                    </a:lnTo>
                    <a:lnTo>
                      <a:pt x="8" y="983"/>
                    </a:lnTo>
                    <a:lnTo>
                      <a:pt x="9" y="961"/>
                    </a:lnTo>
                    <a:lnTo>
                      <a:pt x="11" y="938"/>
                    </a:lnTo>
                    <a:lnTo>
                      <a:pt x="12" y="929"/>
                    </a:lnTo>
                    <a:lnTo>
                      <a:pt x="14" y="921"/>
                    </a:lnTo>
                    <a:lnTo>
                      <a:pt x="20" y="910"/>
                    </a:lnTo>
                    <a:lnTo>
                      <a:pt x="25" y="900"/>
                    </a:lnTo>
                    <a:lnTo>
                      <a:pt x="40" y="878"/>
                    </a:lnTo>
                    <a:lnTo>
                      <a:pt x="56" y="855"/>
                    </a:lnTo>
                    <a:lnTo>
                      <a:pt x="62" y="843"/>
                    </a:lnTo>
                    <a:lnTo>
                      <a:pt x="68" y="831"/>
                    </a:lnTo>
                    <a:lnTo>
                      <a:pt x="73" y="821"/>
                    </a:lnTo>
                    <a:lnTo>
                      <a:pt x="75" y="809"/>
                    </a:lnTo>
                    <a:lnTo>
                      <a:pt x="75" y="804"/>
                    </a:lnTo>
                    <a:lnTo>
                      <a:pt x="75" y="800"/>
                    </a:lnTo>
                    <a:lnTo>
                      <a:pt x="75" y="795"/>
                    </a:lnTo>
                    <a:lnTo>
                      <a:pt x="74" y="791"/>
                    </a:lnTo>
                    <a:lnTo>
                      <a:pt x="71" y="786"/>
                    </a:lnTo>
                    <a:lnTo>
                      <a:pt x="69" y="782"/>
                    </a:lnTo>
                    <a:lnTo>
                      <a:pt x="65" y="778"/>
                    </a:lnTo>
                    <a:lnTo>
                      <a:pt x="60" y="776"/>
                    </a:lnTo>
                    <a:lnTo>
                      <a:pt x="51" y="769"/>
                    </a:lnTo>
                    <a:lnTo>
                      <a:pt x="44" y="763"/>
                    </a:lnTo>
                    <a:lnTo>
                      <a:pt x="40" y="758"/>
                    </a:lnTo>
                    <a:lnTo>
                      <a:pt x="36" y="751"/>
                    </a:lnTo>
                    <a:lnTo>
                      <a:pt x="35" y="745"/>
                    </a:lnTo>
                    <a:lnTo>
                      <a:pt x="35" y="739"/>
                    </a:lnTo>
                    <a:lnTo>
                      <a:pt x="36" y="733"/>
                    </a:lnTo>
                    <a:lnTo>
                      <a:pt x="39" y="728"/>
                    </a:lnTo>
                    <a:lnTo>
                      <a:pt x="53" y="703"/>
                    </a:lnTo>
                    <a:lnTo>
                      <a:pt x="69" y="677"/>
                    </a:lnTo>
                    <a:lnTo>
                      <a:pt x="70" y="673"/>
                    </a:lnTo>
                    <a:lnTo>
                      <a:pt x="70" y="669"/>
                    </a:lnTo>
                    <a:lnTo>
                      <a:pt x="70" y="666"/>
                    </a:lnTo>
                    <a:lnTo>
                      <a:pt x="69" y="662"/>
                    </a:lnTo>
                    <a:lnTo>
                      <a:pt x="66" y="654"/>
                    </a:lnTo>
                    <a:lnTo>
                      <a:pt x="61" y="647"/>
                    </a:lnTo>
                    <a:lnTo>
                      <a:pt x="56" y="640"/>
                    </a:lnTo>
                    <a:lnTo>
                      <a:pt x="51" y="633"/>
                    </a:lnTo>
                    <a:lnTo>
                      <a:pt x="47" y="625"/>
                    </a:lnTo>
                    <a:lnTo>
                      <a:pt x="46" y="619"/>
                    </a:lnTo>
                    <a:lnTo>
                      <a:pt x="46" y="605"/>
                    </a:lnTo>
                    <a:lnTo>
                      <a:pt x="47" y="596"/>
                    </a:lnTo>
                    <a:lnTo>
                      <a:pt x="52" y="590"/>
                    </a:lnTo>
                    <a:lnTo>
                      <a:pt x="57" y="587"/>
                    </a:lnTo>
                    <a:lnTo>
                      <a:pt x="64" y="584"/>
                    </a:lnTo>
                    <a:lnTo>
                      <a:pt x="70" y="581"/>
                    </a:lnTo>
                    <a:lnTo>
                      <a:pt x="78" y="576"/>
                    </a:lnTo>
                    <a:lnTo>
                      <a:pt x="86" y="568"/>
                    </a:lnTo>
                    <a:lnTo>
                      <a:pt x="88" y="565"/>
                    </a:lnTo>
                    <a:lnTo>
                      <a:pt x="90" y="559"/>
                    </a:lnTo>
                    <a:lnTo>
                      <a:pt x="90" y="554"/>
                    </a:lnTo>
                    <a:lnTo>
                      <a:pt x="88" y="549"/>
                    </a:lnTo>
                    <a:lnTo>
                      <a:pt x="82" y="540"/>
                    </a:lnTo>
                    <a:lnTo>
                      <a:pt x="75" y="531"/>
                    </a:lnTo>
                    <a:lnTo>
                      <a:pt x="69" y="522"/>
                    </a:lnTo>
                    <a:lnTo>
                      <a:pt x="65" y="515"/>
                    </a:lnTo>
                    <a:lnTo>
                      <a:pt x="65" y="514"/>
                    </a:lnTo>
                    <a:lnTo>
                      <a:pt x="68" y="511"/>
                    </a:lnTo>
                    <a:lnTo>
                      <a:pt x="71" y="510"/>
                    </a:lnTo>
                    <a:lnTo>
                      <a:pt x="78" y="510"/>
                    </a:lnTo>
                    <a:lnTo>
                      <a:pt x="88" y="510"/>
                    </a:lnTo>
                    <a:lnTo>
                      <a:pt x="96" y="509"/>
                    </a:lnTo>
                    <a:lnTo>
                      <a:pt x="99" y="508"/>
                    </a:lnTo>
                    <a:lnTo>
                      <a:pt x="100" y="506"/>
                    </a:lnTo>
                    <a:lnTo>
                      <a:pt x="101" y="505"/>
                    </a:lnTo>
                    <a:lnTo>
                      <a:pt x="101" y="504"/>
                    </a:lnTo>
                    <a:lnTo>
                      <a:pt x="97" y="493"/>
                    </a:lnTo>
                    <a:lnTo>
                      <a:pt x="92" y="475"/>
                    </a:lnTo>
                    <a:lnTo>
                      <a:pt x="93" y="452"/>
                    </a:lnTo>
                    <a:lnTo>
                      <a:pt x="92" y="431"/>
                    </a:lnTo>
                    <a:lnTo>
                      <a:pt x="91" y="422"/>
                    </a:lnTo>
                    <a:lnTo>
                      <a:pt x="90" y="413"/>
                    </a:lnTo>
                    <a:lnTo>
                      <a:pt x="87" y="405"/>
                    </a:lnTo>
                    <a:lnTo>
                      <a:pt x="84" y="399"/>
                    </a:lnTo>
                    <a:lnTo>
                      <a:pt x="81" y="392"/>
                    </a:lnTo>
                    <a:lnTo>
                      <a:pt x="75" y="386"/>
                    </a:lnTo>
                    <a:lnTo>
                      <a:pt x="70" y="381"/>
                    </a:lnTo>
                    <a:lnTo>
                      <a:pt x="64" y="377"/>
                    </a:lnTo>
                    <a:lnTo>
                      <a:pt x="56" y="372"/>
                    </a:lnTo>
                    <a:lnTo>
                      <a:pt x="47" y="368"/>
                    </a:lnTo>
                    <a:lnTo>
                      <a:pt x="38" y="365"/>
                    </a:lnTo>
                    <a:lnTo>
                      <a:pt x="26" y="361"/>
                    </a:lnTo>
                    <a:lnTo>
                      <a:pt x="26" y="36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04" name="Freeform 123"/>
              <p:cNvSpPr>
                <a:spLocks/>
              </p:cNvSpPr>
              <p:nvPr/>
            </p:nvSpPr>
            <p:spPr bwMode="auto">
              <a:xfrm>
                <a:off x="8291670" y="5428076"/>
                <a:ext cx="306044" cy="355843"/>
              </a:xfrm>
              <a:custGeom>
                <a:avLst/>
                <a:gdLst/>
                <a:ahLst/>
                <a:cxnLst>
                  <a:cxn ang="0">
                    <a:pos x="267" y="773"/>
                  </a:cxn>
                  <a:cxn ang="0">
                    <a:pos x="233" y="746"/>
                  </a:cxn>
                  <a:cxn ang="0">
                    <a:pos x="207" y="698"/>
                  </a:cxn>
                  <a:cxn ang="0">
                    <a:pos x="172" y="666"/>
                  </a:cxn>
                  <a:cxn ang="0">
                    <a:pos x="141" y="615"/>
                  </a:cxn>
                  <a:cxn ang="0">
                    <a:pos x="69" y="578"/>
                  </a:cxn>
                  <a:cxn ang="0">
                    <a:pos x="60" y="564"/>
                  </a:cxn>
                  <a:cxn ang="0">
                    <a:pos x="109" y="540"/>
                  </a:cxn>
                  <a:cxn ang="0">
                    <a:pos x="101" y="503"/>
                  </a:cxn>
                  <a:cxn ang="0">
                    <a:pos x="78" y="514"/>
                  </a:cxn>
                  <a:cxn ang="0">
                    <a:pos x="55" y="547"/>
                  </a:cxn>
                  <a:cxn ang="0">
                    <a:pos x="20" y="540"/>
                  </a:cxn>
                  <a:cxn ang="0">
                    <a:pos x="42" y="429"/>
                  </a:cxn>
                  <a:cxn ang="0">
                    <a:pos x="29" y="369"/>
                  </a:cxn>
                  <a:cxn ang="0">
                    <a:pos x="8" y="333"/>
                  </a:cxn>
                  <a:cxn ang="0">
                    <a:pos x="22" y="251"/>
                  </a:cxn>
                  <a:cxn ang="0">
                    <a:pos x="55" y="241"/>
                  </a:cxn>
                  <a:cxn ang="0">
                    <a:pos x="78" y="220"/>
                  </a:cxn>
                  <a:cxn ang="0">
                    <a:pos x="77" y="184"/>
                  </a:cxn>
                  <a:cxn ang="0">
                    <a:pos x="93" y="134"/>
                  </a:cxn>
                  <a:cxn ang="0">
                    <a:pos x="109" y="109"/>
                  </a:cxn>
                  <a:cxn ang="0">
                    <a:pos x="144" y="91"/>
                  </a:cxn>
                  <a:cxn ang="0">
                    <a:pos x="172" y="114"/>
                  </a:cxn>
                  <a:cxn ang="0">
                    <a:pos x="182" y="119"/>
                  </a:cxn>
                  <a:cxn ang="0">
                    <a:pos x="211" y="99"/>
                  </a:cxn>
                  <a:cxn ang="0">
                    <a:pos x="172" y="45"/>
                  </a:cxn>
                  <a:cxn ang="0">
                    <a:pos x="274" y="21"/>
                  </a:cxn>
                  <a:cxn ang="0">
                    <a:pos x="299" y="53"/>
                  </a:cxn>
                  <a:cxn ang="0">
                    <a:pos x="351" y="82"/>
                  </a:cxn>
                  <a:cxn ang="0">
                    <a:pos x="377" y="126"/>
                  </a:cxn>
                  <a:cxn ang="0">
                    <a:pos x="420" y="163"/>
                  </a:cxn>
                  <a:cxn ang="0">
                    <a:pos x="450" y="170"/>
                  </a:cxn>
                  <a:cxn ang="0">
                    <a:pos x="473" y="196"/>
                  </a:cxn>
                  <a:cxn ang="0">
                    <a:pos x="503" y="209"/>
                  </a:cxn>
                  <a:cxn ang="0">
                    <a:pos x="533" y="233"/>
                  </a:cxn>
                  <a:cxn ang="0">
                    <a:pos x="583" y="264"/>
                  </a:cxn>
                  <a:cxn ang="0">
                    <a:pos x="653" y="299"/>
                  </a:cxn>
                  <a:cxn ang="0">
                    <a:pos x="673" y="334"/>
                  </a:cxn>
                  <a:cxn ang="0">
                    <a:pos x="622" y="347"/>
                  </a:cxn>
                  <a:cxn ang="0">
                    <a:pos x="592" y="368"/>
                  </a:cxn>
                  <a:cxn ang="0">
                    <a:pos x="530" y="368"/>
                  </a:cxn>
                  <a:cxn ang="0">
                    <a:pos x="525" y="386"/>
                  </a:cxn>
                  <a:cxn ang="0">
                    <a:pos x="561" y="460"/>
                  </a:cxn>
                  <a:cxn ang="0">
                    <a:pos x="503" y="482"/>
                  </a:cxn>
                  <a:cxn ang="0">
                    <a:pos x="483" y="498"/>
                  </a:cxn>
                  <a:cxn ang="0">
                    <a:pos x="459" y="485"/>
                  </a:cxn>
                  <a:cxn ang="0">
                    <a:pos x="438" y="439"/>
                  </a:cxn>
                  <a:cxn ang="0">
                    <a:pos x="432" y="424"/>
                  </a:cxn>
                  <a:cxn ang="0">
                    <a:pos x="413" y="437"/>
                  </a:cxn>
                  <a:cxn ang="0">
                    <a:pos x="347" y="540"/>
                  </a:cxn>
                  <a:cxn ang="0">
                    <a:pos x="298" y="634"/>
                  </a:cxn>
                  <a:cxn ang="0">
                    <a:pos x="320" y="675"/>
                  </a:cxn>
                  <a:cxn ang="0">
                    <a:pos x="321" y="720"/>
                  </a:cxn>
                </a:cxnLst>
                <a:rect l="0" t="0" r="r" b="b"/>
                <a:pathLst>
                  <a:path w="673" h="785">
                    <a:moveTo>
                      <a:pt x="311" y="785"/>
                    </a:moveTo>
                    <a:lnTo>
                      <a:pt x="301" y="783"/>
                    </a:lnTo>
                    <a:lnTo>
                      <a:pt x="290" y="781"/>
                    </a:lnTo>
                    <a:lnTo>
                      <a:pt x="277" y="777"/>
                    </a:lnTo>
                    <a:lnTo>
                      <a:pt x="267" y="773"/>
                    </a:lnTo>
                    <a:lnTo>
                      <a:pt x="257" y="770"/>
                    </a:lnTo>
                    <a:lnTo>
                      <a:pt x="250" y="764"/>
                    </a:lnTo>
                    <a:lnTo>
                      <a:pt x="244" y="759"/>
                    </a:lnTo>
                    <a:lnTo>
                      <a:pt x="239" y="753"/>
                    </a:lnTo>
                    <a:lnTo>
                      <a:pt x="233" y="746"/>
                    </a:lnTo>
                    <a:lnTo>
                      <a:pt x="231" y="740"/>
                    </a:lnTo>
                    <a:lnTo>
                      <a:pt x="223" y="726"/>
                    </a:lnTo>
                    <a:lnTo>
                      <a:pt x="217" y="711"/>
                    </a:lnTo>
                    <a:lnTo>
                      <a:pt x="213" y="705"/>
                    </a:lnTo>
                    <a:lnTo>
                      <a:pt x="207" y="698"/>
                    </a:lnTo>
                    <a:lnTo>
                      <a:pt x="201" y="692"/>
                    </a:lnTo>
                    <a:lnTo>
                      <a:pt x="193" y="687"/>
                    </a:lnTo>
                    <a:lnTo>
                      <a:pt x="183" y="679"/>
                    </a:lnTo>
                    <a:lnTo>
                      <a:pt x="176" y="672"/>
                    </a:lnTo>
                    <a:lnTo>
                      <a:pt x="172" y="666"/>
                    </a:lnTo>
                    <a:lnTo>
                      <a:pt x="170" y="661"/>
                    </a:lnTo>
                    <a:lnTo>
                      <a:pt x="166" y="647"/>
                    </a:lnTo>
                    <a:lnTo>
                      <a:pt x="157" y="628"/>
                    </a:lnTo>
                    <a:lnTo>
                      <a:pt x="152" y="622"/>
                    </a:lnTo>
                    <a:lnTo>
                      <a:pt x="141" y="615"/>
                    </a:lnTo>
                    <a:lnTo>
                      <a:pt x="128" y="609"/>
                    </a:lnTo>
                    <a:lnTo>
                      <a:pt x="113" y="601"/>
                    </a:lnTo>
                    <a:lnTo>
                      <a:pt x="97" y="593"/>
                    </a:lnTo>
                    <a:lnTo>
                      <a:pt x="82" y="586"/>
                    </a:lnTo>
                    <a:lnTo>
                      <a:pt x="69" y="578"/>
                    </a:lnTo>
                    <a:lnTo>
                      <a:pt x="58" y="571"/>
                    </a:lnTo>
                    <a:lnTo>
                      <a:pt x="57" y="569"/>
                    </a:lnTo>
                    <a:lnTo>
                      <a:pt x="57" y="568"/>
                    </a:lnTo>
                    <a:lnTo>
                      <a:pt x="57" y="565"/>
                    </a:lnTo>
                    <a:lnTo>
                      <a:pt x="60" y="564"/>
                    </a:lnTo>
                    <a:lnTo>
                      <a:pt x="65" y="560"/>
                    </a:lnTo>
                    <a:lnTo>
                      <a:pt x="74" y="556"/>
                    </a:lnTo>
                    <a:lnTo>
                      <a:pt x="91" y="549"/>
                    </a:lnTo>
                    <a:lnTo>
                      <a:pt x="101" y="547"/>
                    </a:lnTo>
                    <a:lnTo>
                      <a:pt x="109" y="540"/>
                    </a:lnTo>
                    <a:lnTo>
                      <a:pt x="114" y="535"/>
                    </a:lnTo>
                    <a:lnTo>
                      <a:pt x="115" y="531"/>
                    </a:lnTo>
                    <a:lnTo>
                      <a:pt x="114" y="527"/>
                    </a:lnTo>
                    <a:lnTo>
                      <a:pt x="108" y="517"/>
                    </a:lnTo>
                    <a:lnTo>
                      <a:pt x="101" y="503"/>
                    </a:lnTo>
                    <a:lnTo>
                      <a:pt x="96" y="501"/>
                    </a:lnTo>
                    <a:lnTo>
                      <a:pt x="92" y="503"/>
                    </a:lnTo>
                    <a:lnTo>
                      <a:pt x="88" y="504"/>
                    </a:lnTo>
                    <a:lnTo>
                      <a:pt x="84" y="507"/>
                    </a:lnTo>
                    <a:lnTo>
                      <a:pt x="78" y="514"/>
                    </a:lnTo>
                    <a:lnTo>
                      <a:pt x="73" y="523"/>
                    </a:lnTo>
                    <a:lnTo>
                      <a:pt x="68" y="533"/>
                    </a:lnTo>
                    <a:lnTo>
                      <a:pt x="61" y="542"/>
                    </a:lnTo>
                    <a:lnTo>
                      <a:pt x="57" y="544"/>
                    </a:lnTo>
                    <a:lnTo>
                      <a:pt x="55" y="547"/>
                    </a:lnTo>
                    <a:lnTo>
                      <a:pt x="49" y="549"/>
                    </a:lnTo>
                    <a:lnTo>
                      <a:pt x="46" y="549"/>
                    </a:lnTo>
                    <a:lnTo>
                      <a:pt x="35" y="548"/>
                    </a:lnTo>
                    <a:lnTo>
                      <a:pt x="26" y="545"/>
                    </a:lnTo>
                    <a:lnTo>
                      <a:pt x="20" y="540"/>
                    </a:lnTo>
                    <a:lnTo>
                      <a:pt x="13" y="535"/>
                    </a:lnTo>
                    <a:lnTo>
                      <a:pt x="16" y="505"/>
                    </a:lnTo>
                    <a:lnTo>
                      <a:pt x="0" y="456"/>
                    </a:lnTo>
                    <a:lnTo>
                      <a:pt x="38" y="443"/>
                    </a:lnTo>
                    <a:lnTo>
                      <a:pt x="42" y="429"/>
                    </a:lnTo>
                    <a:lnTo>
                      <a:pt x="44" y="416"/>
                    </a:lnTo>
                    <a:lnTo>
                      <a:pt x="43" y="403"/>
                    </a:lnTo>
                    <a:lnTo>
                      <a:pt x="40" y="391"/>
                    </a:lnTo>
                    <a:lnTo>
                      <a:pt x="36" y="380"/>
                    </a:lnTo>
                    <a:lnTo>
                      <a:pt x="29" y="369"/>
                    </a:lnTo>
                    <a:lnTo>
                      <a:pt x="25" y="364"/>
                    </a:lnTo>
                    <a:lnTo>
                      <a:pt x="20" y="360"/>
                    </a:lnTo>
                    <a:lnTo>
                      <a:pt x="14" y="356"/>
                    </a:lnTo>
                    <a:lnTo>
                      <a:pt x="8" y="352"/>
                    </a:lnTo>
                    <a:lnTo>
                      <a:pt x="8" y="333"/>
                    </a:lnTo>
                    <a:lnTo>
                      <a:pt x="9" y="314"/>
                    </a:lnTo>
                    <a:lnTo>
                      <a:pt x="12" y="293"/>
                    </a:lnTo>
                    <a:lnTo>
                      <a:pt x="14" y="275"/>
                    </a:lnTo>
                    <a:lnTo>
                      <a:pt x="18" y="261"/>
                    </a:lnTo>
                    <a:lnTo>
                      <a:pt x="22" y="251"/>
                    </a:lnTo>
                    <a:lnTo>
                      <a:pt x="26" y="249"/>
                    </a:lnTo>
                    <a:lnTo>
                      <a:pt x="29" y="246"/>
                    </a:lnTo>
                    <a:lnTo>
                      <a:pt x="33" y="244"/>
                    </a:lnTo>
                    <a:lnTo>
                      <a:pt x="35" y="242"/>
                    </a:lnTo>
                    <a:lnTo>
                      <a:pt x="55" y="241"/>
                    </a:lnTo>
                    <a:lnTo>
                      <a:pt x="79" y="241"/>
                    </a:lnTo>
                    <a:lnTo>
                      <a:pt x="79" y="240"/>
                    </a:lnTo>
                    <a:lnTo>
                      <a:pt x="81" y="240"/>
                    </a:lnTo>
                    <a:lnTo>
                      <a:pt x="81" y="229"/>
                    </a:lnTo>
                    <a:lnTo>
                      <a:pt x="78" y="220"/>
                    </a:lnTo>
                    <a:lnTo>
                      <a:pt x="75" y="209"/>
                    </a:lnTo>
                    <a:lnTo>
                      <a:pt x="74" y="198"/>
                    </a:lnTo>
                    <a:lnTo>
                      <a:pt x="74" y="192"/>
                    </a:lnTo>
                    <a:lnTo>
                      <a:pt x="75" y="188"/>
                    </a:lnTo>
                    <a:lnTo>
                      <a:pt x="77" y="184"/>
                    </a:lnTo>
                    <a:lnTo>
                      <a:pt x="79" y="180"/>
                    </a:lnTo>
                    <a:lnTo>
                      <a:pt x="83" y="174"/>
                    </a:lnTo>
                    <a:lnTo>
                      <a:pt x="88" y="166"/>
                    </a:lnTo>
                    <a:lnTo>
                      <a:pt x="92" y="150"/>
                    </a:lnTo>
                    <a:lnTo>
                      <a:pt x="93" y="134"/>
                    </a:lnTo>
                    <a:lnTo>
                      <a:pt x="96" y="126"/>
                    </a:lnTo>
                    <a:lnTo>
                      <a:pt x="99" y="118"/>
                    </a:lnTo>
                    <a:lnTo>
                      <a:pt x="101" y="115"/>
                    </a:lnTo>
                    <a:lnTo>
                      <a:pt x="105" y="112"/>
                    </a:lnTo>
                    <a:lnTo>
                      <a:pt x="109" y="109"/>
                    </a:lnTo>
                    <a:lnTo>
                      <a:pt x="113" y="106"/>
                    </a:lnTo>
                    <a:lnTo>
                      <a:pt x="123" y="101"/>
                    </a:lnTo>
                    <a:lnTo>
                      <a:pt x="134" y="93"/>
                    </a:lnTo>
                    <a:lnTo>
                      <a:pt x="139" y="92"/>
                    </a:lnTo>
                    <a:lnTo>
                      <a:pt x="144" y="91"/>
                    </a:lnTo>
                    <a:lnTo>
                      <a:pt x="150" y="92"/>
                    </a:lnTo>
                    <a:lnTo>
                      <a:pt x="158" y="96"/>
                    </a:lnTo>
                    <a:lnTo>
                      <a:pt x="166" y="102"/>
                    </a:lnTo>
                    <a:lnTo>
                      <a:pt x="170" y="109"/>
                    </a:lnTo>
                    <a:lnTo>
                      <a:pt x="172" y="114"/>
                    </a:lnTo>
                    <a:lnTo>
                      <a:pt x="174" y="118"/>
                    </a:lnTo>
                    <a:lnTo>
                      <a:pt x="175" y="119"/>
                    </a:lnTo>
                    <a:lnTo>
                      <a:pt x="176" y="119"/>
                    </a:lnTo>
                    <a:lnTo>
                      <a:pt x="179" y="119"/>
                    </a:lnTo>
                    <a:lnTo>
                      <a:pt x="182" y="119"/>
                    </a:lnTo>
                    <a:lnTo>
                      <a:pt x="191" y="115"/>
                    </a:lnTo>
                    <a:lnTo>
                      <a:pt x="205" y="108"/>
                    </a:lnTo>
                    <a:lnTo>
                      <a:pt x="209" y="105"/>
                    </a:lnTo>
                    <a:lnTo>
                      <a:pt x="210" y="101"/>
                    </a:lnTo>
                    <a:lnTo>
                      <a:pt x="211" y="99"/>
                    </a:lnTo>
                    <a:lnTo>
                      <a:pt x="211" y="95"/>
                    </a:lnTo>
                    <a:lnTo>
                      <a:pt x="207" y="86"/>
                    </a:lnTo>
                    <a:lnTo>
                      <a:pt x="202" y="77"/>
                    </a:lnTo>
                    <a:lnTo>
                      <a:pt x="185" y="58"/>
                    </a:lnTo>
                    <a:lnTo>
                      <a:pt x="172" y="45"/>
                    </a:lnTo>
                    <a:lnTo>
                      <a:pt x="165" y="14"/>
                    </a:lnTo>
                    <a:lnTo>
                      <a:pt x="191" y="0"/>
                    </a:lnTo>
                    <a:lnTo>
                      <a:pt x="214" y="16"/>
                    </a:lnTo>
                    <a:lnTo>
                      <a:pt x="271" y="10"/>
                    </a:lnTo>
                    <a:lnTo>
                      <a:pt x="274" y="21"/>
                    </a:lnTo>
                    <a:lnTo>
                      <a:pt x="277" y="29"/>
                    </a:lnTo>
                    <a:lnTo>
                      <a:pt x="281" y="36"/>
                    </a:lnTo>
                    <a:lnTo>
                      <a:pt x="286" y="43"/>
                    </a:lnTo>
                    <a:lnTo>
                      <a:pt x="293" y="48"/>
                    </a:lnTo>
                    <a:lnTo>
                      <a:pt x="299" y="53"/>
                    </a:lnTo>
                    <a:lnTo>
                      <a:pt x="307" y="57"/>
                    </a:lnTo>
                    <a:lnTo>
                      <a:pt x="315" y="61"/>
                    </a:lnTo>
                    <a:lnTo>
                      <a:pt x="331" y="67"/>
                    </a:lnTo>
                    <a:lnTo>
                      <a:pt x="345" y="77"/>
                    </a:lnTo>
                    <a:lnTo>
                      <a:pt x="351" y="82"/>
                    </a:lnTo>
                    <a:lnTo>
                      <a:pt x="358" y="88"/>
                    </a:lnTo>
                    <a:lnTo>
                      <a:pt x="363" y="95"/>
                    </a:lnTo>
                    <a:lnTo>
                      <a:pt x="367" y="104"/>
                    </a:lnTo>
                    <a:lnTo>
                      <a:pt x="371" y="115"/>
                    </a:lnTo>
                    <a:lnTo>
                      <a:pt x="377" y="126"/>
                    </a:lnTo>
                    <a:lnTo>
                      <a:pt x="385" y="137"/>
                    </a:lnTo>
                    <a:lnTo>
                      <a:pt x="393" y="147"/>
                    </a:lnTo>
                    <a:lnTo>
                      <a:pt x="403" y="154"/>
                    </a:lnTo>
                    <a:lnTo>
                      <a:pt x="415" y="161"/>
                    </a:lnTo>
                    <a:lnTo>
                      <a:pt x="420" y="163"/>
                    </a:lnTo>
                    <a:lnTo>
                      <a:pt x="426" y="166"/>
                    </a:lnTo>
                    <a:lnTo>
                      <a:pt x="433" y="167"/>
                    </a:lnTo>
                    <a:lnTo>
                      <a:pt x="441" y="167"/>
                    </a:lnTo>
                    <a:lnTo>
                      <a:pt x="446" y="169"/>
                    </a:lnTo>
                    <a:lnTo>
                      <a:pt x="450" y="170"/>
                    </a:lnTo>
                    <a:lnTo>
                      <a:pt x="454" y="172"/>
                    </a:lnTo>
                    <a:lnTo>
                      <a:pt x="457" y="175"/>
                    </a:lnTo>
                    <a:lnTo>
                      <a:pt x="463" y="181"/>
                    </a:lnTo>
                    <a:lnTo>
                      <a:pt x="467" y="189"/>
                    </a:lnTo>
                    <a:lnTo>
                      <a:pt x="473" y="196"/>
                    </a:lnTo>
                    <a:lnTo>
                      <a:pt x="480" y="202"/>
                    </a:lnTo>
                    <a:lnTo>
                      <a:pt x="485" y="205"/>
                    </a:lnTo>
                    <a:lnTo>
                      <a:pt x="490" y="207"/>
                    </a:lnTo>
                    <a:lnTo>
                      <a:pt x="495" y="209"/>
                    </a:lnTo>
                    <a:lnTo>
                      <a:pt x="503" y="209"/>
                    </a:lnTo>
                    <a:lnTo>
                      <a:pt x="511" y="210"/>
                    </a:lnTo>
                    <a:lnTo>
                      <a:pt x="517" y="213"/>
                    </a:lnTo>
                    <a:lnTo>
                      <a:pt x="522" y="216"/>
                    </a:lnTo>
                    <a:lnTo>
                      <a:pt x="526" y="222"/>
                    </a:lnTo>
                    <a:lnTo>
                      <a:pt x="533" y="233"/>
                    </a:lnTo>
                    <a:lnTo>
                      <a:pt x="539" y="245"/>
                    </a:lnTo>
                    <a:lnTo>
                      <a:pt x="547" y="251"/>
                    </a:lnTo>
                    <a:lnTo>
                      <a:pt x="556" y="257"/>
                    </a:lnTo>
                    <a:lnTo>
                      <a:pt x="569" y="261"/>
                    </a:lnTo>
                    <a:lnTo>
                      <a:pt x="583" y="264"/>
                    </a:lnTo>
                    <a:lnTo>
                      <a:pt x="612" y="272"/>
                    </a:lnTo>
                    <a:lnTo>
                      <a:pt x="635" y="281"/>
                    </a:lnTo>
                    <a:lnTo>
                      <a:pt x="643" y="286"/>
                    </a:lnTo>
                    <a:lnTo>
                      <a:pt x="649" y="293"/>
                    </a:lnTo>
                    <a:lnTo>
                      <a:pt x="653" y="299"/>
                    </a:lnTo>
                    <a:lnTo>
                      <a:pt x="657" y="306"/>
                    </a:lnTo>
                    <a:lnTo>
                      <a:pt x="661" y="314"/>
                    </a:lnTo>
                    <a:lnTo>
                      <a:pt x="663" y="320"/>
                    </a:lnTo>
                    <a:lnTo>
                      <a:pt x="667" y="328"/>
                    </a:lnTo>
                    <a:lnTo>
                      <a:pt x="673" y="334"/>
                    </a:lnTo>
                    <a:lnTo>
                      <a:pt x="660" y="337"/>
                    </a:lnTo>
                    <a:lnTo>
                      <a:pt x="643" y="340"/>
                    </a:lnTo>
                    <a:lnTo>
                      <a:pt x="635" y="342"/>
                    </a:lnTo>
                    <a:lnTo>
                      <a:pt x="628" y="345"/>
                    </a:lnTo>
                    <a:lnTo>
                      <a:pt x="622" y="347"/>
                    </a:lnTo>
                    <a:lnTo>
                      <a:pt x="618" y="351"/>
                    </a:lnTo>
                    <a:lnTo>
                      <a:pt x="613" y="360"/>
                    </a:lnTo>
                    <a:lnTo>
                      <a:pt x="610" y="365"/>
                    </a:lnTo>
                    <a:lnTo>
                      <a:pt x="604" y="368"/>
                    </a:lnTo>
                    <a:lnTo>
                      <a:pt x="592" y="368"/>
                    </a:lnTo>
                    <a:lnTo>
                      <a:pt x="574" y="367"/>
                    </a:lnTo>
                    <a:lnTo>
                      <a:pt x="547" y="365"/>
                    </a:lnTo>
                    <a:lnTo>
                      <a:pt x="540" y="365"/>
                    </a:lnTo>
                    <a:lnTo>
                      <a:pt x="535" y="367"/>
                    </a:lnTo>
                    <a:lnTo>
                      <a:pt x="530" y="368"/>
                    </a:lnTo>
                    <a:lnTo>
                      <a:pt x="526" y="371"/>
                    </a:lnTo>
                    <a:lnTo>
                      <a:pt x="524" y="373"/>
                    </a:lnTo>
                    <a:lnTo>
                      <a:pt x="522" y="377"/>
                    </a:lnTo>
                    <a:lnTo>
                      <a:pt x="522" y="381"/>
                    </a:lnTo>
                    <a:lnTo>
                      <a:pt x="525" y="386"/>
                    </a:lnTo>
                    <a:lnTo>
                      <a:pt x="540" y="398"/>
                    </a:lnTo>
                    <a:lnTo>
                      <a:pt x="556" y="408"/>
                    </a:lnTo>
                    <a:lnTo>
                      <a:pt x="561" y="424"/>
                    </a:lnTo>
                    <a:lnTo>
                      <a:pt x="566" y="439"/>
                    </a:lnTo>
                    <a:lnTo>
                      <a:pt x="561" y="460"/>
                    </a:lnTo>
                    <a:lnTo>
                      <a:pt x="546" y="465"/>
                    </a:lnTo>
                    <a:lnTo>
                      <a:pt x="526" y="470"/>
                    </a:lnTo>
                    <a:lnTo>
                      <a:pt x="517" y="473"/>
                    </a:lnTo>
                    <a:lnTo>
                      <a:pt x="509" y="478"/>
                    </a:lnTo>
                    <a:lnTo>
                      <a:pt x="503" y="482"/>
                    </a:lnTo>
                    <a:lnTo>
                      <a:pt x="498" y="488"/>
                    </a:lnTo>
                    <a:lnTo>
                      <a:pt x="494" y="492"/>
                    </a:lnTo>
                    <a:lnTo>
                      <a:pt x="491" y="495"/>
                    </a:lnTo>
                    <a:lnTo>
                      <a:pt x="487" y="496"/>
                    </a:lnTo>
                    <a:lnTo>
                      <a:pt x="483" y="498"/>
                    </a:lnTo>
                    <a:lnTo>
                      <a:pt x="478" y="496"/>
                    </a:lnTo>
                    <a:lnTo>
                      <a:pt x="474" y="495"/>
                    </a:lnTo>
                    <a:lnTo>
                      <a:pt x="470" y="494"/>
                    </a:lnTo>
                    <a:lnTo>
                      <a:pt x="467" y="491"/>
                    </a:lnTo>
                    <a:lnTo>
                      <a:pt x="459" y="485"/>
                    </a:lnTo>
                    <a:lnTo>
                      <a:pt x="452" y="477"/>
                    </a:lnTo>
                    <a:lnTo>
                      <a:pt x="447" y="469"/>
                    </a:lnTo>
                    <a:lnTo>
                      <a:pt x="443" y="463"/>
                    </a:lnTo>
                    <a:lnTo>
                      <a:pt x="442" y="454"/>
                    </a:lnTo>
                    <a:lnTo>
                      <a:pt x="438" y="439"/>
                    </a:lnTo>
                    <a:lnTo>
                      <a:pt x="437" y="431"/>
                    </a:lnTo>
                    <a:lnTo>
                      <a:pt x="434" y="426"/>
                    </a:lnTo>
                    <a:lnTo>
                      <a:pt x="433" y="425"/>
                    </a:lnTo>
                    <a:lnTo>
                      <a:pt x="433" y="424"/>
                    </a:lnTo>
                    <a:lnTo>
                      <a:pt x="432" y="424"/>
                    </a:lnTo>
                    <a:lnTo>
                      <a:pt x="432" y="425"/>
                    </a:lnTo>
                    <a:lnTo>
                      <a:pt x="428" y="426"/>
                    </a:lnTo>
                    <a:lnTo>
                      <a:pt x="423" y="429"/>
                    </a:lnTo>
                    <a:lnTo>
                      <a:pt x="419" y="431"/>
                    </a:lnTo>
                    <a:lnTo>
                      <a:pt x="413" y="437"/>
                    </a:lnTo>
                    <a:lnTo>
                      <a:pt x="403" y="448"/>
                    </a:lnTo>
                    <a:lnTo>
                      <a:pt x="391" y="463"/>
                    </a:lnTo>
                    <a:lnTo>
                      <a:pt x="373" y="491"/>
                    </a:lnTo>
                    <a:lnTo>
                      <a:pt x="362" y="511"/>
                    </a:lnTo>
                    <a:lnTo>
                      <a:pt x="347" y="540"/>
                    </a:lnTo>
                    <a:lnTo>
                      <a:pt x="329" y="582"/>
                    </a:lnTo>
                    <a:lnTo>
                      <a:pt x="318" y="602"/>
                    </a:lnTo>
                    <a:lnTo>
                      <a:pt x="307" y="621"/>
                    </a:lnTo>
                    <a:lnTo>
                      <a:pt x="303" y="627"/>
                    </a:lnTo>
                    <a:lnTo>
                      <a:pt x="298" y="634"/>
                    </a:lnTo>
                    <a:lnTo>
                      <a:pt x="293" y="639"/>
                    </a:lnTo>
                    <a:lnTo>
                      <a:pt x="289" y="641"/>
                    </a:lnTo>
                    <a:lnTo>
                      <a:pt x="302" y="654"/>
                    </a:lnTo>
                    <a:lnTo>
                      <a:pt x="318" y="670"/>
                    </a:lnTo>
                    <a:lnTo>
                      <a:pt x="320" y="675"/>
                    </a:lnTo>
                    <a:lnTo>
                      <a:pt x="323" y="683"/>
                    </a:lnTo>
                    <a:lnTo>
                      <a:pt x="323" y="692"/>
                    </a:lnTo>
                    <a:lnTo>
                      <a:pt x="323" y="702"/>
                    </a:lnTo>
                    <a:lnTo>
                      <a:pt x="323" y="711"/>
                    </a:lnTo>
                    <a:lnTo>
                      <a:pt x="321" y="720"/>
                    </a:lnTo>
                    <a:lnTo>
                      <a:pt x="319" y="728"/>
                    </a:lnTo>
                    <a:lnTo>
                      <a:pt x="316" y="735"/>
                    </a:lnTo>
                    <a:lnTo>
                      <a:pt x="311" y="785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05" name="Freeform 124"/>
              <p:cNvSpPr>
                <a:spLocks/>
              </p:cNvSpPr>
              <p:nvPr/>
            </p:nvSpPr>
            <p:spPr bwMode="auto">
              <a:xfrm>
                <a:off x="8291670" y="5428076"/>
                <a:ext cx="306044" cy="355843"/>
              </a:xfrm>
              <a:custGeom>
                <a:avLst/>
                <a:gdLst/>
                <a:ahLst/>
                <a:cxnLst>
                  <a:cxn ang="0">
                    <a:pos x="267" y="773"/>
                  </a:cxn>
                  <a:cxn ang="0">
                    <a:pos x="233" y="746"/>
                  </a:cxn>
                  <a:cxn ang="0">
                    <a:pos x="207" y="698"/>
                  </a:cxn>
                  <a:cxn ang="0">
                    <a:pos x="172" y="666"/>
                  </a:cxn>
                  <a:cxn ang="0">
                    <a:pos x="141" y="615"/>
                  </a:cxn>
                  <a:cxn ang="0">
                    <a:pos x="69" y="578"/>
                  </a:cxn>
                  <a:cxn ang="0">
                    <a:pos x="60" y="564"/>
                  </a:cxn>
                  <a:cxn ang="0">
                    <a:pos x="109" y="540"/>
                  </a:cxn>
                  <a:cxn ang="0">
                    <a:pos x="101" y="503"/>
                  </a:cxn>
                  <a:cxn ang="0">
                    <a:pos x="78" y="514"/>
                  </a:cxn>
                  <a:cxn ang="0">
                    <a:pos x="55" y="547"/>
                  </a:cxn>
                  <a:cxn ang="0">
                    <a:pos x="20" y="540"/>
                  </a:cxn>
                  <a:cxn ang="0">
                    <a:pos x="0" y="456"/>
                  </a:cxn>
                  <a:cxn ang="0">
                    <a:pos x="40" y="391"/>
                  </a:cxn>
                  <a:cxn ang="0">
                    <a:pos x="14" y="356"/>
                  </a:cxn>
                  <a:cxn ang="0">
                    <a:pos x="14" y="275"/>
                  </a:cxn>
                  <a:cxn ang="0">
                    <a:pos x="33" y="244"/>
                  </a:cxn>
                  <a:cxn ang="0">
                    <a:pos x="81" y="240"/>
                  </a:cxn>
                  <a:cxn ang="0">
                    <a:pos x="74" y="192"/>
                  </a:cxn>
                  <a:cxn ang="0">
                    <a:pos x="88" y="166"/>
                  </a:cxn>
                  <a:cxn ang="0">
                    <a:pos x="101" y="115"/>
                  </a:cxn>
                  <a:cxn ang="0">
                    <a:pos x="134" y="93"/>
                  </a:cxn>
                  <a:cxn ang="0">
                    <a:pos x="166" y="102"/>
                  </a:cxn>
                  <a:cxn ang="0">
                    <a:pos x="176" y="119"/>
                  </a:cxn>
                  <a:cxn ang="0">
                    <a:pos x="209" y="105"/>
                  </a:cxn>
                  <a:cxn ang="0">
                    <a:pos x="202" y="77"/>
                  </a:cxn>
                  <a:cxn ang="0">
                    <a:pos x="214" y="16"/>
                  </a:cxn>
                  <a:cxn ang="0">
                    <a:pos x="281" y="36"/>
                  </a:cxn>
                  <a:cxn ang="0">
                    <a:pos x="315" y="61"/>
                  </a:cxn>
                  <a:cxn ang="0">
                    <a:pos x="363" y="95"/>
                  </a:cxn>
                  <a:cxn ang="0">
                    <a:pos x="393" y="147"/>
                  </a:cxn>
                  <a:cxn ang="0">
                    <a:pos x="433" y="167"/>
                  </a:cxn>
                  <a:cxn ang="0">
                    <a:pos x="457" y="175"/>
                  </a:cxn>
                  <a:cxn ang="0">
                    <a:pos x="485" y="205"/>
                  </a:cxn>
                  <a:cxn ang="0">
                    <a:pos x="517" y="213"/>
                  </a:cxn>
                  <a:cxn ang="0">
                    <a:pos x="547" y="251"/>
                  </a:cxn>
                  <a:cxn ang="0">
                    <a:pos x="635" y="281"/>
                  </a:cxn>
                  <a:cxn ang="0">
                    <a:pos x="661" y="314"/>
                  </a:cxn>
                  <a:cxn ang="0">
                    <a:pos x="660" y="337"/>
                  </a:cxn>
                  <a:cxn ang="0">
                    <a:pos x="618" y="351"/>
                  </a:cxn>
                  <a:cxn ang="0">
                    <a:pos x="574" y="367"/>
                  </a:cxn>
                  <a:cxn ang="0">
                    <a:pos x="526" y="371"/>
                  </a:cxn>
                  <a:cxn ang="0">
                    <a:pos x="540" y="398"/>
                  </a:cxn>
                  <a:cxn ang="0">
                    <a:pos x="561" y="460"/>
                  </a:cxn>
                  <a:cxn ang="0">
                    <a:pos x="503" y="482"/>
                  </a:cxn>
                  <a:cxn ang="0">
                    <a:pos x="483" y="498"/>
                  </a:cxn>
                  <a:cxn ang="0">
                    <a:pos x="459" y="485"/>
                  </a:cxn>
                  <a:cxn ang="0">
                    <a:pos x="438" y="439"/>
                  </a:cxn>
                  <a:cxn ang="0">
                    <a:pos x="432" y="424"/>
                  </a:cxn>
                  <a:cxn ang="0">
                    <a:pos x="413" y="437"/>
                  </a:cxn>
                  <a:cxn ang="0">
                    <a:pos x="347" y="540"/>
                  </a:cxn>
                  <a:cxn ang="0">
                    <a:pos x="298" y="634"/>
                  </a:cxn>
                  <a:cxn ang="0">
                    <a:pos x="320" y="675"/>
                  </a:cxn>
                  <a:cxn ang="0">
                    <a:pos x="321" y="720"/>
                  </a:cxn>
                </a:cxnLst>
                <a:rect l="0" t="0" r="r" b="b"/>
                <a:pathLst>
                  <a:path w="673" h="785">
                    <a:moveTo>
                      <a:pt x="311" y="785"/>
                    </a:moveTo>
                    <a:lnTo>
                      <a:pt x="301" y="783"/>
                    </a:lnTo>
                    <a:lnTo>
                      <a:pt x="290" y="781"/>
                    </a:lnTo>
                    <a:lnTo>
                      <a:pt x="277" y="777"/>
                    </a:lnTo>
                    <a:lnTo>
                      <a:pt x="267" y="773"/>
                    </a:lnTo>
                    <a:lnTo>
                      <a:pt x="257" y="770"/>
                    </a:lnTo>
                    <a:lnTo>
                      <a:pt x="250" y="764"/>
                    </a:lnTo>
                    <a:lnTo>
                      <a:pt x="244" y="759"/>
                    </a:lnTo>
                    <a:lnTo>
                      <a:pt x="239" y="753"/>
                    </a:lnTo>
                    <a:lnTo>
                      <a:pt x="233" y="746"/>
                    </a:lnTo>
                    <a:lnTo>
                      <a:pt x="231" y="740"/>
                    </a:lnTo>
                    <a:lnTo>
                      <a:pt x="223" y="726"/>
                    </a:lnTo>
                    <a:lnTo>
                      <a:pt x="217" y="711"/>
                    </a:lnTo>
                    <a:lnTo>
                      <a:pt x="213" y="705"/>
                    </a:lnTo>
                    <a:lnTo>
                      <a:pt x="207" y="698"/>
                    </a:lnTo>
                    <a:lnTo>
                      <a:pt x="201" y="692"/>
                    </a:lnTo>
                    <a:lnTo>
                      <a:pt x="193" y="687"/>
                    </a:lnTo>
                    <a:lnTo>
                      <a:pt x="183" y="679"/>
                    </a:lnTo>
                    <a:lnTo>
                      <a:pt x="176" y="672"/>
                    </a:lnTo>
                    <a:lnTo>
                      <a:pt x="172" y="666"/>
                    </a:lnTo>
                    <a:lnTo>
                      <a:pt x="170" y="661"/>
                    </a:lnTo>
                    <a:lnTo>
                      <a:pt x="166" y="647"/>
                    </a:lnTo>
                    <a:lnTo>
                      <a:pt x="157" y="628"/>
                    </a:lnTo>
                    <a:lnTo>
                      <a:pt x="152" y="622"/>
                    </a:lnTo>
                    <a:lnTo>
                      <a:pt x="141" y="615"/>
                    </a:lnTo>
                    <a:lnTo>
                      <a:pt x="128" y="609"/>
                    </a:lnTo>
                    <a:lnTo>
                      <a:pt x="113" y="601"/>
                    </a:lnTo>
                    <a:lnTo>
                      <a:pt x="97" y="593"/>
                    </a:lnTo>
                    <a:lnTo>
                      <a:pt x="82" y="586"/>
                    </a:lnTo>
                    <a:lnTo>
                      <a:pt x="69" y="578"/>
                    </a:lnTo>
                    <a:lnTo>
                      <a:pt x="58" y="571"/>
                    </a:lnTo>
                    <a:lnTo>
                      <a:pt x="57" y="569"/>
                    </a:lnTo>
                    <a:lnTo>
                      <a:pt x="57" y="568"/>
                    </a:lnTo>
                    <a:lnTo>
                      <a:pt x="57" y="565"/>
                    </a:lnTo>
                    <a:lnTo>
                      <a:pt x="60" y="564"/>
                    </a:lnTo>
                    <a:lnTo>
                      <a:pt x="65" y="560"/>
                    </a:lnTo>
                    <a:lnTo>
                      <a:pt x="74" y="556"/>
                    </a:lnTo>
                    <a:lnTo>
                      <a:pt x="91" y="549"/>
                    </a:lnTo>
                    <a:lnTo>
                      <a:pt x="101" y="547"/>
                    </a:lnTo>
                    <a:lnTo>
                      <a:pt x="109" y="540"/>
                    </a:lnTo>
                    <a:lnTo>
                      <a:pt x="114" y="535"/>
                    </a:lnTo>
                    <a:lnTo>
                      <a:pt x="115" y="531"/>
                    </a:lnTo>
                    <a:lnTo>
                      <a:pt x="114" y="527"/>
                    </a:lnTo>
                    <a:lnTo>
                      <a:pt x="108" y="517"/>
                    </a:lnTo>
                    <a:lnTo>
                      <a:pt x="101" y="503"/>
                    </a:lnTo>
                    <a:lnTo>
                      <a:pt x="96" y="501"/>
                    </a:lnTo>
                    <a:lnTo>
                      <a:pt x="92" y="503"/>
                    </a:lnTo>
                    <a:lnTo>
                      <a:pt x="88" y="504"/>
                    </a:lnTo>
                    <a:lnTo>
                      <a:pt x="84" y="507"/>
                    </a:lnTo>
                    <a:lnTo>
                      <a:pt x="78" y="514"/>
                    </a:lnTo>
                    <a:lnTo>
                      <a:pt x="73" y="523"/>
                    </a:lnTo>
                    <a:lnTo>
                      <a:pt x="68" y="533"/>
                    </a:lnTo>
                    <a:lnTo>
                      <a:pt x="61" y="542"/>
                    </a:lnTo>
                    <a:lnTo>
                      <a:pt x="57" y="544"/>
                    </a:lnTo>
                    <a:lnTo>
                      <a:pt x="55" y="547"/>
                    </a:lnTo>
                    <a:lnTo>
                      <a:pt x="49" y="549"/>
                    </a:lnTo>
                    <a:lnTo>
                      <a:pt x="46" y="549"/>
                    </a:lnTo>
                    <a:lnTo>
                      <a:pt x="35" y="548"/>
                    </a:lnTo>
                    <a:lnTo>
                      <a:pt x="26" y="545"/>
                    </a:lnTo>
                    <a:lnTo>
                      <a:pt x="20" y="540"/>
                    </a:lnTo>
                    <a:lnTo>
                      <a:pt x="13" y="535"/>
                    </a:lnTo>
                    <a:lnTo>
                      <a:pt x="13" y="535"/>
                    </a:lnTo>
                    <a:lnTo>
                      <a:pt x="16" y="505"/>
                    </a:lnTo>
                    <a:lnTo>
                      <a:pt x="0" y="456"/>
                    </a:lnTo>
                    <a:lnTo>
                      <a:pt x="0" y="456"/>
                    </a:lnTo>
                    <a:lnTo>
                      <a:pt x="38" y="443"/>
                    </a:lnTo>
                    <a:lnTo>
                      <a:pt x="42" y="429"/>
                    </a:lnTo>
                    <a:lnTo>
                      <a:pt x="44" y="416"/>
                    </a:lnTo>
                    <a:lnTo>
                      <a:pt x="43" y="403"/>
                    </a:lnTo>
                    <a:lnTo>
                      <a:pt x="40" y="391"/>
                    </a:lnTo>
                    <a:lnTo>
                      <a:pt x="36" y="380"/>
                    </a:lnTo>
                    <a:lnTo>
                      <a:pt x="29" y="369"/>
                    </a:lnTo>
                    <a:lnTo>
                      <a:pt x="25" y="364"/>
                    </a:lnTo>
                    <a:lnTo>
                      <a:pt x="20" y="360"/>
                    </a:lnTo>
                    <a:lnTo>
                      <a:pt x="14" y="356"/>
                    </a:lnTo>
                    <a:lnTo>
                      <a:pt x="8" y="352"/>
                    </a:lnTo>
                    <a:lnTo>
                      <a:pt x="8" y="333"/>
                    </a:lnTo>
                    <a:lnTo>
                      <a:pt x="9" y="314"/>
                    </a:lnTo>
                    <a:lnTo>
                      <a:pt x="12" y="293"/>
                    </a:lnTo>
                    <a:lnTo>
                      <a:pt x="14" y="275"/>
                    </a:lnTo>
                    <a:lnTo>
                      <a:pt x="18" y="261"/>
                    </a:lnTo>
                    <a:lnTo>
                      <a:pt x="22" y="251"/>
                    </a:lnTo>
                    <a:lnTo>
                      <a:pt x="26" y="249"/>
                    </a:lnTo>
                    <a:lnTo>
                      <a:pt x="29" y="246"/>
                    </a:lnTo>
                    <a:lnTo>
                      <a:pt x="33" y="244"/>
                    </a:lnTo>
                    <a:lnTo>
                      <a:pt x="35" y="242"/>
                    </a:lnTo>
                    <a:lnTo>
                      <a:pt x="55" y="241"/>
                    </a:lnTo>
                    <a:lnTo>
                      <a:pt x="79" y="241"/>
                    </a:lnTo>
                    <a:lnTo>
                      <a:pt x="79" y="240"/>
                    </a:lnTo>
                    <a:lnTo>
                      <a:pt x="81" y="240"/>
                    </a:lnTo>
                    <a:lnTo>
                      <a:pt x="81" y="229"/>
                    </a:lnTo>
                    <a:lnTo>
                      <a:pt x="78" y="220"/>
                    </a:lnTo>
                    <a:lnTo>
                      <a:pt x="75" y="209"/>
                    </a:lnTo>
                    <a:lnTo>
                      <a:pt x="74" y="198"/>
                    </a:lnTo>
                    <a:lnTo>
                      <a:pt x="74" y="192"/>
                    </a:lnTo>
                    <a:lnTo>
                      <a:pt x="75" y="188"/>
                    </a:lnTo>
                    <a:lnTo>
                      <a:pt x="77" y="184"/>
                    </a:lnTo>
                    <a:lnTo>
                      <a:pt x="79" y="180"/>
                    </a:lnTo>
                    <a:lnTo>
                      <a:pt x="83" y="174"/>
                    </a:lnTo>
                    <a:lnTo>
                      <a:pt x="88" y="166"/>
                    </a:lnTo>
                    <a:lnTo>
                      <a:pt x="92" y="150"/>
                    </a:lnTo>
                    <a:lnTo>
                      <a:pt x="93" y="134"/>
                    </a:lnTo>
                    <a:lnTo>
                      <a:pt x="96" y="126"/>
                    </a:lnTo>
                    <a:lnTo>
                      <a:pt x="99" y="118"/>
                    </a:lnTo>
                    <a:lnTo>
                      <a:pt x="101" y="115"/>
                    </a:lnTo>
                    <a:lnTo>
                      <a:pt x="105" y="112"/>
                    </a:lnTo>
                    <a:lnTo>
                      <a:pt x="109" y="109"/>
                    </a:lnTo>
                    <a:lnTo>
                      <a:pt x="113" y="106"/>
                    </a:lnTo>
                    <a:lnTo>
                      <a:pt x="123" y="101"/>
                    </a:lnTo>
                    <a:lnTo>
                      <a:pt x="134" y="93"/>
                    </a:lnTo>
                    <a:lnTo>
                      <a:pt x="139" y="92"/>
                    </a:lnTo>
                    <a:lnTo>
                      <a:pt x="144" y="91"/>
                    </a:lnTo>
                    <a:lnTo>
                      <a:pt x="150" y="92"/>
                    </a:lnTo>
                    <a:lnTo>
                      <a:pt x="158" y="96"/>
                    </a:lnTo>
                    <a:lnTo>
                      <a:pt x="166" y="102"/>
                    </a:lnTo>
                    <a:lnTo>
                      <a:pt x="170" y="109"/>
                    </a:lnTo>
                    <a:lnTo>
                      <a:pt x="172" y="114"/>
                    </a:lnTo>
                    <a:lnTo>
                      <a:pt x="174" y="118"/>
                    </a:lnTo>
                    <a:lnTo>
                      <a:pt x="175" y="119"/>
                    </a:lnTo>
                    <a:lnTo>
                      <a:pt x="176" y="119"/>
                    </a:lnTo>
                    <a:lnTo>
                      <a:pt x="179" y="119"/>
                    </a:lnTo>
                    <a:lnTo>
                      <a:pt x="182" y="119"/>
                    </a:lnTo>
                    <a:lnTo>
                      <a:pt x="191" y="115"/>
                    </a:lnTo>
                    <a:lnTo>
                      <a:pt x="205" y="108"/>
                    </a:lnTo>
                    <a:lnTo>
                      <a:pt x="209" y="105"/>
                    </a:lnTo>
                    <a:lnTo>
                      <a:pt x="210" y="101"/>
                    </a:lnTo>
                    <a:lnTo>
                      <a:pt x="211" y="99"/>
                    </a:lnTo>
                    <a:lnTo>
                      <a:pt x="211" y="95"/>
                    </a:lnTo>
                    <a:lnTo>
                      <a:pt x="207" y="86"/>
                    </a:lnTo>
                    <a:lnTo>
                      <a:pt x="202" y="77"/>
                    </a:lnTo>
                    <a:lnTo>
                      <a:pt x="185" y="58"/>
                    </a:lnTo>
                    <a:lnTo>
                      <a:pt x="172" y="45"/>
                    </a:lnTo>
                    <a:lnTo>
                      <a:pt x="165" y="14"/>
                    </a:lnTo>
                    <a:lnTo>
                      <a:pt x="191" y="0"/>
                    </a:lnTo>
                    <a:lnTo>
                      <a:pt x="214" y="16"/>
                    </a:lnTo>
                    <a:lnTo>
                      <a:pt x="271" y="10"/>
                    </a:lnTo>
                    <a:lnTo>
                      <a:pt x="271" y="10"/>
                    </a:lnTo>
                    <a:lnTo>
                      <a:pt x="274" y="21"/>
                    </a:lnTo>
                    <a:lnTo>
                      <a:pt x="277" y="29"/>
                    </a:lnTo>
                    <a:lnTo>
                      <a:pt x="281" y="36"/>
                    </a:lnTo>
                    <a:lnTo>
                      <a:pt x="286" y="43"/>
                    </a:lnTo>
                    <a:lnTo>
                      <a:pt x="293" y="48"/>
                    </a:lnTo>
                    <a:lnTo>
                      <a:pt x="299" y="53"/>
                    </a:lnTo>
                    <a:lnTo>
                      <a:pt x="307" y="57"/>
                    </a:lnTo>
                    <a:lnTo>
                      <a:pt x="315" y="61"/>
                    </a:lnTo>
                    <a:lnTo>
                      <a:pt x="331" y="67"/>
                    </a:lnTo>
                    <a:lnTo>
                      <a:pt x="345" y="77"/>
                    </a:lnTo>
                    <a:lnTo>
                      <a:pt x="351" y="82"/>
                    </a:lnTo>
                    <a:lnTo>
                      <a:pt x="358" y="88"/>
                    </a:lnTo>
                    <a:lnTo>
                      <a:pt x="363" y="95"/>
                    </a:lnTo>
                    <a:lnTo>
                      <a:pt x="367" y="104"/>
                    </a:lnTo>
                    <a:lnTo>
                      <a:pt x="371" y="115"/>
                    </a:lnTo>
                    <a:lnTo>
                      <a:pt x="377" y="126"/>
                    </a:lnTo>
                    <a:lnTo>
                      <a:pt x="385" y="137"/>
                    </a:lnTo>
                    <a:lnTo>
                      <a:pt x="393" y="147"/>
                    </a:lnTo>
                    <a:lnTo>
                      <a:pt x="403" y="154"/>
                    </a:lnTo>
                    <a:lnTo>
                      <a:pt x="415" y="161"/>
                    </a:lnTo>
                    <a:lnTo>
                      <a:pt x="420" y="163"/>
                    </a:lnTo>
                    <a:lnTo>
                      <a:pt x="426" y="166"/>
                    </a:lnTo>
                    <a:lnTo>
                      <a:pt x="433" y="167"/>
                    </a:lnTo>
                    <a:lnTo>
                      <a:pt x="441" y="167"/>
                    </a:lnTo>
                    <a:lnTo>
                      <a:pt x="446" y="169"/>
                    </a:lnTo>
                    <a:lnTo>
                      <a:pt x="450" y="170"/>
                    </a:lnTo>
                    <a:lnTo>
                      <a:pt x="454" y="172"/>
                    </a:lnTo>
                    <a:lnTo>
                      <a:pt x="457" y="175"/>
                    </a:lnTo>
                    <a:lnTo>
                      <a:pt x="463" y="181"/>
                    </a:lnTo>
                    <a:lnTo>
                      <a:pt x="467" y="189"/>
                    </a:lnTo>
                    <a:lnTo>
                      <a:pt x="473" y="196"/>
                    </a:lnTo>
                    <a:lnTo>
                      <a:pt x="480" y="202"/>
                    </a:lnTo>
                    <a:lnTo>
                      <a:pt x="485" y="205"/>
                    </a:lnTo>
                    <a:lnTo>
                      <a:pt x="490" y="207"/>
                    </a:lnTo>
                    <a:lnTo>
                      <a:pt x="495" y="209"/>
                    </a:lnTo>
                    <a:lnTo>
                      <a:pt x="503" y="209"/>
                    </a:lnTo>
                    <a:lnTo>
                      <a:pt x="511" y="210"/>
                    </a:lnTo>
                    <a:lnTo>
                      <a:pt x="517" y="213"/>
                    </a:lnTo>
                    <a:lnTo>
                      <a:pt x="522" y="216"/>
                    </a:lnTo>
                    <a:lnTo>
                      <a:pt x="526" y="222"/>
                    </a:lnTo>
                    <a:lnTo>
                      <a:pt x="533" y="233"/>
                    </a:lnTo>
                    <a:lnTo>
                      <a:pt x="539" y="245"/>
                    </a:lnTo>
                    <a:lnTo>
                      <a:pt x="547" y="251"/>
                    </a:lnTo>
                    <a:lnTo>
                      <a:pt x="556" y="257"/>
                    </a:lnTo>
                    <a:lnTo>
                      <a:pt x="569" y="261"/>
                    </a:lnTo>
                    <a:lnTo>
                      <a:pt x="583" y="264"/>
                    </a:lnTo>
                    <a:lnTo>
                      <a:pt x="612" y="272"/>
                    </a:lnTo>
                    <a:lnTo>
                      <a:pt x="635" y="281"/>
                    </a:lnTo>
                    <a:lnTo>
                      <a:pt x="643" y="286"/>
                    </a:lnTo>
                    <a:lnTo>
                      <a:pt x="649" y="293"/>
                    </a:lnTo>
                    <a:lnTo>
                      <a:pt x="653" y="299"/>
                    </a:lnTo>
                    <a:lnTo>
                      <a:pt x="657" y="306"/>
                    </a:lnTo>
                    <a:lnTo>
                      <a:pt x="661" y="314"/>
                    </a:lnTo>
                    <a:lnTo>
                      <a:pt x="663" y="320"/>
                    </a:lnTo>
                    <a:lnTo>
                      <a:pt x="667" y="328"/>
                    </a:lnTo>
                    <a:lnTo>
                      <a:pt x="673" y="334"/>
                    </a:lnTo>
                    <a:lnTo>
                      <a:pt x="673" y="334"/>
                    </a:lnTo>
                    <a:lnTo>
                      <a:pt x="660" y="337"/>
                    </a:lnTo>
                    <a:lnTo>
                      <a:pt x="643" y="340"/>
                    </a:lnTo>
                    <a:lnTo>
                      <a:pt x="635" y="342"/>
                    </a:lnTo>
                    <a:lnTo>
                      <a:pt x="628" y="345"/>
                    </a:lnTo>
                    <a:lnTo>
                      <a:pt x="622" y="347"/>
                    </a:lnTo>
                    <a:lnTo>
                      <a:pt x="618" y="351"/>
                    </a:lnTo>
                    <a:lnTo>
                      <a:pt x="613" y="360"/>
                    </a:lnTo>
                    <a:lnTo>
                      <a:pt x="610" y="365"/>
                    </a:lnTo>
                    <a:lnTo>
                      <a:pt x="604" y="368"/>
                    </a:lnTo>
                    <a:lnTo>
                      <a:pt x="592" y="368"/>
                    </a:lnTo>
                    <a:lnTo>
                      <a:pt x="574" y="367"/>
                    </a:lnTo>
                    <a:lnTo>
                      <a:pt x="547" y="365"/>
                    </a:lnTo>
                    <a:lnTo>
                      <a:pt x="540" y="365"/>
                    </a:lnTo>
                    <a:lnTo>
                      <a:pt x="535" y="367"/>
                    </a:lnTo>
                    <a:lnTo>
                      <a:pt x="530" y="368"/>
                    </a:lnTo>
                    <a:lnTo>
                      <a:pt x="526" y="371"/>
                    </a:lnTo>
                    <a:lnTo>
                      <a:pt x="524" y="373"/>
                    </a:lnTo>
                    <a:lnTo>
                      <a:pt x="522" y="377"/>
                    </a:lnTo>
                    <a:lnTo>
                      <a:pt x="522" y="381"/>
                    </a:lnTo>
                    <a:lnTo>
                      <a:pt x="525" y="386"/>
                    </a:lnTo>
                    <a:lnTo>
                      <a:pt x="540" y="398"/>
                    </a:lnTo>
                    <a:lnTo>
                      <a:pt x="556" y="408"/>
                    </a:lnTo>
                    <a:lnTo>
                      <a:pt x="561" y="424"/>
                    </a:lnTo>
                    <a:lnTo>
                      <a:pt x="566" y="439"/>
                    </a:lnTo>
                    <a:lnTo>
                      <a:pt x="561" y="460"/>
                    </a:lnTo>
                    <a:lnTo>
                      <a:pt x="561" y="460"/>
                    </a:lnTo>
                    <a:lnTo>
                      <a:pt x="546" y="465"/>
                    </a:lnTo>
                    <a:lnTo>
                      <a:pt x="526" y="470"/>
                    </a:lnTo>
                    <a:lnTo>
                      <a:pt x="517" y="473"/>
                    </a:lnTo>
                    <a:lnTo>
                      <a:pt x="509" y="478"/>
                    </a:lnTo>
                    <a:lnTo>
                      <a:pt x="503" y="482"/>
                    </a:lnTo>
                    <a:lnTo>
                      <a:pt x="498" y="488"/>
                    </a:lnTo>
                    <a:lnTo>
                      <a:pt x="494" y="492"/>
                    </a:lnTo>
                    <a:lnTo>
                      <a:pt x="491" y="495"/>
                    </a:lnTo>
                    <a:lnTo>
                      <a:pt x="487" y="496"/>
                    </a:lnTo>
                    <a:lnTo>
                      <a:pt x="483" y="498"/>
                    </a:lnTo>
                    <a:lnTo>
                      <a:pt x="478" y="496"/>
                    </a:lnTo>
                    <a:lnTo>
                      <a:pt x="474" y="495"/>
                    </a:lnTo>
                    <a:lnTo>
                      <a:pt x="470" y="494"/>
                    </a:lnTo>
                    <a:lnTo>
                      <a:pt x="467" y="491"/>
                    </a:lnTo>
                    <a:lnTo>
                      <a:pt x="459" y="485"/>
                    </a:lnTo>
                    <a:lnTo>
                      <a:pt x="452" y="477"/>
                    </a:lnTo>
                    <a:lnTo>
                      <a:pt x="447" y="469"/>
                    </a:lnTo>
                    <a:lnTo>
                      <a:pt x="443" y="463"/>
                    </a:lnTo>
                    <a:lnTo>
                      <a:pt x="442" y="454"/>
                    </a:lnTo>
                    <a:lnTo>
                      <a:pt x="438" y="439"/>
                    </a:lnTo>
                    <a:lnTo>
                      <a:pt x="437" y="431"/>
                    </a:lnTo>
                    <a:lnTo>
                      <a:pt x="434" y="426"/>
                    </a:lnTo>
                    <a:lnTo>
                      <a:pt x="433" y="425"/>
                    </a:lnTo>
                    <a:lnTo>
                      <a:pt x="433" y="424"/>
                    </a:lnTo>
                    <a:lnTo>
                      <a:pt x="432" y="424"/>
                    </a:lnTo>
                    <a:lnTo>
                      <a:pt x="432" y="425"/>
                    </a:lnTo>
                    <a:lnTo>
                      <a:pt x="428" y="426"/>
                    </a:lnTo>
                    <a:lnTo>
                      <a:pt x="423" y="429"/>
                    </a:lnTo>
                    <a:lnTo>
                      <a:pt x="419" y="431"/>
                    </a:lnTo>
                    <a:lnTo>
                      <a:pt x="413" y="437"/>
                    </a:lnTo>
                    <a:lnTo>
                      <a:pt x="403" y="448"/>
                    </a:lnTo>
                    <a:lnTo>
                      <a:pt x="391" y="463"/>
                    </a:lnTo>
                    <a:lnTo>
                      <a:pt x="373" y="491"/>
                    </a:lnTo>
                    <a:lnTo>
                      <a:pt x="362" y="511"/>
                    </a:lnTo>
                    <a:lnTo>
                      <a:pt x="347" y="540"/>
                    </a:lnTo>
                    <a:lnTo>
                      <a:pt x="329" y="582"/>
                    </a:lnTo>
                    <a:lnTo>
                      <a:pt x="318" y="602"/>
                    </a:lnTo>
                    <a:lnTo>
                      <a:pt x="307" y="621"/>
                    </a:lnTo>
                    <a:lnTo>
                      <a:pt x="303" y="627"/>
                    </a:lnTo>
                    <a:lnTo>
                      <a:pt x="298" y="634"/>
                    </a:lnTo>
                    <a:lnTo>
                      <a:pt x="293" y="639"/>
                    </a:lnTo>
                    <a:lnTo>
                      <a:pt x="289" y="641"/>
                    </a:lnTo>
                    <a:lnTo>
                      <a:pt x="302" y="654"/>
                    </a:lnTo>
                    <a:lnTo>
                      <a:pt x="318" y="670"/>
                    </a:lnTo>
                    <a:lnTo>
                      <a:pt x="320" y="675"/>
                    </a:lnTo>
                    <a:lnTo>
                      <a:pt x="323" y="683"/>
                    </a:lnTo>
                    <a:lnTo>
                      <a:pt x="323" y="692"/>
                    </a:lnTo>
                    <a:lnTo>
                      <a:pt x="323" y="702"/>
                    </a:lnTo>
                    <a:lnTo>
                      <a:pt x="323" y="711"/>
                    </a:lnTo>
                    <a:lnTo>
                      <a:pt x="321" y="720"/>
                    </a:lnTo>
                    <a:lnTo>
                      <a:pt x="319" y="728"/>
                    </a:lnTo>
                    <a:lnTo>
                      <a:pt x="316" y="735"/>
                    </a:lnTo>
                    <a:lnTo>
                      <a:pt x="311" y="785"/>
                    </a:lnTo>
                    <a:lnTo>
                      <a:pt x="311" y="785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06" name="Freeform 125"/>
              <p:cNvSpPr>
                <a:spLocks/>
              </p:cNvSpPr>
              <p:nvPr/>
            </p:nvSpPr>
            <p:spPr bwMode="auto">
              <a:xfrm>
                <a:off x="7887255" y="5066815"/>
                <a:ext cx="573833" cy="567180"/>
              </a:xfrm>
              <a:custGeom>
                <a:avLst/>
                <a:gdLst/>
                <a:ahLst/>
                <a:cxnLst>
                  <a:cxn ang="0">
                    <a:pos x="723" y="1142"/>
                  </a:cxn>
                  <a:cxn ang="0">
                    <a:pos x="819" y="1221"/>
                  </a:cxn>
                  <a:cxn ang="0">
                    <a:pos x="861" y="1233"/>
                  </a:cxn>
                  <a:cxn ang="0">
                    <a:pos x="933" y="1216"/>
                  </a:cxn>
                  <a:cxn ang="0">
                    <a:pos x="909" y="1160"/>
                  </a:cxn>
                  <a:cxn ang="0">
                    <a:pos x="903" y="1075"/>
                  </a:cxn>
                  <a:cxn ang="0">
                    <a:pos x="924" y="1042"/>
                  </a:cxn>
                  <a:cxn ang="0">
                    <a:pos x="967" y="1020"/>
                  </a:cxn>
                  <a:cxn ang="0">
                    <a:pos x="968" y="980"/>
                  </a:cxn>
                  <a:cxn ang="0">
                    <a:pos x="988" y="918"/>
                  </a:cxn>
                  <a:cxn ang="0">
                    <a:pos x="1023" y="893"/>
                  </a:cxn>
                  <a:cxn ang="0">
                    <a:pos x="1059" y="909"/>
                  </a:cxn>
                  <a:cxn ang="0">
                    <a:pos x="1071" y="919"/>
                  </a:cxn>
                  <a:cxn ang="0">
                    <a:pos x="1100" y="895"/>
                  </a:cxn>
                  <a:cxn ang="0">
                    <a:pos x="1080" y="800"/>
                  </a:cxn>
                  <a:cxn ang="0">
                    <a:pos x="1244" y="763"/>
                  </a:cxn>
                  <a:cxn ang="0">
                    <a:pos x="1213" y="696"/>
                  </a:cxn>
                  <a:cxn ang="0">
                    <a:pos x="1179" y="637"/>
                  </a:cxn>
                  <a:cxn ang="0">
                    <a:pos x="1244" y="619"/>
                  </a:cxn>
                  <a:cxn ang="0">
                    <a:pos x="1260" y="603"/>
                  </a:cxn>
                  <a:cxn ang="0">
                    <a:pos x="1220" y="548"/>
                  </a:cxn>
                  <a:cxn ang="0">
                    <a:pos x="1147" y="471"/>
                  </a:cxn>
                  <a:cxn ang="0">
                    <a:pos x="1129" y="402"/>
                  </a:cxn>
                  <a:cxn ang="0">
                    <a:pos x="1152" y="327"/>
                  </a:cxn>
                  <a:cxn ang="0">
                    <a:pos x="1146" y="182"/>
                  </a:cxn>
                  <a:cxn ang="0">
                    <a:pos x="1060" y="168"/>
                  </a:cxn>
                  <a:cxn ang="0">
                    <a:pos x="1036" y="111"/>
                  </a:cxn>
                  <a:cxn ang="0">
                    <a:pos x="1014" y="66"/>
                  </a:cxn>
                  <a:cxn ang="0">
                    <a:pos x="885" y="68"/>
                  </a:cxn>
                  <a:cxn ang="0">
                    <a:pos x="817" y="57"/>
                  </a:cxn>
                  <a:cxn ang="0">
                    <a:pos x="752" y="60"/>
                  </a:cxn>
                  <a:cxn ang="0">
                    <a:pos x="672" y="58"/>
                  </a:cxn>
                  <a:cxn ang="0">
                    <a:pos x="608" y="51"/>
                  </a:cxn>
                  <a:cxn ang="0">
                    <a:pos x="559" y="40"/>
                  </a:cxn>
                  <a:cxn ang="0">
                    <a:pos x="438" y="2"/>
                  </a:cxn>
                  <a:cxn ang="0">
                    <a:pos x="363" y="5"/>
                  </a:cxn>
                  <a:cxn ang="0">
                    <a:pos x="288" y="45"/>
                  </a:cxn>
                  <a:cxn ang="0">
                    <a:pos x="208" y="103"/>
                  </a:cxn>
                  <a:cxn ang="0">
                    <a:pos x="149" y="73"/>
                  </a:cxn>
                  <a:cxn ang="0">
                    <a:pos x="70" y="13"/>
                  </a:cxn>
                  <a:cxn ang="0">
                    <a:pos x="32" y="57"/>
                  </a:cxn>
                  <a:cxn ang="0">
                    <a:pos x="7" y="127"/>
                  </a:cxn>
                  <a:cxn ang="0">
                    <a:pos x="4" y="212"/>
                  </a:cxn>
                  <a:cxn ang="0">
                    <a:pos x="65" y="273"/>
                  </a:cxn>
                  <a:cxn ang="0">
                    <a:pos x="100" y="339"/>
                  </a:cxn>
                  <a:cxn ang="0">
                    <a:pos x="138" y="462"/>
                  </a:cxn>
                  <a:cxn ang="0">
                    <a:pos x="192" y="544"/>
                  </a:cxn>
                  <a:cxn ang="0">
                    <a:pos x="282" y="633"/>
                  </a:cxn>
                  <a:cxn ang="0">
                    <a:pos x="337" y="721"/>
                  </a:cxn>
                  <a:cxn ang="0">
                    <a:pos x="459" y="830"/>
                  </a:cxn>
                  <a:cxn ang="0">
                    <a:pos x="504" y="844"/>
                  </a:cxn>
                  <a:cxn ang="0">
                    <a:pos x="513" y="874"/>
                  </a:cxn>
                  <a:cxn ang="0">
                    <a:pos x="538" y="931"/>
                  </a:cxn>
                  <a:cxn ang="0">
                    <a:pos x="583" y="987"/>
                  </a:cxn>
                  <a:cxn ang="0">
                    <a:pos x="629" y="1031"/>
                  </a:cxn>
                  <a:cxn ang="0">
                    <a:pos x="617" y="1094"/>
                  </a:cxn>
                </a:cxnLst>
                <a:rect l="0" t="0" r="r" b="b"/>
                <a:pathLst>
                  <a:path w="1260" h="1256">
                    <a:moveTo>
                      <a:pt x="633" y="1106"/>
                    </a:moveTo>
                    <a:lnTo>
                      <a:pt x="686" y="1101"/>
                    </a:lnTo>
                    <a:lnTo>
                      <a:pt x="695" y="1112"/>
                    </a:lnTo>
                    <a:lnTo>
                      <a:pt x="704" y="1123"/>
                    </a:lnTo>
                    <a:lnTo>
                      <a:pt x="713" y="1132"/>
                    </a:lnTo>
                    <a:lnTo>
                      <a:pt x="723" y="1142"/>
                    </a:lnTo>
                    <a:lnTo>
                      <a:pt x="743" y="1160"/>
                    </a:lnTo>
                    <a:lnTo>
                      <a:pt x="762" y="1174"/>
                    </a:lnTo>
                    <a:lnTo>
                      <a:pt x="783" y="1190"/>
                    </a:lnTo>
                    <a:lnTo>
                      <a:pt x="804" y="1206"/>
                    </a:lnTo>
                    <a:lnTo>
                      <a:pt x="811" y="1213"/>
                    </a:lnTo>
                    <a:lnTo>
                      <a:pt x="819" y="1221"/>
                    </a:lnTo>
                    <a:lnTo>
                      <a:pt x="823" y="1224"/>
                    </a:lnTo>
                    <a:lnTo>
                      <a:pt x="827" y="1226"/>
                    </a:lnTo>
                    <a:lnTo>
                      <a:pt x="833" y="1228"/>
                    </a:lnTo>
                    <a:lnTo>
                      <a:pt x="839" y="1229"/>
                    </a:lnTo>
                    <a:lnTo>
                      <a:pt x="850" y="1230"/>
                    </a:lnTo>
                    <a:lnTo>
                      <a:pt x="861" y="1233"/>
                    </a:lnTo>
                    <a:lnTo>
                      <a:pt x="871" y="1238"/>
                    </a:lnTo>
                    <a:lnTo>
                      <a:pt x="879" y="1244"/>
                    </a:lnTo>
                    <a:lnTo>
                      <a:pt x="889" y="1256"/>
                    </a:lnTo>
                    <a:lnTo>
                      <a:pt x="927" y="1243"/>
                    </a:lnTo>
                    <a:lnTo>
                      <a:pt x="931" y="1229"/>
                    </a:lnTo>
                    <a:lnTo>
                      <a:pt x="933" y="1216"/>
                    </a:lnTo>
                    <a:lnTo>
                      <a:pt x="932" y="1203"/>
                    </a:lnTo>
                    <a:lnTo>
                      <a:pt x="929" y="1191"/>
                    </a:lnTo>
                    <a:lnTo>
                      <a:pt x="925" y="1180"/>
                    </a:lnTo>
                    <a:lnTo>
                      <a:pt x="918" y="1169"/>
                    </a:lnTo>
                    <a:lnTo>
                      <a:pt x="914" y="1164"/>
                    </a:lnTo>
                    <a:lnTo>
                      <a:pt x="909" y="1160"/>
                    </a:lnTo>
                    <a:lnTo>
                      <a:pt x="903" y="1156"/>
                    </a:lnTo>
                    <a:lnTo>
                      <a:pt x="897" y="1152"/>
                    </a:lnTo>
                    <a:lnTo>
                      <a:pt x="897" y="1133"/>
                    </a:lnTo>
                    <a:lnTo>
                      <a:pt x="898" y="1114"/>
                    </a:lnTo>
                    <a:lnTo>
                      <a:pt x="901" y="1093"/>
                    </a:lnTo>
                    <a:lnTo>
                      <a:pt x="903" y="1075"/>
                    </a:lnTo>
                    <a:lnTo>
                      <a:pt x="907" y="1061"/>
                    </a:lnTo>
                    <a:lnTo>
                      <a:pt x="911" y="1051"/>
                    </a:lnTo>
                    <a:lnTo>
                      <a:pt x="915" y="1049"/>
                    </a:lnTo>
                    <a:lnTo>
                      <a:pt x="918" y="1046"/>
                    </a:lnTo>
                    <a:lnTo>
                      <a:pt x="922" y="1044"/>
                    </a:lnTo>
                    <a:lnTo>
                      <a:pt x="924" y="1042"/>
                    </a:lnTo>
                    <a:lnTo>
                      <a:pt x="944" y="1041"/>
                    </a:lnTo>
                    <a:lnTo>
                      <a:pt x="968" y="1041"/>
                    </a:lnTo>
                    <a:lnTo>
                      <a:pt x="968" y="1040"/>
                    </a:lnTo>
                    <a:lnTo>
                      <a:pt x="970" y="1040"/>
                    </a:lnTo>
                    <a:lnTo>
                      <a:pt x="970" y="1029"/>
                    </a:lnTo>
                    <a:lnTo>
                      <a:pt x="967" y="1020"/>
                    </a:lnTo>
                    <a:lnTo>
                      <a:pt x="964" y="1009"/>
                    </a:lnTo>
                    <a:lnTo>
                      <a:pt x="963" y="998"/>
                    </a:lnTo>
                    <a:lnTo>
                      <a:pt x="963" y="992"/>
                    </a:lnTo>
                    <a:lnTo>
                      <a:pt x="964" y="988"/>
                    </a:lnTo>
                    <a:lnTo>
                      <a:pt x="966" y="984"/>
                    </a:lnTo>
                    <a:lnTo>
                      <a:pt x="968" y="980"/>
                    </a:lnTo>
                    <a:lnTo>
                      <a:pt x="972" y="974"/>
                    </a:lnTo>
                    <a:lnTo>
                      <a:pt x="977" y="966"/>
                    </a:lnTo>
                    <a:lnTo>
                      <a:pt x="981" y="950"/>
                    </a:lnTo>
                    <a:lnTo>
                      <a:pt x="982" y="934"/>
                    </a:lnTo>
                    <a:lnTo>
                      <a:pt x="985" y="926"/>
                    </a:lnTo>
                    <a:lnTo>
                      <a:pt x="988" y="918"/>
                    </a:lnTo>
                    <a:lnTo>
                      <a:pt x="990" y="915"/>
                    </a:lnTo>
                    <a:lnTo>
                      <a:pt x="994" y="912"/>
                    </a:lnTo>
                    <a:lnTo>
                      <a:pt x="998" y="909"/>
                    </a:lnTo>
                    <a:lnTo>
                      <a:pt x="1002" y="906"/>
                    </a:lnTo>
                    <a:lnTo>
                      <a:pt x="1012" y="901"/>
                    </a:lnTo>
                    <a:lnTo>
                      <a:pt x="1023" y="893"/>
                    </a:lnTo>
                    <a:lnTo>
                      <a:pt x="1028" y="892"/>
                    </a:lnTo>
                    <a:lnTo>
                      <a:pt x="1033" y="891"/>
                    </a:lnTo>
                    <a:lnTo>
                      <a:pt x="1039" y="892"/>
                    </a:lnTo>
                    <a:lnTo>
                      <a:pt x="1047" y="896"/>
                    </a:lnTo>
                    <a:lnTo>
                      <a:pt x="1055" y="902"/>
                    </a:lnTo>
                    <a:lnTo>
                      <a:pt x="1059" y="909"/>
                    </a:lnTo>
                    <a:lnTo>
                      <a:pt x="1061" y="914"/>
                    </a:lnTo>
                    <a:lnTo>
                      <a:pt x="1063" y="918"/>
                    </a:lnTo>
                    <a:lnTo>
                      <a:pt x="1064" y="919"/>
                    </a:lnTo>
                    <a:lnTo>
                      <a:pt x="1065" y="919"/>
                    </a:lnTo>
                    <a:lnTo>
                      <a:pt x="1068" y="919"/>
                    </a:lnTo>
                    <a:lnTo>
                      <a:pt x="1071" y="919"/>
                    </a:lnTo>
                    <a:lnTo>
                      <a:pt x="1080" y="915"/>
                    </a:lnTo>
                    <a:lnTo>
                      <a:pt x="1094" y="908"/>
                    </a:lnTo>
                    <a:lnTo>
                      <a:pt x="1098" y="905"/>
                    </a:lnTo>
                    <a:lnTo>
                      <a:pt x="1099" y="901"/>
                    </a:lnTo>
                    <a:lnTo>
                      <a:pt x="1100" y="899"/>
                    </a:lnTo>
                    <a:lnTo>
                      <a:pt x="1100" y="895"/>
                    </a:lnTo>
                    <a:lnTo>
                      <a:pt x="1096" y="886"/>
                    </a:lnTo>
                    <a:lnTo>
                      <a:pt x="1091" y="877"/>
                    </a:lnTo>
                    <a:lnTo>
                      <a:pt x="1074" y="858"/>
                    </a:lnTo>
                    <a:lnTo>
                      <a:pt x="1061" y="845"/>
                    </a:lnTo>
                    <a:lnTo>
                      <a:pt x="1054" y="814"/>
                    </a:lnTo>
                    <a:lnTo>
                      <a:pt x="1080" y="800"/>
                    </a:lnTo>
                    <a:lnTo>
                      <a:pt x="1103" y="816"/>
                    </a:lnTo>
                    <a:lnTo>
                      <a:pt x="1160" y="810"/>
                    </a:lnTo>
                    <a:lnTo>
                      <a:pt x="1230" y="783"/>
                    </a:lnTo>
                    <a:lnTo>
                      <a:pt x="1236" y="777"/>
                    </a:lnTo>
                    <a:lnTo>
                      <a:pt x="1242" y="769"/>
                    </a:lnTo>
                    <a:lnTo>
                      <a:pt x="1244" y="763"/>
                    </a:lnTo>
                    <a:lnTo>
                      <a:pt x="1245" y="755"/>
                    </a:lnTo>
                    <a:lnTo>
                      <a:pt x="1244" y="747"/>
                    </a:lnTo>
                    <a:lnTo>
                      <a:pt x="1242" y="739"/>
                    </a:lnTo>
                    <a:lnTo>
                      <a:pt x="1239" y="733"/>
                    </a:lnTo>
                    <a:lnTo>
                      <a:pt x="1235" y="725"/>
                    </a:lnTo>
                    <a:lnTo>
                      <a:pt x="1213" y="696"/>
                    </a:lnTo>
                    <a:lnTo>
                      <a:pt x="1194" y="672"/>
                    </a:lnTo>
                    <a:lnTo>
                      <a:pt x="1188" y="663"/>
                    </a:lnTo>
                    <a:lnTo>
                      <a:pt x="1185" y="654"/>
                    </a:lnTo>
                    <a:lnTo>
                      <a:pt x="1181" y="647"/>
                    </a:lnTo>
                    <a:lnTo>
                      <a:pt x="1179" y="641"/>
                    </a:lnTo>
                    <a:lnTo>
                      <a:pt x="1179" y="637"/>
                    </a:lnTo>
                    <a:lnTo>
                      <a:pt x="1181" y="633"/>
                    </a:lnTo>
                    <a:lnTo>
                      <a:pt x="1182" y="630"/>
                    </a:lnTo>
                    <a:lnTo>
                      <a:pt x="1186" y="628"/>
                    </a:lnTo>
                    <a:lnTo>
                      <a:pt x="1207" y="624"/>
                    </a:lnTo>
                    <a:lnTo>
                      <a:pt x="1239" y="620"/>
                    </a:lnTo>
                    <a:lnTo>
                      <a:pt x="1244" y="619"/>
                    </a:lnTo>
                    <a:lnTo>
                      <a:pt x="1249" y="617"/>
                    </a:lnTo>
                    <a:lnTo>
                      <a:pt x="1253" y="615"/>
                    </a:lnTo>
                    <a:lnTo>
                      <a:pt x="1256" y="612"/>
                    </a:lnTo>
                    <a:lnTo>
                      <a:pt x="1258" y="610"/>
                    </a:lnTo>
                    <a:lnTo>
                      <a:pt x="1260" y="606"/>
                    </a:lnTo>
                    <a:lnTo>
                      <a:pt x="1260" y="603"/>
                    </a:lnTo>
                    <a:lnTo>
                      <a:pt x="1260" y="599"/>
                    </a:lnTo>
                    <a:lnTo>
                      <a:pt x="1257" y="592"/>
                    </a:lnTo>
                    <a:lnTo>
                      <a:pt x="1253" y="584"/>
                    </a:lnTo>
                    <a:lnTo>
                      <a:pt x="1247" y="575"/>
                    </a:lnTo>
                    <a:lnTo>
                      <a:pt x="1239" y="566"/>
                    </a:lnTo>
                    <a:lnTo>
                      <a:pt x="1220" y="548"/>
                    </a:lnTo>
                    <a:lnTo>
                      <a:pt x="1201" y="531"/>
                    </a:lnTo>
                    <a:lnTo>
                      <a:pt x="1183" y="516"/>
                    </a:lnTo>
                    <a:lnTo>
                      <a:pt x="1173" y="506"/>
                    </a:lnTo>
                    <a:lnTo>
                      <a:pt x="1163" y="493"/>
                    </a:lnTo>
                    <a:lnTo>
                      <a:pt x="1155" y="481"/>
                    </a:lnTo>
                    <a:lnTo>
                      <a:pt x="1147" y="471"/>
                    </a:lnTo>
                    <a:lnTo>
                      <a:pt x="1141" y="459"/>
                    </a:lnTo>
                    <a:lnTo>
                      <a:pt x="1137" y="448"/>
                    </a:lnTo>
                    <a:lnTo>
                      <a:pt x="1133" y="437"/>
                    </a:lnTo>
                    <a:lnTo>
                      <a:pt x="1130" y="426"/>
                    </a:lnTo>
                    <a:lnTo>
                      <a:pt x="1129" y="414"/>
                    </a:lnTo>
                    <a:lnTo>
                      <a:pt x="1129" y="402"/>
                    </a:lnTo>
                    <a:lnTo>
                      <a:pt x="1130" y="391"/>
                    </a:lnTo>
                    <a:lnTo>
                      <a:pt x="1133" y="379"/>
                    </a:lnTo>
                    <a:lnTo>
                      <a:pt x="1137" y="367"/>
                    </a:lnTo>
                    <a:lnTo>
                      <a:pt x="1141" y="354"/>
                    </a:lnTo>
                    <a:lnTo>
                      <a:pt x="1146" y="342"/>
                    </a:lnTo>
                    <a:lnTo>
                      <a:pt x="1152" y="327"/>
                    </a:lnTo>
                    <a:lnTo>
                      <a:pt x="1160" y="313"/>
                    </a:lnTo>
                    <a:lnTo>
                      <a:pt x="1198" y="230"/>
                    </a:lnTo>
                    <a:lnTo>
                      <a:pt x="1199" y="176"/>
                    </a:lnTo>
                    <a:lnTo>
                      <a:pt x="1185" y="178"/>
                    </a:lnTo>
                    <a:lnTo>
                      <a:pt x="1166" y="181"/>
                    </a:lnTo>
                    <a:lnTo>
                      <a:pt x="1146" y="182"/>
                    </a:lnTo>
                    <a:lnTo>
                      <a:pt x="1124" y="182"/>
                    </a:lnTo>
                    <a:lnTo>
                      <a:pt x="1103" y="181"/>
                    </a:lnTo>
                    <a:lnTo>
                      <a:pt x="1084" y="177"/>
                    </a:lnTo>
                    <a:lnTo>
                      <a:pt x="1074" y="174"/>
                    </a:lnTo>
                    <a:lnTo>
                      <a:pt x="1067" y="172"/>
                    </a:lnTo>
                    <a:lnTo>
                      <a:pt x="1060" y="168"/>
                    </a:lnTo>
                    <a:lnTo>
                      <a:pt x="1056" y="164"/>
                    </a:lnTo>
                    <a:lnTo>
                      <a:pt x="1050" y="155"/>
                    </a:lnTo>
                    <a:lnTo>
                      <a:pt x="1045" y="147"/>
                    </a:lnTo>
                    <a:lnTo>
                      <a:pt x="1041" y="138"/>
                    </a:lnTo>
                    <a:lnTo>
                      <a:pt x="1038" y="129"/>
                    </a:lnTo>
                    <a:lnTo>
                      <a:pt x="1036" y="111"/>
                    </a:lnTo>
                    <a:lnTo>
                      <a:pt x="1033" y="95"/>
                    </a:lnTo>
                    <a:lnTo>
                      <a:pt x="1032" y="88"/>
                    </a:lnTo>
                    <a:lnTo>
                      <a:pt x="1029" y="81"/>
                    </a:lnTo>
                    <a:lnTo>
                      <a:pt x="1025" y="75"/>
                    </a:lnTo>
                    <a:lnTo>
                      <a:pt x="1021" y="70"/>
                    </a:lnTo>
                    <a:lnTo>
                      <a:pt x="1014" y="66"/>
                    </a:lnTo>
                    <a:lnTo>
                      <a:pt x="1006" y="63"/>
                    </a:lnTo>
                    <a:lnTo>
                      <a:pt x="994" y="60"/>
                    </a:lnTo>
                    <a:lnTo>
                      <a:pt x="981" y="60"/>
                    </a:lnTo>
                    <a:lnTo>
                      <a:pt x="944" y="62"/>
                    </a:lnTo>
                    <a:lnTo>
                      <a:pt x="905" y="67"/>
                    </a:lnTo>
                    <a:lnTo>
                      <a:pt x="885" y="68"/>
                    </a:lnTo>
                    <a:lnTo>
                      <a:pt x="866" y="68"/>
                    </a:lnTo>
                    <a:lnTo>
                      <a:pt x="857" y="67"/>
                    </a:lnTo>
                    <a:lnTo>
                      <a:pt x="848" y="66"/>
                    </a:lnTo>
                    <a:lnTo>
                      <a:pt x="840" y="64"/>
                    </a:lnTo>
                    <a:lnTo>
                      <a:pt x="832" y="62"/>
                    </a:lnTo>
                    <a:lnTo>
                      <a:pt x="817" y="57"/>
                    </a:lnTo>
                    <a:lnTo>
                      <a:pt x="802" y="53"/>
                    </a:lnTo>
                    <a:lnTo>
                      <a:pt x="795" y="51"/>
                    </a:lnTo>
                    <a:lnTo>
                      <a:pt x="787" y="51"/>
                    </a:lnTo>
                    <a:lnTo>
                      <a:pt x="779" y="51"/>
                    </a:lnTo>
                    <a:lnTo>
                      <a:pt x="771" y="53"/>
                    </a:lnTo>
                    <a:lnTo>
                      <a:pt x="752" y="60"/>
                    </a:lnTo>
                    <a:lnTo>
                      <a:pt x="734" y="67"/>
                    </a:lnTo>
                    <a:lnTo>
                      <a:pt x="725" y="70"/>
                    </a:lnTo>
                    <a:lnTo>
                      <a:pt x="716" y="70"/>
                    </a:lnTo>
                    <a:lnTo>
                      <a:pt x="705" y="70"/>
                    </a:lnTo>
                    <a:lnTo>
                      <a:pt x="692" y="67"/>
                    </a:lnTo>
                    <a:lnTo>
                      <a:pt x="672" y="58"/>
                    </a:lnTo>
                    <a:lnTo>
                      <a:pt x="656" y="50"/>
                    </a:lnTo>
                    <a:lnTo>
                      <a:pt x="648" y="47"/>
                    </a:lnTo>
                    <a:lnTo>
                      <a:pt x="639" y="46"/>
                    </a:lnTo>
                    <a:lnTo>
                      <a:pt x="629" y="47"/>
                    </a:lnTo>
                    <a:lnTo>
                      <a:pt x="616" y="50"/>
                    </a:lnTo>
                    <a:lnTo>
                      <a:pt x="608" y="51"/>
                    </a:lnTo>
                    <a:lnTo>
                      <a:pt x="602" y="53"/>
                    </a:lnTo>
                    <a:lnTo>
                      <a:pt x="596" y="53"/>
                    </a:lnTo>
                    <a:lnTo>
                      <a:pt x="593" y="51"/>
                    </a:lnTo>
                    <a:lnTo>
                      <a:pt x="582" y="49"/>
                    </a:lnTo>
                    <a:lnTo>
                      <a:pt x="570" y="46"/>
                    </a:lnTo>
                    <a:lnTo>
                      <a:pt x="559" y="40"/>
                    </a:lnTo>
                    <a:lnTo>
                      <a:pt x="546" y="33"/>
                    </a:lnTo>
                    <a:lnTo>
                      <a:pt x="530" y="27"/>
                    </a:lnTo>
                    <a:lnTo>
                      <a:pt x="513" y="22"/>
                    </a:lnTo>
                    <a:lnTo>
                      <a:pt x="481" y="13"/>
                    </a:lnTo>
                    <a:lnTo>
                      <a:pt x="454" y="6"/>
                    </a:lnTo>
                    <a:lnTo>
                      <a:pt x="438" y="2"/>
                    </a:lnTo>
                    <a:lnTo>
                      <a:pt x="424" y="1"/>
                    </a:lnTo>
                    <a:lnTo>
                      <a:pt x="411" y="0"/>
                    </a:lnTo>
                    <a:lnTo>
                      <a:pt x="398" y="0"/>
                    </a:lnTo>
                    <a:lnTo>
                      <a:pt x="387" y="0"/>
                    </a:lnTo>
                    <a:lnTo>
                      <a:pt x="375" y="2"/>
                    </a:lnTo>
                    <a:lnTo>
                      <a:pt x="363" y="5"/>
                    </a:lnTo>
                    <a:lnTo>
                      <a:pt x="353" y="9"/>
                    </a:lnTo>
                    <a:lnTo>
                      <a:pt x="341" y="13"/>
                    </a:lnTo>
                    <a:lnTo>
                      <a:pt x="331" y="18"/>
                    </a:lnTo>
                    <a:lnTo>
                      <a:pt x="320" y="23"/>
                    </a:lnTo>
                    <a:lnTo>
                      <a:pt x="310" y="31"/>
                    </a:lnTo>
                    <a:lnTo>
                      <a:pt x="288" y="45"/>
                    </a:lnTo>
                    <a:lnTo>
                      <a:pt x="266" y="63"/>
                    </a:lnTo>
                    <a:lnTo>
                      <a:pt x="244" y="82"/>
                    </a:lnTo>
                    <a:lnTo>
                      <a:pt x="225" y="97"/>
                    </a:lnTo>
                    <a:lnTo>
                      <a:pt x="219" y="99"/>
                    </a:lnTo>
                    <a:lnTo>
                      <a:pt x="214" y="102"/>
                    </a:lnTo>
                    <a:lnTo>
                      <a:pt x="208" y="103"/>
                    </a:lnTo>
                    <a:lnTo>
                      <a:pt x="201" y="103"/>
                    </a:lnTo>
                    <a:lnTo>
                      <a:pt x="195" y="102"/>
                    </a:lnTo>
                    <a:lnTo>
                      <a:pt x="188" y="101"/>
                    </a:lnTo>
                    <a:lnTo>
                      <a:pt x="181" y="98"/>
                    </a:lnTo>
                    <a:lnTo>
                      <a:pt x="173" y="93"/>
                    </a:lnTo>
                    <a:lnTo>
                      <a:pt x="149" y="73"/>
                    </a:lnTo>
                    <a:lnTo>
                      <a:pt x="118" y="45"/>
                    </a:lnTo>
                    <a:lnTo>
                      <a:pt x="102" y="31"/>
                    </a:lnTo>
                    <a:lnTo>
                      <a:pt x="87" y="20"/>
                    </a:lnTo>
                    <a:lnTo>
                      <a:pt x="81" y="16"/>
                    </a:lnTo>
                    <a:lnTo>
                      <a:pt x="74" y="14"/>
                    </a:lnTo>
                    <a:lnTo>
                      <a:pt x="70" y="13"/>
                    </a:lnTo>
                    <a:lnTo>
                      <a:pt x="67" y="14"/>
                    </a:lnTo>
                    <a:lnTo>
                      <a:pt x="59" y="19"/>
                    </a:lnTo>
                    <a:lnTo>
                      <a:pt x="51" y="27"/>
                    </a:lnTo>
                    <a:lnTo>
                      <a:pt x="45" y="36"/>
                    </a:lnTo>
                    <a:lnTo>
                      <a:pt x="38" y="46"/>
                    </a:lnTo>
                    <a:lnTo>
                      <a:pt x="32" y="57"/>
                    </a:lnTo>
                    <a:lnTo>
                      <a:pt x="26" y="67"/>
                    </a:lnTo>
                    <a:lnTo>
                      <a:pt x="22" y="77"/>
                    </a:lnTo>
                    <a:lnTo>
                      <a:pt x="20" y="86"/>
                    </a:lnTo>
                    <a:lnTo>
                      <a:pt x="15" y="99"/>
                    </a:lnTo>
                    <a:lnTo>
                      <a:pt x="11" y="114"/>
                    </a:lnTo>
                    <a:lnTo>
                      <a:pt x="7" y="127"/>
                    </a:lnTo>
                    <a:lnTo>
                      <a:pt x="4" y="141"/>
                    </a:lnTo>
                    <a:lnTo>
                      <a:pt x="2" y="169"/>
                    </a:lnTo>
                    <a:lnTo>
                      <a:pt x="0" y="198"/>
                    </a:lnTo>
                    <a:lnTo>
                      <a:pt x="2" y="203"/>
                    </a:lnTo>
                    <a:lnTo>
                      <a:pt x="3" y="207"/>
                    </a:lnTo>
                    <a:lnTo>
                      <a:pt x="4" y="212"/>
                    </a:lnTo>
                    <a:lnTo>
                      <a:pt x="7" y="217"/>
                    </a:lnTo>
                    <a:lnTo>
                      <a:pt x="13" y="226"/>
                    </a:lnTo>
                    <a:lnTo>
                      <a:pt x="21" y="234"/>
                    </a:lnTo>
                    <a:lnTo>
                      <a:pt x="39" y="250"/>
                    </a:lnTo>
                    <a:lnTo>
                      <a:pt x="55" y="263"/>
                    </a:lnTo>
                    <a:lnTo>
                      <a:pt x="65" y="273"/>
                    </a:lnTo>
                    <a:lnTo>
                      <a:pt x="73" y="283"/>
                    </a:lnTo>
                    <a:lnTo>
                      <a:pt x="81" y="295"/>
                    </a:lnTo>
                    <a:lnTo>
                      <a:pt x="87" y="305"/>
                    </a:lnTo>
                    <a:lnTo>
                      <a:pt x="92" y="317"/>
                    </a:lnTo>
                    <a:lnTo>
                      <a:pt x="96" y="327"/>
                    </a:lnTo>
                    <a:lnTo>
                      <a:pt x="100" y="339"/>
                    </a:lnTo>
                    <a:lnTo>
                      <a:pt x="103" y="351"/>
                    </a:lnTo>
                    <a:lnTo>
                      <a:pt x="109" y="374"/>
                    </a:lnTo>
                    <a:lnTo>
                      <a:pt x="114" y="399"/>
                    </a:lnTo>
                    <a:lnTo>
                      <a:pt x="121" y="423"/>
                    </a:lnTo>
                    <a:lnTo>
                      <a:pt x="131" y="448"/>
                    </a:lnTo>
                    <a:lnTo>
                      <a:pt x="138" y="462"/>
                    </a:lnTo>
                    <a:lnTo>
                      <a:pt x="147" y="475"/>
                    </a:lnTo>
                    <a:lnTo>
                      <a:pt x="156" y="489"/>
                    </a:lnTo>
                    <a:lnTo>
                      <a:pt x="166" y="503"/>
                    </a:lnTo>
                    <a:lnTo>
                      <a:pt x="175" y="516"/>
                    </a:lnTo>
                    <a:lnTo>
                      <a:pt x="184" y="531"/>
                    </a:lnTo>
                    <a:lnTo>
                      <a:pt x="192" y="544"/>
                    </a:lnTo>
                    <a:lnTo>
                      <a:pt x="197" y="557"/>
                    </a:lnTo>
                    <a:lnTo>
                      <a:pt x="222" y="577"/>
                    </a:lnTo>
                    <a:lnTo>
                      <a:pt x="248" y="598"/>
                    </a:lnTo>
                    <a:lnTo>
                      <a:pt x="261" y="608"/>
                    </a:lnTo>
                    <a:lnTo>
                      <a:pt x="271" y="620"/>
                    </a:lnTo>
                    <a:lnTo>
                      <a:pt x="282" y="633"/>
                    </a:lnTo>
                    <a:lnTo>
                      <a:pt x="292" y="647"/>
                    </a:lnTo>
                    <a:lnTo>
                      <a:pt x="305" y="673"/>
                    </a:lnTo>
                    <a:lnTo>
                      <a:pt x="315" y="693"/>
                    </a:lnTo>
                    <a:lnTo>
                      <a:pt x="320" y="703"/>
                    </a:lnTo>
                    <a:lnTo>
                      <a:pt x="328" y="712"/>
                    </a:lnTo>
                    <a:lnTo>
                      <a:pt x="337" y="721"/>
                    </a:lnTo>
                    <a:lnTo>
                      <a:pt x="349" y="731"/>
                    </a:lnTo>
                    <a:lnTo>
                      <a:pt x="379" y="759"/>
                    </a:lnTo>
                    <a:lnTo>
                      <a:pt x="415" y="794"/>
                    </a:lnTo>
                    <a:lnTo>
                      <a:pt x="433" y="810"/>
                    </a:lnTo>
                    <a:lnTo>
                      <a:pt x="451" y="825"/>
                    </a:lnTo>
                    <a:lnTo>
                      <a:pt x="459" y="830"/>
                    </a:lnTo>
                    <a:lnTo>
                      <a:pt x="468" y="835"/>
                    </a:lnTo>
                    <a:lnTo>
                      <a:pt x="476" y="838"/>
                    </a:lnTo>
                    <a:lnTo>
                      <a:pt x="482" y="839"/>
                    </a:lnTo>
                    <a:lnTo>
                      <a:pt x="491" y="840"/>
                    </a:lnTo>
                    <a:lnTo>
                      <a:pt x="498" y="842"/>
                    </a:lnTo>
                    <a:lnTo>
                      <a:pt x="504" y="844"/>
                    </a:lnTo>
                    <a:lnTo>
                      <a:pt x="508" y="847"/>
                    </a:lnTo>
                    <a:lnTo>
                      <a:pt x="511" y="851"/>
                    </a:lnTo>
                    <a:lnTo>
                      <a:pt x="512" y="855"/>
                    </a:lnTo>
                    <a:lnTo>
                      <a:pt x="513" y="858"/>
                    </a:lnTo>
                    <a:lnTo>
                      <a:pt x="513" y="864"/>
                    </a:lnTo>
                    <a:lnTo>
                      <a:pt x="513" y="874"/>
                    </a:lnTo>
                    <a:lnTo>
                      <a:pt x="512" y="887"/>
                    </a:lnTo>
                    <a:lnTo>
                      <a:pt x="513" y="893"/>
                    </a:lnTo>
                    <a:lnTo>
                      <a:pt x="513" y="900"/>
                    </a:lnTo>
                    <a:lnTo>
                      <a:pt x="516" y="908"/>
                    </a:lnTo>
                    <a:lnTo>
                      <a:pt x="519" y="914"/>
                    </a:lnTo>
                    <a:lnTo>
                      <a:pt x="538" y="931"/>
                    </a:lnTo>
                    <a:lnTo>
                      <a:pt x="552" y="941"/>
                    </a:lnTo>
                    <a:lnTo>
                      <a:pt x="555" y="950"/>
                    </a:lnTo>
                    <a:lnTo>
                      <a:pt x="559" y="959"/>
                    </a:lnTo>
                    <a:lnTo>
                      <a:pt x="564" y="967"/>
                    </a:lnTo>
                    <a:lnTo>
                      <a:pt x="569" y="974"/>
                    </a:lnTo>
                    <a:lnTo>
                      <a:pt x="583" y="987"/>
                    </a:lnTo>
                    <a:lnTo>
                      <a:pt x="598" y="998"/>
                    </a:lnTo>
                    <a:lnTo>
                      <a:pt x="605" y="1004"/>
                    </a:lnTo>
                    <a:lnTo>
                      <a:pt x="612" y="1010"/>
                    </a:lnTo>
                    <a:lnTo>
                      <a:pt x="618" y="1016"/>
                    </a:lnTo>
                    <a:lnTo>
                      <a:pt x="624" y="1023"/>
                    </a:lnTo>
                    <a:lnTo>
                      <a:pt x="629" y="1031"/>
                    </a:lnTo>
                    <a:lnTo>
                      <a:pt x="631" y="1040"/>
                    </a:lnTo>
                    <a:lnTo>
                      <a:pt x="634" y="1049"/>
                    </a:lnTo>
                    <a:lnTo>
                      <a:pt x="634" y="1059"/>
                    </a:lnTo>
                    <a:lnTo>
                      <a:pt x="600" y="1084"/>
                    </a:lnTo>
                    <a:lnTo>
                      <a:pt x="609" y="1089"/>
                    </a:lnTo>
                    <a:lnTo>
                      <a:pt x="617" y="1094"/>
                    </a:lnTo>
                    <a:lnTo>
                      <a:pt x="625" y="1099"/>
                    </a:lnTo>
                    <a:lnTo>
                      <a:pt x="633" y="110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07" name="Freeform 126"/>
              <p:cNvSpPr>
                <a:spLocks/>
              </p:cNvSpPr>
              <p:nvPr/>
            </p:nvSpPr>
            <p:spPr bwMode="auto">
              <a:xfrm>
                <a:off x="7887255" y="5066815"/>
                <a:ext cx="573833" cy="567180"/>
              </a:xfrm>
              <a:custGeom>
                <a:avLst/>
                <a:gdLst/>
                <a:ahLst/>
                <a:cxnLst>
                  <a:cxn ang="0">
                    <a:pos x="723" y="1142"/>
                  </a:cxn>
                  <a:cxn ang="0">
                    <a:pos x="819" y="1221"/>
                  </a:cxn>
                  <a:cxn ang="0">
                    <a:pos x="861" y="1233"/>
                  </a:cxn>
                  <a:cxn ang="0">
                    <a:pos x="931" y="1229"/>
                  </a:cxn>
                  <a:cxn ang="0">
                    <a:pos x="914" y="1164"/>
                  </a:cxn>
                  <a:cxn ang="0">
                    <a:pos x="901" y="1093"/>
                  </a:cxn>
                  <a:cxn ang="0">
                    <a:pos x="922" y="1044"/>
                  </a:cxn>
                  <a:cxn ang="0">
                    <a:pos x="970" y="1029"/>
                  </a:cxn>
                  <a:cxn ang="0">
                    <a:pos x="966" y="984"/>
                  </a:cxn>
                  <a:cxn ang="0">
                    <a:pos x="985" y="926"/>
                  </a:cxn>
                  <a:cxn ang="0">
                    <a:pos x="1012" y="901"/>
                  </a:cxn>
                  <a:cxn ang="0">
                    <a:pos x="1055" y="902"/>
                  </a:cxn>
                  <a:cxn ang="0">
                    <a:pos x="1068" y="919"/>
                  </a:cxn>
                  <a:cxn ang="0">
                    <a:pos x="1100" y="899"/>
                  </a:cxn>
                  <a:cxn ang="0">
                    <a:pos x="1054" y="814"/>
                  </a:cxn>
                  <a:cxn ang="0">
                    <a:pos x="1236" y="777"/>
                  </a:cxn>
                  <a:cxn ang="0">
                    <a:pos x="1239" y="733"/>
                  </a:cxn>
                  <a:cxn ang="0">
                    <a:pos x="1181" y="647"/>
                  </a:cxn>
                  <a:cxn ang="0">
                    <a:pos x="1207" y="624"/>
                  </a:cxn>
                  <a:cxn ang="0">
                    <a:pos x="1258" y="610"/>
                  </a:cxn>
                  <a:cxn ang="0">
                    <a:pos x="1247" y="575"/>
                  </a:cxn>
                  <a:cxn ang="0">
                    <a:pos x="1163" y="493"/>
                  </a:cxn>
                  <a:cxn ang="0">
                    <a:pos x="1130" y="426"/>
                  </a:cxn>
                  <a:cxn ang="0">
                    <a:pos x="1141" y="354"/>
                  </a:cxn>
                  <a:cxn ang="0">
                    <a:pos x="1199" y="176"/>
                  </a:cxn>
                  <a:cxn ang="0">
                    <a:pos x="1084" y="177"/>
                  </a:cxn>
                  <a:cxn ang="0">
                    <a:pos x="1045" y="147"/>
                  </a:cxn>
                  <a:cxn ang="0">
                    <a:pos x="1029" y="81"/>
                  </a:cxn>
                  <a:cxn ang="0">
                    <a:pos x="981" y="60"/>
                  </a:cxn>
                  <a:cxn ang="0">
                    <a:pos x="848" y="66"/>
                  </a:cxn>
                  <a:cxn ang="0">
                    <a:pos x="787" y="51"/>
                  </a:cxn>
                  <a:cxn ang="0">
                    <a:pos x="716" y="70"/>
                  </a:cxn>
                  <a:cxn ang="0">
                    <a:pos x="639" y="46"/>
                  </a:cxn>
                  <a:cxn ang="0">
                    <a:pos x="593" y="51"/>
                  </a:cxn>
                  <a:cxn ang="0">
                    <a:pos x="513" y="22"/>
                  </a:cxn>
                  <a:cxn ang="0">
                    <a:pos x="398" y="0"/>
                  </a:cxn>
                  <a:cxn ang="0">
                    <a:pos x="331" y="18"/>
                  </a:cxn>
                  <a:cxn ang="0">
                    <a:pos x="225" y="97"/>
                  </a:cxn>
                  <a:cxn ang="0">
                    <a:pos x="188" y="101"/>
                  </a:cxn>
                  <a:cxn ang="0">
                    <a:pos x="87" y="20"/>
                  </a:cxn>
                  <a:cxn ang="0">
                    <a:pos x="51" y="27"/>
                  </a:cxn>
                  <a:cxn ang="0">
                    <a:pos x="20" y="86"/>
                  </a:cxn>
                  <a:cxn ang="0">
                    <a:pos x="0" y="198"/>
                  </a:cxn>
                  <a:cxn ang="0">
                    <a:pos x="21" y="234"/>
                  </a:cxn>
                  <a:cxn ang="0">
                    <a:pos x="87" y="305"/>
                  </a:cxn>
                  <a:cxn ang="0">
                    <a:pos x="114" y="399"/>
                  </a:cxn>
                  <a:cxn ang="0">
                    <a:pos x="166" y="503"/>
                  </a:cxn>
                  <a:cxn ang="0">
                    <a:pos x="248" y="598"/>
                  </a:cxn>
                  <a:cxn ang="0">
                    <a:pos x="315" y="693"/>
                  </a:cxn>
                  <a:cxn ang="0">
                    <a:pos x="415" y="794"/>
                  </a:cxn>
                  <a:cxn ang="0">
                    <a:pos x="482" y="839"/>
                  </a:cxn>
                  <a:cxn ang="0">
                    <a:pos x="512" y="855"/>
                  </a:cxn>
                  <a:cxn ang="0">
                    <a:pos x="513" y="900"/>
                  </a:cxn>
                  <a:cxn ang="0">
                    <a:pos x="559" y="959"/>
                  </a:cxn>
                  <a:cxn ang="0">
                    <a:pos x="612" y="1010"/>
                  </a:cxn>
                  <a:cxn ang="0">
                    <a:pos x="634" y="1059"/>
                  </a:cxn>
                  <a:cxn ang="0">
                    <a:pos x="633" y="1106"/>
                  </a:cxn>
                </a:cxnLst>
                <a:rect l="0" t="0" r="r" b="b"/>
                <a:pathLst>
                  <a:path w="1260" h="1256">
                    <a:moveTo>
                      <a:pt x="633" y="1106"/>
                    </a:moveTo>
                    <a:lnTo>
                      <a:pt x="686" y="1101"/>
                    </a:lnTo>
                    <a:lnTo>
                      <a:pt x="695" y="1112"/>
                    </a:lnTo>
                    <a:lnTo>
                      <a:pt x="704" y="1123"/>
                    </a:lnTo>
                    <a:lnTo>
                      <a:pt x="713" y="1132"/>
                    </a:lnTo>
                    <a:lnTo>
                      <a:pt x="723" y="1142"/>
                    </a:lnTo>
                    <a:lnTo>
                      <a:pt x="743" y="1160"/>
                    </a:lnTo>
                    <a:lnTo>
                      <a:pt x="762" y="1174"/>
                    </a:lnTo>
                    <a:lnTo>
                      <a:pt x="783" y="1190"/>
                    </a:lnTo>
                    <a:lnTo>
                      <a:pt x="804" y="1206"/>
                    </a:lnTo>
                    <a:lnTo>
                      <a:pt x="811" y="1213"/>
                    </a:lnTo>
                    <a:lnTo>
                      <a:pt x="819" y="1221"/>
                    </a:lnTo>
                    <a:lnTo>
                      <a:pt x="823" y="1224"/>
                    </a:lnTo>
                    <a:lnTo>
                      <a:pt x="827" y="1226"/>
                    </a:lnTo>
                    <a:lnTo>
                      <a:pt x="833" y="1228"/>
                    </a:lnTo>
                    <a:lnTo>
                      <a:pt x="839" y="1229"/>
                    </a:lnTo>
                    <a:lnTo>
                      <a:pt x="850" y="1230"/>
                    </a:lnTo>
                    <a:lnTo>
                      <a:pt x="861" y="1233"/>
                    </a:lnTo>
                    <a:lnTo>
                      <a:pt x="871" y="1238"/>
                    </a:lnTo>
                    <a:lnTo>
                      <a:pt x="879" y="1244"/>
                    </a:lnTo>
                    <a:lnTo>
                      <a:pt x="889" y="1256"/>
                    </a:lnTo>
                    <a:lnTo>
                      <a:pt x="889" y="1256"/>
                    </a:lnTo>
                    <a:lnTo>
                      <a:pt x="927" y="1243"/>
                    </a:lnTo>
                    <a:lnTo>
                      <a:pt x="931" y="1229"/>
                    </a:lnTo>
                    <a:lnTo>
                      <a:pt x="933" y="1216"/>
                    </a:lnTo>
                    <a:lnTo>
                      <a:pt x="932" y="1203"/>
                    </a:lnTo>
                    <a:lnTo>
                      <a:pt x="929" y="1191"/>
                    </a:lnTo>
                    <a:lnTo>
                      <a:pt x="925" y="1180"/>
                    </a:lnTo>
                    <a:lnTo>
                      <a:pt x="918" y="1169"/>
                    </a:lnTo>
                    <a:lnTo>
                      <a:pt x="914" y="1164"/>
                    </a:lnTo>
                    <a:lnTo>
                      <a:pt x="909" y="1160"/>
                    </a:lnTo>
                    <a:lnTo>
                      <a:pt x="903" y="1156"/>
                    </a:lnTo>
                    <a:lnTo>
                      <a:pt x="897" y="1152"/>
                    </a:lnTo>
                    <a:lnTo>
                      <a:pt x="897" y="1133"/>
                    </a:lnTo>
                    <a:lnTo>
                      <a:pt x="898" y="1114"/>
                    </a:lnTo>
                    <a:lnTo>
                      <a:pt x="901" y="1093"/>
                    </a:lnTo>
                    <a:lnTo>
                      <a:pt x="903" y="1075"/>
                    </a:lnTo>
                    <a:lnTo>
                      <a:pt x="907" y="1061"/>
                    </a:lnTo>
                    <a:lnTo>
                      <a:pt x="911" y="1051"/>
                    </a:lnTo>
                    <a:lnTo>
                      <a:pt x="915" y="1049"/>
                    </a:lnTo>
                    <a:lnTo>
                      <a:pt x="918" y="1046"/>
                    </a:lnTo>
                    <a:lnTo>
                      <a:pt x="922" y="1044"/>
                    </a:lnTo>
                    <a:lnTo>
                      <a:pt x="924" y="1042"/>
                    </a:lnTo>
                    <a:lnTo>
                      <a:pt x="944" y="1041"/>
                    </a:lnTo>
                    <a:lnTo>
                      <a:pt x="968" y="1041"/>
                    </a:lnTo>
                    <a:lnTo>
                      <a:pt x="968" y="1040"/>
                    </a:lnTo>
                    <a:lnTo>
                      <a:pt x="970" y="1040"/>
                    </a:lnTo>
                    <a:lnTo>
                      <a:pt x="970" y="1029"/>
                    </a:lnTo>
                    <a:lnTo>
                      <a:pt x="967" y="1020"/>
                    </a:lnTo>
                    <a:lnTo>
                      <a:pt x="964" y="1009"/>
                    </a:lnTo>
                    <a:lnTo>
                      <a:pt x="963" y="998"/>
                    </a:lnTo>
                    <a:lnTo>
                      <a:pt x="963" y="992"/>
                    </a:lnTo>
                    <a:lnTo>
                      <a:pt x="964" y="988"/>
                    </a:lnTo>
                    <a:lnTo>
                      <a:pt x="966" y="984"/>
                    </a:lnTo>
                    <a:lnTo>
                      <a:pt x="968" y="980"/>
                    </a:lnTo>
                    <a:lnTo>
                      <a:pt x="972" y="974"/>
                    </a:lnTo>
                    <a:lnTo>
                      <a:pt x="977" y="966"/>
                    </a:lnTo>
                    <a:lnTo>
                      <a:pt x="981" y="950"/>
                    </a:lnTo>
                    <a:lnTo>
                      <a:pt x="982" y="934"/>
                    </a:lnTo>
                    <a:lnTo>
                      <a:pt x="985" y="926"/>
                    </a:lnTo>
                    <a:lnTo>
                      <a:pt x="988" y="918"/>
                    </a:lnTo>
                    <a:lnTo>
                      <a:pt x="990" y="915"/>
                    </a:lnTo>
                    <a:lnTo>
                      <a:pt x="994" y="912"/>
                    </a:lnTo>
                    <a:lnTo>
                      <a:pt x="998" y="909"/>
                    </a:lnTo>
                    <a:lnTo>
                      <a:pt x="1002" y="906"/>
                    </a:lnTo>
                    <a:lnTo>
                      <a:pt x="1012" y="901"/>
                    </a:lnTo>
                    <a:lnTo>
                      <a:pt x="1023" y="893"/>
                    </a:lnTo>
                    <a:lnTo>
                      <a:pt x="1028" y="892"/>
                    </a:lnTo>
                    <a:lnTo>
                      <a:pt x="1033" y="891"/>
                    </a:lnTo>
                    <a:lnTo>
                      <a:pt x="1039" y="892"/>
                    </a:lnTo>
                    <a:lnTo>
                      <a:pt x="1047" y="896"/>
                    </a:lnTo>
                    <a:lnTo>
                      <a:pt x="1055" y="902"/>
                    </a:lnTo>
                    <a:lnTo>
                      <a:pt x="1059" y="909"/>
                    </a:lnTo>
                    <a:lnTo>
                      <a:pt x="1061" y="914"/>
                    </a:lnTo>
                    <a:lnTo>
                      <a:pt x="1063" y="918"/>
                    </a:lnTo>
                    <a:lnTo>
                      <a:pt x="1064" y="919"/>
                    </a:lnTo>
                    <a:lnTo>
                      <a:pt x="1065" y="919"/>
                    </a:lnTo>
                    <a:lnTo>
                      <a:pt x="1068" y="919"/>
                    </a:lnTo>
                    <a:lnTo>
                      <a:pt x="1071" y="919"/>
                    </a:lnTo>
                    <a:lnTo>
                      <a:pt x="1080" y="915"/>
                    </a:lnTo>
                    <a:lnTo>
                      <a:pt x="1094" y="908"/>
                    </a:lnTo>
                    <a:lnTo>
                      <a:pt x="1098" y="905"/>
                    </a:lnTo>
                    <a:lnTo>
                      <a:pt x="1099" y="901"/>
                    </a:lnTo>
                    <a:lnTo>
                      <a:pt x="1100" y="899"/>
                    </a:lnTo>
                    <a:lnTo>
                      <a:pt x="1100" y="895"/>
                    </a:lnTo>
                    <a:lnTo>
                      <a:pt x="1096" y="886"/>
                    </a:lnTo>
                    <a:lnTo>
                      <a:pt x="1091" y="877"/>
                    </a:lnTo>
                    <a:lnTo>
                      <a:pt x="1074" y="858"/>
                    </a:lnTo>
                    <a:lnTo>
                      <a:pt x="1061" y="845"/>
                    </a:lnTo>
                    <a:lnTo>
                      <a:pt x="1054" y="814"/>
                    </a:lnTo>
                    <a:lnTo>
                      <a:pt x="1080" y="800"/>
                    </a:lnTo>
                    <a:lnTo>
                      <a:pt x="1103" y="816"/>
                    </a:lnTo>
                    <a:lnTo>
                      <a:pt x="1160" y="810"/>
                    </a:lnTo>
                    <a:lnTo>
                      <a:pt x="1160" y="810"/>
                    </a:lnTo>
                    <a:lnTo>
                      <a:pt x="1230" y="783"/>
                    </a:lnTo>
                    <a:lnTo>
                      <a:pt x="1236" y="777"/>
                    </a:lnTo>
                    <a:lnTo>
                      <a:pt x="1242" y="769"/>
                    </a:lnTo>
                    <a:lnTo>
                      <a:pt x="1244" y="763"/>
                    </a:lnTo>
                    <a:lnTo>
                      <a:pt x="1245" y="755"/>
                    </a:lnTo>
                    <a:lnTo>
                      <a:pt x="1244" y="747"/>
                    </a:lnTo>
                    <a:lnTo>
                      <a:pt x="1242" y="739"/>
                    </a:lnTo>
                    <a:lnTo>
                      <a:pt x="1239" y="733"/>
                    </a:lnTo>
                    <a:lnTo>
                      <a:pt x="1235" y="725"/>
                    </a:lnTo>
                    <a:lnTo>
                      <a:pt x="1213" y="696"/>
                    </a:lnTo>
                    <a:lnTo>
                      <a:pt x="1194" y="672"/>
                    </a:lnTo>
                    <a:lnTo>
                      <a:pt x="1188" y="663"/>
                    </a:lnTo>
                    <a:lnTo>
                      <a:pt x="1185" y="654"/>
                    </a:lnTo>
                    <a:lnTo>
                      <a:pt x="1181" y="647"/>
                    </a:lnTo>
                    <a:lnTo>
                      <a:pt x="1179" y="641"/>
                    </a:lnTo>
                    <a:lnTo>
                      <a:pt x="1179" y="637"/>
                    </a:lnTo>
                    <a:lnTo>
                      <a:pt x="1181" y="633"/>
                    </a:lnTo>
                    <a:lnTo>
                      <a:pt x="1182" y="630"/>
                    </a:lnTo>
                    <a:lnTo>
                      <a:pt x="1186" y="628"/>
                    </a:lnTo>
                    <a:lnTo>
                      <a:pt x="1207" y="624"/>
                    </a:lnTo>
                    <a:lnTo>
                      <a:pt x="1239" y="620"/>
                    </a:lnTo>
                    <a:lnTo>
                      <a:pt x="1244" y="619"/>
                    </a:lnTo>
                    <a:lnTo>
                      <a:pt x="1249" y="617"/>
                    </a:lnTo>
                    <a:lnTo>
                      <a:pt x="1253" y="615"/>
                    </a:lnTo>
                    <a:lnTo>
                      <a:pt x="1256" y="612"/>
                    </a:lnTo>
                    <a:lnTo>
                      <a:pt x="1258" y="610"/>
                    </a:lnTo>
                    <a:lnTo>
                      <a:pt x="1260" y="606"/>
                    </a:lnTo>
                    <a:lnTo>
                      <a:pt x="1260" y="603"/>
                    </a:lnTo>
                    <a:lnTo>
                      <a:pt x="1260" y="599"/>
                    </a:lnTo>
                    <a:lnTo>
                      <a:pt x="1257" y="592"/>
                    </a:lnTo>
                    <a:lnTo>
                      <a:pt x="1253" y="584"/>
                    </a:lnTo>
                    <a:lnTo>
                      <a:pt x="1247" y="575"/>
                    </a:lnTo>
                    <a:lnTo>
                      <a:pt x="1239" y="566"/>
                    </a:lnTo>
                    <a:lnTo>
                      <a:pt x="1220" y="548"/>
                    </a:lnTo>
                    <a:lnTo>
                      <a:pt x="1201" y="531"/>
                    </a:lnTo>
                    <a:lnTo>
                      <a:pt x="1183" y="516"/>
                    </a:lnTo>
                    <a:lnTo>
                      <a:pt x="1173" y="506"/>
                    </a:lnTo>
                    <a:lnTo>
                      <a:pt x="1163" y="493"/>
                    </a:lnTo>
                    <a:lnTo>
                      <a:pt x="1155" y="481"/>
                    </a:lnTo>
                    <a:lnTo>
                      <a:pt x="1147" y="471"/>
                    </a:lnTo>
                    <a:lnTo>
                      <a:pt x="1141" y="459"/>
                    </a:lnTo>
                    <a:lnTo>
                      <a:pt x="1137" y="448"/>
                    </a:lnTo>
                    <a:lnTo>
                      <a:pt x="1133" y="437"/>
                    </a:lnTo>
                    <a:lnTo>
                      <a:pt x="1130" y="426"/>
                    </a:lnTo>
                    <a:lnTo>
                      <a:pt x="1129" y="414"/>
                    </a:lnTo>
                    <a:lnTo>
                      <a:pt x="1129" y="402"/>
                    </a:lnTo>
                    <a:lnTo>
                      <a:pt x="1130" y="391"/>
                    </a:lnTo>
                    <a:lnTo>
                      <a:pt x="1133" y="379"/>
                    </a:lnTo>
                    <a:lnTo>
                      <a:pt x="1137" y="367"/>
                    </a:lnTo>
                    <a:lnTo>
                      <a:pt x="1141" y="354"/>
                    </a:lnTo>
                    <a:lnTo>
                      <a:pt x="1146" y="342"/>
                    </a:lnTo>
                    <a:lnTo>
                      <a:pt x="1152" y="327"/>
                    </a:lnTo>
                    <a:lnTo>
                      <a:pt x="1160" y="313"/>
                    </a:lnTo>
                    <a:lnTo>
                      <a:pt x="1198" y="230"/>
                    </a:lnTo>
                    <a:lnTo>
                      <a:pt x="1199" y="176"/>
                    </a:lnTo>
                    <a:lnTo>
                      <a:pt x="1199" y="176"/>
                    </a:lnTo>
                    <a:lnTo>
                      <a:pt x="1185" y="178"/>
                    </a:lnTo>
                    <a:lnTo>
                      <a:pt x="1166" y="181"/>
                    </a:lnTo>
                    <a:lnTo>
                      <a:pt x="1146" y="182"/>
                    </a:lnTo>
                    <a:lnTo>
                      <a:pt x="1124" y="182"/>
                    </a:lnTo>
                    <a:lnTo>
                      <a:pt x="1103" y="181"/>
                    </a:lnTo>
                    <a:lnTo>
                      <a:pt x="1084" y="177"/>
                    </a:lnTo>
                    <a:lnTo>
                      <a:pt x="1074" y="174"/>
                    </a:lnTo>
                    <a:lnTo>
                      <a:pt x="1067" y="172"/>
                    </a:lnTo>
                    <a:lnTo>
                      <a:pt x="1060" y="168"/>
                    </a:lnTo>
                    <a:lnTo>
                      <a:pt x="1056" y="164"/>
                    </a:lnTo>
                    <a:lnTo>
                      <a:pt x="1050" y="155"/>
                    </a:lnTo>
                    <a:lnTo>
                      <a:pt x="1045" y="147"/>
                    </a:lnTo>
                    <a:lnTo>
                      <a:pt x="1041" y="138"/>
                    </a:lnTo>
                    <a:lnTo>
                      <a:pt x="1038" y="129"/>
                    </a:lnTo>
                    <a:lnTo>
                      <a:pt x="1036" y="111"/>
                    </a:lnTo>
                    <a:lnTo>
                      <a:pt x="1033" y="95"/>
                    </a:lnTo>
                    <a:lnTo>
                      <a:pt x="1032" y="88"/>
                    </a:lnTo>
                    <a:lnTo>
                      <a:pt x="1029" y="81"/>
                    </a:lnTo>
                    <a:lnTo>
                      <a:pt x="1025" y="75"/>
                    </a:lnTo>
                    <a:lnTo>
                      <a:pt x="1021" y="70"/>
                    </a:lnTo>
                    <a:lnTo>
                      <a:pt x="1014" y="66"/>
                    </a:lnTo>
                    <a:lnTo>
                      <a:pt x="1006" y="63"/>
                    </a:lnTo>
                    <a:lnTo>
                      <a:pt x="994" y="60"/>
                    </a:lnTo>
                    <a:lnTo>
                      <a:pt x="981" y="60"/>
                    </a:lnTo>
                    <a:lnTo>
                      <a:pt x="944" y="62"/>
                    </a:lnTo>
                    <a:lnTo>
                      <a:pt x="905" y="67"/>
                    </a:lnTo>
                    <a:lnTo>
                      <a:pt x="885" y="68"/>
                    </a:lnTo>
                    <a:lnTo>
                      <a:pt x="866" y="68"/>
                    </a:lnTo>
                    <a:lnTo>
                      <a:pt x="857" y="67"/>
                    </a:lnTo>
                    <a:lnTo>
                      <a:pt x="848" y="66"/>
                    </a:lnTo>
                    <a:lnTo>
                      <a:pt x="840" y="64"/>
                    </a:lnTo>
                    <a:lnTo>
                      <a:pt x="832" y="62"/>
                    </a:lnTo>
                    <a:lnTo>
                      <a:pt x="817" y="57"/>
                    </a:lnTo>
                    <a:lnTo>
                      <a:pt x="802" y="53"/>
                    </a:lnTo>
                    <a:lnTo>
                      <a:pt x="795" y="51"/>
                    </a:lnTo>
                    <a:lnTo>
                      <a:pt x="787" y="51"/>
                    </a:lnTo>
                    <a:lnTo>
                      <a:pt x="779" y="51"/>
                    </a:lnTo>
                    <a:lnTo>
                      <a:pt x="771" y="53"/>
                    </a:lnTo>
                    <a:lnTo>
                      <a:pt x="752" y="60"/>
                    </a:lnTo>
                    <a:lnTo>
                      <a:pt x="734" y="67"/>
                    </a:lnTo>
                    <a:lnTo>
                      <a:pt x="725" y="70"/>
                    </a:lnTo>
                    <a:lnTo>
                      <a:pt x="716" y="70"/>
                    </a:lnTo>
                    <a:lnTo>
                      <a:pt x="705" y="70"/>
                    </a:lnTo>
                    <a:lnTo>
                      <a:pt x="692" y="67"/>
                    </a:lnTo>
                    <a:lnTo>
                      <a:pt x="672" y="58"/>
                    </a:lnTo>
                    <a:lnTo>
                      <a:pt x="656" y="50"/>
                    </a:lnTo>
                    <a:lnTo>
                      <a:pt x="648" y="47"/>
                    </a:lnTo>
                    <a:lnTo>
                      <a:pt x="639" y="46"/>
                    </a:lnTo>
                    <a:lnTo>
                      <a:pt x="629" y="47"/>
                    </a:lnTo>
                    <a:lnTo>
                      <a:pt x="616" y="50"/>
                    </a:lnTo>
                    <a:lnTo>
                      <a:pt x="608" y="51"/>
                    </a:lnTo>
                    <a:lnTo>
                      <a:pt x="602" y="53"/>
                    </a:lnTo>
                    <a:lnTo>
                      <a:pt x="596" y="53"/>
                    </a:lnTo>
                    <a:lnTo>
                      <a:pt x="593" y="51"/>
                    </a:lnTo>
                    <a:lnTo>
                      <a:pt x="582" y="49"/>
                    </a:lnTo>
                    <a:lnTo>
                      <a:pt x="570" y="46"/>
                    </a:lnTo>
                    <a:lnTo>
                      <a:pt x="559" y="40"/>
                    </a:lnTo>
                    <a:lnTo>
                      <a:pt x="546" y="33"/>
                    </a:lnTo>
                    <a:lnTo>
                      <a:pt x="530" y="27"/>
                    </a:lnTo>
                    <a:lnTo>
                      <a:pt x="513" y="22"/>
                    </a:lnTo>
                    <a:lnTo>
                      <a:pt x="481" y="13"/>
                    </a:lnTo>
                    <a:lnTo>
                      <a:pt x="454" y="6"/>
                    </a:lnTo>
                    <a:lnTo>
                      <a:pt x="438" y="2"/>
                    </a:lnTo>
                    <a:lnTo>
                      <a:pt x="424" y="1"/>
                    </a:lnTo>
                    <a:lnTo>
                      <a:pt x="411" y="0"/>
                    </a:lnTo>
                    <a:lnTo>
                      <a:pt x="398" y="0"/>
                    </a:lnTo>
                    <a:lnTo>
                      <a:pt x="387" y="0"/>
                    </a:lnTo>
                    <a:lnTo>
                      <a:pt x="375" y="2"/>
                    </a:lnTo>
                    <a:lnTo>
                      <a:pt x="363" y="5"/>
                    </a:lnTo>
                    <a:lnTo>
                      <a:pt x="353" y="9"/>
                    </a:lnTo>
                    <a:lnTo>
                      <a:pt x="341" y="13"/>
                    </a:lnTo>
                    <a:lnTo>
                      <a:pt x="331" y="18"/>
                    </a:lnTo>
                    <a:lnTo>
                      <a:pt x="320" y="23"/>
                    </a:lnTo>
                    <a:lnTo>
                      <a:pt x="310" y="31"/>
                    </a:lnTo>
                    <a:lnTo>
                      <a:pt x="288" y="45"/>
                    </a:lnTo>
                    <a:lnTo>
                      <a:pt x="266" y="63"/>
                    </a:lnTo>
                    <a:lnTo>
                      <a:pt x="244" y="82"/>
                    </a:lnTo>
                    <a:lnTo>
                      <a:pt x="225" y="97"/>
                    </a:lnTo>
                    <a:lnTo>
                      <a:pt x="219" y="99"/>
                    </a:lnTo>
                    <a:lnTo>
                      <a:pt x="214" y="102"/>
                    </a:lnTo>
                    <a:lnTo>
                      <a:pt x="208" y="103"/>
                    </a:lnTo>
                    <a:lnTo>
                      <a:pt x="201" y="103"/>
                    </a:lnTo>
                    <a:lnTo>
                      <a:pt x="195" y="102"/>
                    </a:lnTo>
                    <a:lnTo>
                      <a:pt x="188" y="101"/>
                    </a:lnTo>
                    <a:lnTo>
                      <a:pt x="181" y="98"/>
                    </a:lnTo>
                    <a:lnTo>
                      <a:pt x="173" y="93"/>
                    </a:lnTo>
                    <a:lnTo>
                      <a:pt x="149" y="73"/>
                    </a:lnTo>
                    <a:lnTo>
                      <a:pt x="118" y="45"/>
                    </a:lnTo>
                    <a:lnTo>
                      <a:pt x="102" y="31"/>
                    </a:lnTo>
                    <a:lnTo>
                      <a:pt x="87" y="20"/>
                    </a:lnTo>
                    <a:lnTo>
                      <a:pt x="81" y="16"/>
                    </a:lnTo>
                    <a:lnTo>
                      <a:pt x="74" y="14"/>
                    </a:lnTo>
                    <a:lnTo>
                      <a:pt x="70" y="13"/>
                    </a:lnTo>
                    <a:lnTo>
                      <a:pt x="67" y="14"/>
                    </a:lnTo>
                    <a:lnTo>
                      <a:pt x="59" y="19"/>
                    </a:lnTo>
                    <a:lnTo>
                      <a:pt x="51" y="27"/>
                    </a:lnTo>
                    <a:lnTo>
                      <a:pt x="45" y="36"/>
                    </a:lnTo>
                    <a:lnTo>
                      <a:pt x="38" y="46"/>
                    </a:lnTo>
                    <a:lnTo>
                      <a:pt x="32" y="57"/>
                    </a:lnTo>
                    <a:lnTo>
                      <a:pt x="26" y="67"/>
                    </a:lnTo>
                    <a:lnTo>
                      <a:pt x="22" y="77"/>
                    </a:lnTo>
                    <a:lnTo>
                      <a:pt x="20" y="86"/>
                    </a:lnTo>
                    <a:lnTo>
                      <a:pt x="15" y="99"/>
                    </a:lnTo>
                    <a:lnTo>
                      <a:pt x="11" y="114"/>
                    </a:lnTo>
                    <a:lnTo>
                      <a:pt x="7" y="127"/>
                    </a:lnTo>
                    <a:lnTo>
                      <a:pt x="4" y="141"/>
                    </a:lnTo>
                    <a:lnTo>
                      <a:pt x="2" y="169"/>
                    </a:lnTo>
                    <a:lnTo>
                      <a:pt x="0" y="198"/>
                    </a:lnTo>
                    <a:lnTo>
                      <a:pt x="2" y="203"/>
                    </a:lnTo>
                    <a:lnTo>
                      <a:pt x="3" y="207"/>
                    </a:lnTo>
                    <a:lnTo>
                      <a:pt x="4" y="212"/>
                    </a:lnTo>
                    <a:lnTo>
                      <a:pt x="7" y="217"/>
                    </a:lnTo>
                    <a:lnTo>
                      <a:pt x="13" y="226"/>
                    </a:lnTo>
                    <a:lnTo>
                      <a:pt x="21" y="234"/>
                    </a:lnTo>
                    <a:lnTo>
                      <a:pt x="39" y="250"/>
                    </a:lnTo>
                    <a:lnTo>
                      <a:pt x="55" y="263"/>
                    </a:lnTo>
                    <a:lnTo>
                      <a:pt x="65" y="273"/>
                    </a:lnTo>
                    <a:lnTo>
                      <a:pt x="73" y="283"/>
                    </a:lnTo>
                    <a:lnTo>
                      <a:pt x="81" y="295"/>
                    </a:lnTo>
                    <a:lnTo>
                      <a:pt x="87" y="305"/>
                    </a:lnTo>
                    <a:lnTo>
                      <a:pt x="92" y="317"/>
                    </a:lnTo>
                    <a:lnTo>
                      <a:pt x="96" y="327"/>
                    </a:lnTo>
                    <a:lnTo>
                      <a:pt x="100" y="339"/>
                    </a:lnTo>
                    <a:lnTo>
                      <a:pt x="103" y="351"/>
                    </a:lnTo>
                    <a:lnTo>
                      <a:pt x="109" y="374"/>
                    </a:lnTo>
                    <a:lnTo>
                      <a:pt x="114" y="399"/>
                    </a:lnTo>
                    <a:lnTo>
                      <a:pt x="121" y="423"/>
                    </a:lnTo>
                    <a:lnTo>
                      <a:pt x="131" y="448"/>
                    </a:lnTo>
                    <a:lnTo>
                      <a:pt x="138" y="462"/>
                    </a:lnTo>
                    <a:lnTo>
                      <a:pt x="147" y="475"/>
                    </a:lnTo>
                    <a:lnTo>
                      <a:pt x="156" y="489"/>
                    </a:lnTo>
                    <a:lnTo>
                      <a:pt x="166" y="503"/>
                    </a:lnTo>
                    <a:lnTo>
                      <a:pt x="175" y="516"/>
                    </a:lnTo>
                    <a:lnTo>
                      <a:pt x="184" y="531"/>
                    </a:lnTo>
                    <a:lnTo>
                      <a:pt x="192" y="544"/>
                    </a:lnTo>
                    <a:lnTo>
                      <a:pt x="197" y="557"/>
                    </a:lnTo>
                    <a:lnTo>
                      <a:pt x="222" y="577"/>
                    </a:lnTo>
                    <a:lnTo>
                      <a:pt x="248" y="598"/>
                    </a:lnTo>
                    <a:lnTo>
                      <a:pt x="261" y="608"/>
                    </a:lnTo>
                    <a:lnTo>
                      <a:pt x="271" y="620"/>
                    </a:lnTo>
                    <a:lnTo>
                      <a:pt x="282" y="633"/>
                    </a:lnTo>
                    <a:lnTo>
                      <a:pt x="292" y="647"/>
                    </a:lnTo>
                    <a:lnTo>
                      <a:pt x="305" y="673"/>
                    </a:lnTo>
                    <a:lnTo>
                      <a:pt x="315" y="693"/>
                    </a:lnTo>
                    <a:lnTo>
                      <a:pt x="320" y="703"/>
                    </a:lnTo>
                    <a:lnTo>
                      <a:pt x="328" y="712"/>
                    </a:lnTo>
                    <a:lnTo>
                      <a:pt x="337" y="721"/>
                    </a:lnTo>
                    <a:lnTo>
                      <a:pt x="349" y="731"/>
                    </a:lnTo>
                    <a:lnTo>
                      <a:pt x="379" y="759"/>
                    </a:lnTo>
                    <a:lnTo>
                      <a:pt x="415" y="794"/>
                    </a:lnTo>
                    <a:lnTo>
                      <a:pt x="433" y="810"/>
                    </a:lnTo>
                    <a:lnTo>
                      <a:pt x="451" y="825"/>
                    </a:lnTo>
                    <a:lnTo>
                      <a:pt x="459" y="830"/>
                    </a:lnTo>
                    <a:lnTo>
                      <a:pt x="468" y="835"/>
                    </a:lnTo>
                    <a:lnTo>
                      <a:pt x="476" y="838"/>
                    </a:lnTo>
                    <a:lnTo>
                      <a:pt x="482" y="839"/>
                    </a:lnTo>
                    <a:lnTo>
                      <a:pt x="491" y="840"/>
                    </a:lnTo>
                    <a:lnTo>
                      <a:pt x="498" y="842"/>
                    </a:lnTo>
                    <a:lnTo>
                      <a:pt x="504" y="844"/>
                    </a:lnTo>
                    <a:lnTo>
                      <a:pt x="508" y="847"/>
                    </a:lnTo>
                    <a:lnTo>
                      <a:pt x="511" y="851"/>
                    </a:lnTo>
                    <a:lnTo>
                      <a:pt x="512" y="855"/>
                    </a:lnTo>
                    <a:lnTo>
                      <a:pt x="513" y="858"/>
                    </a:lnTo>
                    <a:lnTo>
                      <a:pt x="513" y="864"/>
                    </a:lnTo>
                    <a:lnTo>
                      <a:pt x="513" y="874"/>
                    </a:lnTo>
                    <a:lnTo>
                      <a:pt x="512" y="887"/>
                    </a:lnTo>
                    <a:lnTo>
                      <a:pt x="513" y="893"/>
                    </a:lnTo>
                    <a:lnTo>
                      <a:pt x="513" y="900"/>
                    </a:lnTo>
                    <a:lnTo>
                      <a:pt x="516" y="908"/>
                    </a:lnTo>
                    <a:lnTo>
                      <a:pt x="519" y="914"/>
                    </a:lnTo>
                    <a:lnTo>
                      <a:pt x="538" y="931"/>
                    </a:lnTo>
                    <a:lnTo>
                      <a:pt x="552" y="941"/>
                    </a:lnTo>
                    <a:lnTo>
                      <a:pt x="555" y="950"/>
                    </a:lnTo>
                    <a:lnTo>
                      <a:pt x="559" y="959"/>
                    </a:lnTo>
                    <a:lnTo>
                      <a:pt x="564" y="967"/>
                    </a:lnTo>
                    <a:lnTo>
                      <a:pt x="569" y="974"/>
                    </a:lnTo>
                    <a:lnTo>
                      <a:pt x="583" y="987"/>
                    </a:lnTo>
                    <a:lnTo>
                      <a:pt x="598" y="998"/>
                    </a:lnTo>
                    <a:lnTo>
                      <a:pt x="605" y="1004"/>
                    </a:lnTo>
                    <a:lnTo>
                      <a:pt x="612" y="1010"/>
                    </a:lnTo>
                    <a:lnTo>
                      <a:pt x="618" y="1016"/>
                    </a:lnTo>
                    <a:lnTo>
                      <a:pt x="624" y="1023"/>
                    </a:lnTo>
                    <a:lnTo>
                      <a:pt x="629" y="1031"/>
                    </a:lnTo>
                    <a:lnTo>
                      <a:pt x="631" y="1040"/>
                    </a:lnTo>
                    <a:lnTo>
                      <a:pt x="634" y="1049"/>
                    </a:lnTo>
                    <a:lnTo>
                      <a:pt x="634" y="1059"/>
                    </a:lnTo>
                    <a:lnTo>
                      <a:pt x="600" y="1084"/>
                    </a:lnTo>
                    <a:lnTo>
                      <a:pt x="600" y="1084"/>
                    </a:lnTo>
                    <a:lnTo>
                      <a:pt x="609" y="1089"/>
                    </a:lnTo>
                    <a:lnTo>
                      <a:pt x="617" y="1094"/>
                    </a:lnTo>
                    <a:lnTo>
                      <a:pt x="625" y="1099"/>
                    </a:lnTo>
                    <a:lnTo>
                      <a:pt x="633" y="1106"/>
                    </a:lnTo>
                    <a:lnTo>
                      <a:pt x="633" y="1106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08" name="Freeform 127"/>
              <p:cNvSpPr>
                <a:spLocks noEditPoints="1"/>
              </p:cNvSpPr>
              <p:nvPr/>
            </p:nvSpPr>
            <p:spPr bwMode="auto">
              <a:xfrm>
                <a:off x="7557529" y="4772388"/>
                <a:ext cx="876234" cy="897734"/>
              </a:xfrm>
              <a:custGeom>
                <a:avLst/>
                <a:gdLst/>
                <a:ahLst/>
                <a:cxnLst>
                  <a:cxn ang="0">
                    <a:pos x="290" y="754"/>
                  </a:cxn>
                  <a:cxn ang="0">
                    <a:pos x="316" y="842"/>
                  </a:cxn>
                  <a:cxn ang="0">
                    <a:pos x="339" y="722"/>
                  </a:cxn>
                  <a:cxn ang="0">
                    <a:pos x="369" y="696"/>
                  </a:cxn>
                  <a:cxn ang="0">
                    <a:pos x="366" y="737"/>
                  </a:cxn>
                  <a:cxn ang="0">
                    <a:pos x="427" y="982"/>
                  </a:cxn>
                  <a:cxn ang="0">
                    <a:pos x="523" y="1079"/>
                  </a:cxn>
                  <a:cxn ang="0">
                    <a:pos x="237" y="883"/>
                  </a:cxn>
                  <a:cxn ang="0">
                    <a:pos x="295" y="999"/>
                  </a:cxn>
                  <a:cxn ang="0">
                    <a:pos x="415" y="1188"/>
                  </a:cxn>
                  <a:cxn ang="0">
                    <a:pos x="476" y="1255"/>
                  </a:cxn>
                  <a:cxn ang="0">
                    <a:pos x="496" y="1190"/>
                  </a:cxn>
                  <a:cxn ang="0">
                    <a:pos x="576" y="1285"/>
                  </a:cxn>
                  <a:cxn ang="0">
                    <a:pos x="694" y="1433"/>
                  </a:cxn>
                  <a:cxn ang="0">
                    <a:pos x="949" y="1554"/>
                  </a:cxn>
                  <a:cxn ang="0">
                    <a:pos x="1011" y="1604"/>
                  </a:cxn>
                  <a:cxn ang="0">
                    <a:pos x="1027" y="1640"/>
                  </a:cxn>
                  <a:cxn ang="0">
                    <a:pos x="934" y="1672"/>
                  </a:cxn>
                  <a:cxn ang="0">
                    <a:pos x="1136" y="1671"/>
                  </a:cxn>
                  <a:cxn ang="0">
                    <a:pos x="1032" y="1727"/>
                  </a:cxn>
                  <a:cxn ang="0">
                    <a:pos x="1075" y="1771"/>
                  </a:cxn>
                  <a:cxn ang="0">
                    <a:pos x="1110" y="1738"/>
                  </a:cxn>
                  <a:cxn ang="0">
                    <a:pos x="1243" y="1858"/>
                  </a:cxn>
                  <a:cxn ang="0">
                    <a:pos x="1349" y="1860"/>
                  </a:cxn>
                  <a:cxn ang="0">
                    <a:pos x="1181" y="1720"/>
                  </a:cxn>
                  <a:cxn ang="0">
                    <a:pos x="1353" y="1802"/>
                  </a:cxn>
                  <a:cxn ang="0">
                    <a:pos x="1557" y="1931"/>
                  </a:cxn>
                  <a:cxn ang="0">
                    <a:pos x="1413" y="1824"/>
                  </a:cxn>
                  <a:cxn ang="0">
                    <a:pos x="1545" y="1876"/>
                  </a:cxn>
                  <a:cxn ang="0">
                    <a:pos x="1221" y="1671"/>
                  </a:cxn>
                  <a:cxn ang="0">
                    <a:pos x="957" y="1483"/>
                  </a:cxn>
                  <a:cxn ang="0">
                    <a:pos x="789" y="1487"/>
                  </a:cxn>
                  <a:cxn ang="0">
                    <a:pos x="594" y="1240"/>
                  </a:cxn>
                  <a:cxn ang="0">
                    <a:pos x="579" y="1122"/>
                  </a:cxn>
                  <a:cxn ang="0">
                    <a:pos x="563" y="1036"/>
                  </a:cxn>
                  <a:cxn ang="0">
                    <a:pos x="443" y="707"/>
                  </a:cxn>
                  <a:cxn ang="0">
                    <a:pos x="264" y="657"/>
                  </a:cxn>
                  <a:cxn ang="0">
                    <a:pos x="133" y="834"/>
                  </a:cxn>
                  <a:cxn ang="0">
                    <a:pos x="2" y="563"/>
                  </a:cxn>
                  <a:cxn ang="0">
                    <a:pos x="225" y="553"/>
                  </a:cxn>
                  <a:cxn ang="0">
                    <a:pos x="366" y="471"/>
                  </a:cxn>
                  <a:cxn ang="0">
                    <a:pos x="576" y="553"/>
                  </a:cxn>
                  <a:cxn ang="0">
                    <a:pos x="744" y="385"/>
                  </a:cxn>
                  <a:cxn ang="0">
                    <a:pos x="726" y="227"/>
                  </a:cxn>
                  <a:cxn ang="0">
                    <a:pos x="921" y="149"/>
                  </a:cxn>
                  <a:cxn ang="0">
                    <a:pos x="1000" y="17"/>
                  </a:cxn>
                  <a:cxn ang="0">
                    <a:pos x="1149" y="215"/>
                  </a:cxn>
                  <a:cxn ang="0">
                    <a:pos x="1406" y="408"/>
                  </a:cxn>
                  <a:cxn ang="0">
                    <a:pos x="1676" y="385"/>
                  </a:cxn>
                  <a:cxn ang="0">
                    <a:pos x="1798" y="518"/>
                  </a:cxn>
                  <a:cxn ang="0">
                    <a:pos x="1900" y="663"/>
                  </a:cxn>
                  <a:cxn ang="0">
                    <a:pos x="1921" y="828"/>
                  </a:cxn>
                  <a:cxn ang="0">
                    <a:pos x="1755" y="747"/>
                  </a:cxn>
                  <a:cxn ang="0">
                    <a:pos x="1554" y="714"/>
                  </a:cxn>
                  <a:cxn ang="0">
                    <a:pos x="1361" y="698"/>
                  </a:cxn>
                  <a:cxn ang="0">
                    <a:pos x="1146" y="653"/>
                  </a:cxn>
                  <a:cxn ang="0">
                    <a:pos x="936" y="754"/>
                  </a:cxn>
                  <a:cxn ang="0">
                    <a:pos x="773" y="679"/>
                  </a:cxn>
                  <a:cxn ang="0">
                    <a:pos x="729" y="869"/>
                  </a:cxn>
                  <a:cxn ang="0">
                    <a:pos x="853" y="1100"/>
                  </a:cxn>
                  <a:cxn ang="0">
                    <a:pos x="1037" y="1345"/>
                  </a:cxn>
                  <a:cxn ang="0">
                    <a:pos x="1230" y="1499"/>
                  </a:cxn>
                  <a:cxn ang="0">
                    <a:pos x="1291" y="1626"/>
                  </a:cxn>
                </a:cxnLst>
                <a:rect l="0" t="0" r="r" b="b"/>
                <a:pathLst>
                  <a:path w="1921" h="1987">
                    <a:moveTo>
                      <a:pt x="282" y="860"/>
                    </a:moveTo>
                    <a:lnTo>
                      <a:pt x="274" y="851"/>
                    </a:lnTo>
                    <a:lnTo>
                      <a:pt x="268" y="842"/>
                    </a:lnTo>
                    <a:lnTo>
                      <a:pt x="266" y="837"/>
                    </a:lnTo>
                    <a:lnTo>
                      <a:pt x="264" y="832"/>
                    </a:lnTo>
                    <a:lnTo>
                      <a:pt x="263" y="826"/>
                    </a:lnTo>
                    <a:lnTo>
                      <a:pt x="263" y="820"/>
                    </a:lnTo>
                    <a:lnTo>
                      <a:pt x="264" y="812"/>
                    </a:lnTo>
                    <a:lnTo>
                      <a:pt x="268" y="806"/>
                    </a:lnTo>
                    <a:lnTo>
                      <a:pt x="272" y="801"/>
                    </a:lnTo>
                    <a:lnTo>
                      <a:pt x="276" y="794"/>
                    </a:lnTo>
                    <a:lnTo>
                      <a:pt x="278" y="784"/>
                    </a:lnTo>
                    <a:lnTo>
                      <a:pt x="282" y="768"/>
                    </a:lnTo>
                    <a:lnTo>
                      <a:pt x="285" y="762"/>
                    </a:lnTo>
                    <a:lnTo>
                      <a:pt x="287" y="755"/>
                    </a:lnTo>
                    <a:lnTo>
                      <a:pt x="290" y="754"/>
                    </a:lnTo>
                    <a:lnTo>
                      <a:pt x="291" y="751"/>
                    </a:lnTo>
                    <a:lnTo>
                      <a:pt x="294" y="751"/>
                    </a:lnTo>
                    <a:lnTo>
                      <a:pt x="296" y="751"/>
                    </a:lnTo>
                    <a:lnTo>
                      <a:pt x="299" y="754"/>
                    </a:lnTo>
                    <a:lnTo>
                      <a:pt x="301" y="756"/>
                    </a:lnTo>
                    <a:lnTo>
                      <a:pt x="303" y="760"/>
                    </a:lnTo>
                    <a:lnTo>
                      <a:pt x="305" y="766"/>
                    </a:lnTo>
                    <a:lnTo>
                      <a:pt x="308" y="775"/>
                    </a:lnTo>
                    <a:lnTo>
                      <a:pt x="308" y="782"/>
                    </a:lnTo>
                    <a:lnTo>
                      <a:pt x="308" y="790"/>
                    </a:lnTo>
                    <a:lnTo>
                      <a:pt x="307" y="798"/>
                    </a:lnTo>
                    <a:lnTo>
                      <a:pt x="307" y="807"/>
                    </a:lnTo>
                    <a:lnTo>
                      <a:pt x="308" y="815"/>
                    </a:lnTo>
                    <a:lnTo>
                      <a:pt x="311" y="823"/>
                    </a:lnTo>
                    <a:lnTo>
                      <a:pt x="314" y="833"/>
                    </a:lnTo>
                    <a:lnTo>
                      <a:pt x="316" y="842"/>
                    </a:lnTo>
                    <a:lnTo>
                      <a:pt x="317" y="851"/>
                    </a:lnTo>
                    <a:lnTo>
                      <a:pt x="318" y="860"/>
                    </a:lnTo>
                    <a:lnTo>
                      <a:pt x="318" y="870"/>
                    </a:lnTo>
                    <a:lnTo>
                      <a:pt x="317" y="874"/>
                    </a:lnTo>
                    <a:lnTo>
                      <a:pt x="314" y="878"/>
                    </a:lnTo>
                    <a:lnTo>
                      <a:pt x="312" y="881"/>
                    </a:lnTo>
                    <a:lnTo>
                      <a:pt x="309" y="882"/>
                    </a:lnTo>
                    <a:lnTo>
                      <a:pt x="305" y="883"/>
                    </a:lnTo>
                    <a:lnTo>
                      <a:pt x="301" y="883"/>
                    </a:lnTo>
                    <a:lnTo>
                      <a:pt x="298" y="882"/>
                    </a:lnTo>
                    <a:lnTo>
                      <a:pt x="294" y="880"/>
                    </a:lnTo>
                    <a:lnTo>
                      <a:pt x="282" y="860"/>
                    </a:lnTo>
                    <a:close/>
                    <a:moveTo>
                      <a:pt x="366" y="737"/>
                    </a:moveTo>
                    <a:lnTo>
                      <a:pt x="356" y="732"/>
                    </a:lnTo>
                    <a:lnTo>
                      <a:pt x="345" y="725"/>
                    </a:lnTo>
                    <a:lnTo>
                      <a:pt x="339" y="722"/>
                    </a:lnTo>
                    <a:lnTo>
                      <a:pt x="330" y="716"/>
                    </a:lnTo>
                    <a:lnTo>
                      <a:pt x="322" y="710"/>
                    </a:lnTo>
                    <a:lnTo>
                      <a:pt x="320" y="703"/>
                    </a:lnTo>
                    <a:lnTo>
                      <a:pt x="320" y="699"/>
                    </a:lnTo>
                    <a:lnTo>
                      <a:pt x="322" y="694"/>
                    </a:lnTo>
                    <a:lnTo>
                      <a:pt x="325" y="689"/>
                    </a:lnTo>
                    <a:lnTo>
                      <a:pt x="329" y="685"/>
                    </a:lnTo>
                    <a:lnTo>
                      <a:pt x="335" y="676"/>
                    </a:lnTo>
                    <a:lnTo>
                      <a:pt x="342" y="668"/>
                    </a:lnTo>
                    <a:lnTo>
                      <a:pt x="345" y="668"/>
                    </a:lnTo>
                    <a:lnTo>
                      <a:pt x="348" y="670"/>
                    </a:lnTo>
                    <a:lnTo>
                      <a:pt x="352" y="671"/>
                    </a:lnTo>
                    <a:lnTo>
                      <a:pt x="355" y="674"/>
                    </a:lnTo>
                    <a:lnTo>
                      <a:pt x="360" y="680"/>
                    </a:lnTo>
                    <a:lnTo>
                      <a:pt x="365" y="688"/>
                    </a:lnTo>
                    <a:lnTo>
                      <a:pt x="369" y="696"/>
                    </a:lnTo>
                    <a:lnTo>
                      <a:pt x="374" y="703"/>
                    </a:lnTo>
                    <a:lnTo>
                      <a:pt x="379" y="710"/>
                    </a:lnTo>
                    <a:lnTo>
                      <a:pt x="384" y="715"/>
                    </a:lnTo>
                    <a:lnTo>
                      <a:pt x="390" y="720"/>
                    </a:lnTo>
                    <a:lnTo>
                      <a:pt x="393" y="725"/>
                    </a:lnTo>
                    <a:lnTo>
                      <a:pt x="397" y="731"/>
                    </a:lnTo>
                    <a:lnTo>
                      <a:pt x="399" y="737"/>
                    </a:lnTo>
                    <a:lnTo>
                      <a:pt x="400" y="741"/>
                    </a:lnTo>
                    <a:lnTo>
                      <a:pt x="399" y="745"/>
                    </a:lnTo>
                    <a:lnTo>
                      <a:pt x="397" y="749"/>
                    </a:lnTo>
                    <a:lnTo>
                      <a:pt x="395" y="753"/>
                    </a:lnTo>
                    <a:lnTo>
                      <a:pt x="392" y="755"/>
                    </a:lnTo>
                    <a:lnTo>
                      <a:pt x="390" y="758"/>
                    </a:lnTo>
                    <a:lnTo>
                      <a:pt x="386" y="759"/>
                    </a:lnTo>
                    <a:lnTo>
                      <a:pt x="383" y="759"/>
                    </a:lnTo>
                    <a:lnTo>
                      <a:pt x="366" y="737"/>
                    </a:lnTo>
                    <a:close/>
                    <a:moveTo>
                      <a:pt x="483" y="1001"/>
                    </a:moveTo>
                    <a:lnTo>
                      <a:pt x="472" y="992"/>
                    </a:lnTo>
                    <a:lnTo>
                      <a:pt x="462" y="983"/>
                    </a:lnTo>
                    <a:lnTo>
                      <a:pt x="453" y="973"/>
                    </a:lnTo>
                    <a:lnTo>
                      <a:pt x="443" y="962"/>
                    </a:lnTo>
                    <a:lnTo>
                      <a:pt x="437" y="957"/>
                    </a:lnTo>
                    <a:lnTo>
                      <a:pt x="430" y="948"/>
                    </a:lnTo>
                    <a:lnTo>
                      <a:pt x="422" y="942"/>
                    </a:lnTo>
                    <a:lnTo>
                      <a:pt x="415" y="939"/>
                    </a:lnTo>
                    <a:lnTo>
                      <a:pt x="412" y="939"/>
                    </a:lnTo>
                    <a:lnTo>
                      <a:pt x="409" y="940"/>
                    </a:lnTo>
                    <a:lnTo>
                      <a:pt x="408" y="943"/>
                    </a:lnTo>
                    <a:lnTo>
                      <a:pt x="408" y="947"/>
                    </a:lnTo>
                    <a:lnTo>
                      <a:pt x="410" y="955"/>
                    </a:lnTo>
                    <a:lnTo>
                      <a:pt x="414" y="964"/>
                    </a:lnTo>
                    <a:lnTo>
                      <a:pt x="427" y="982"/>
                    </a:lnTo>
                    <a:lnTo>
                      <a:pt x="436" y="992"/>
                    </a:lnTo>
                    <a:lnTo>
                      <a:pt x="450" y="1009"/>
                    </a:lnTo>
                    <a:lnTo>
                      <a:pt x="465" y="1025"/>
                    </a:lnTo>
                    <a:lnTo>
                      <a:pt x="472" y="1036"/>
                    </a:lnTo>
                    <a:lnTo>
                      <a:pt x="479" y="1049"/>
                    </a:lnTo>
                    <a:lnTo>
                      <a:pt x="483" y="1056"/>
                    </a:lnTo>
                    <a:lnTo>
                      <a:pt x="487" y="1062"/>
                    </a:lnTo>
                    <a:lnTo>
                      <a:pt x="492" y="1067"/>
                    </a:lnTo>
                    <a:lnTo>
                      <a:pt x="497" y="1074"/>
                    </a:lnTo>
                    <a:lnTo>
                      <a:pt x="501" y="1076"/>
                    </a:lnTo>
                    <a:lnTo>
                      <a:pt x="507" y="1082"/>
                    </a:lnTo>
                    <a:lnTo>
                      <a:pt x="511" y="1083"/>
                    </a:lnTo>
                    <a:lnTo>
                      <a:pt x="515" y="1084"/>
                    </a:lnTo>
                    <a:lnTo>
                      <a:pt x="518" y="1084"/>
                    </a:lnTo>
                    <a:lnTo>
                      <a:pt x="520" y="1083"/>
                    </a:lnTo>
                    <a:lnTo>
                      <a:pt x="523" y="1079"/>
                    </a:lnTo>
                    <a:lnTo>
                      <a:pt x="523" y="1074"/>
                    </a:lnTo>
                    <a:lnTo>
                      <a:pt x="522" y="1069"/>
                    </a:lnTo>
                    <a:lnTo>
                      <a:pt x="520" y="1063"/>
                    </a:lnTo>
                    <a:lnTo>
                      <a:pt x="513" y="1054"/>
                    </a:lnTo>
                    <a:lnTo>
                      <a:pt x="506" y="1048"/>
                    </a:lnTo>
                    <a:lnTo>
                      <a:pt x="483" y="1001"/>
                    </a:lnTo>
                    <a:close/>
                    <a:moveTo>
                      <a:pt x="294" y="952"/>
                    </a:moveTo>
                    <a:lnTo>
                      <a:pt x="285" y="940"/>
                    </a:lnTo>
                    <a:lnTo>
                      <a:pt x="278" y="926"/>
                    </a:lnTo>
                    <a:lnTo>
                      <a:pt x="272" y="915"/>
                    </a:lnTo>
                    <a:lnTo>
                      <a:pt x="263" y="902"/>
                    </a:lnTo>
                    <a:lnTo>
                      <a:pt x="259" y="895"/>
                    </a:lnTo>
                    <a:lnTo>
                      <a:pt x="253" y="890"/>
                    </a:lnTo>
                    <a:lnTo>
                      <a:pt x="248" y="886"/>
                    </a:lnTo>
                    <a:lnTo>
                      <a:pt x="243" y="883"/>
                    </a:lnTo>
                    <a:lnTo>
                      <a:pt x="237" y="883"/>
                    </a:lnTo>
                    <a:lnTo>
                      <a:pt x="233" y="885"/>
                    </a:lnTo>
                    <a:lnTo>
                      <a:pt x="230" y="887"/>
                    </a:lnTo>
                    <a:lnTo>
                      <a:pt x="229" y="891"/>
                    </a:lnTo>
                    <a:lnTo>
                      <a:pt x="228" y="896"/>
                    </a:lnTo>
                    <a:lnTo>
                      <a:pt x="229" y="902"/>
                    </a:lnTo>
                    <a:lnTo>
                      <a:pt x="229" y="905"/>
                    </a:lnTo>
                    <a:lnTo>
                      <a:pt x="231" y="909"/>
                    </a:lnTo>
                    <a:lnTo>
                      <a:pt x="243" y="925"/>
                    </a:lnTo>
                    <a:lnTo>
                      <a:pt x="255" y="940"/>
                    </a:lnTo>
                    <a:lnTo>
                      <a:pt x="263" y="950"/>
                    </a:lnTo>
                    <a:lnTo>
                      <a:pt x="269" y="959"/>
                    </a:lnTo>
                    <a:lnTo>
                      <a:pt x="276" y="969"/>
                    </a:lnTo>
                    <a:lnTo>
                      <a:pt x="282" y="979"/>
                    </a:lnTo>
                    <a:lnTo>
                      <a:pt x="287" y="987"/>
                    </a:lnTo>
                    <a:lnTo>
                      <a:pt x="292" y="995"/>
                    </a:lnTo>
                    <a:lnTo>
                      <a:pt x="295" y="999"/>
                    </a:lnTo>
                    <a:lnTo>
                      <a:pt x="298" y="1000"/>
                    </a:lnTo>
                    <a:lnTo>
                      <a:pt x="300" y="1000"/>
                    </a:lnTo>
                    <a:lnTo>
                      <a:pt x="301" y="999"/>
                    </a:lnTo>
                    <a:lnTo>
                      <a:pt x="303" y="994"/>
                    </a:lnTo>
                    <a:lnTo>
                      <a:pt x="303" y="987"/>
                    </a:lnTo>
                    <a:lnTo>
                      <a:pt x="294" y="952"/>
                    </a:lnTo>
                    <a:close/>
                    <a:moveTo>
                      <a:pt x="470" y="1281"/>
                    </a:moveTo>
                    <a:lnTo>
                      <a:pt x="462" y="1271"/>
                    </a:lnTo>
                    <a:lnTo>
                      <a:pt x="457" y="1262"/>
                    </a:lnTo>
                    <a:lnTo>
                      <a:pt x="450" y="1251"/>
                    </a:lnTo>
                    <a:lnTo>
                      <a:pt x="444" y="1241"/>
                    </a:lnTo>
                    <a:lnTo>
                      <a:pt x="437" y="1228"/>
                    </a:lnTo>
                    <a:lnTo>
                      <a:pt x="431" y="1214"/>
                    </a:lnTo>
                    <a:lnTo>
                      <a:pt x="425" y="1203"/>
                    </a:lnTo>
                    <a:lnTo>
                      <a:pt x="418" y="1193"/>
                    </a:lnTo>
                    <a:lnTo>
                      <a:pt x="415" y="1188"/>
                    </a:lnTo>
                    <a:lnTo>
                      <a:pt x="414" y="1183"/>
                    </a:lnTo>
                    <a:lnTo>
                      <a:pt x="413" y="1177"/>
                    </a:lnTo>
                    <a:lnTo>
                      <a:pt x="413" y="1171"/>
                    </a:lnTo>
                    <a:lnTo>
                      <a:pt x="413" y="1168"/>
                    </a:lnTo>
                    <a:lnTo>
                      <a:pt x="414" y="1167"/>
                    </a:lnTo>
                    <a:lnTo>
                      <a:pt x="415" y="1167"/>
                    </a:lnTo>
                    <a:lnTo>
                      <a:pt x="417" y="1167"/>
                    </a:lnTo>
                    <a:lnTo>
                      <a:pt x="421" y="1170"/>
                    </a:lnTo>
                    <a:lnTo>
                      <a:pt x="425" y="1174"/>
                    </a:lnTo>
                    <a:lnTo>
                      <a:pt x="431" y="1184"/>
                    </a:lnTo>
                    <a:lnTo>
                      <a:pt x="435" y="1189"/>
                    </a:lnTo>
                    <a:lnTo>
                      <a:pt x="444" y="1207"/>
                    </a:lnTo>
                    <a:lnTo>
                      <a:pt x="454" y="1224"/>
                    </a:lnTo>
                    <a:lnTo>
                      <a:pt x="462" y="1234"/>
                    </a:lnTo>
                    <a:lnTo>
                      <a:pt x="470" y="1245"/>
                    </a:lnTo>
                    <a:lnTo>
                      <a:pt x="476" y="1255"/>
                    </a:lnTo>
                    <a:lnTo>
                      <a:pt x="483" y="1267"/>
                    </a:lnTo>
                    <a:lnTo>
                      <a:pt x="485" y="1273"/>
                    </a:lnTo>
                    <a:lnTo>
                      <a:pt x="489" y="1282"/>
                    </a:lnTo>
                    <a:lnTo>
                      <a:pt x="491" y="1286"/>
                    </a:lnTo>
                    <a:lnTo>
                      <a:pt x="489" y="1289"/>
                    </a:lnTo>
                    <a:lnTo>
                      <a:pt x="488" y="1291"/>
                    </a:lnTo>
                    <a:lnTo>
                      <a:pt x="483" y="1290"/>
                    </a:lnTo>
                    <a:lnTo>
                      <a:pt x="470" y="1281"/>
                    </a:lnTo>
                    <a:close/>
                    <a:moveTo>
                      <a:pt x="551" y="1268"/>
                    </a:moveTo>
                    <a:lnTo>
                      <a:pt x="539" y="1255"/>
                    </a:lnTo>
                    <a:lnTo>
                      <a:pt x="528" y="1242"/>
                    </a:lnTo>
                    <a:lnTo>
                      <a:pt x="519" y="1229"/>
                    </a:lnTo>
                    <a:lnTo>
                      <a:pt x="509" y="1215"/>
                    </a:lnTo>
                    <a:lnTo>
                      <a:pt x="502" y="1206"/>
                    </a:lnTo>
                    <a:lnTo>
                      <a:pt x="497" y="1194"/>
                    </a:lnTo>
                    <a:lnTo>
                      <a:pt x="496" y="1190"/>
                    </a:lnTo>
                    <a:lnTo>
                      <a:pt x="497" y="1189"/>
                    </a:lnTo>
                    <a:lnTo>
                      <a:pt x="501" y="1189"/>
                    </a:lnTo>
                    <a:lnTo>
                      <a:pt x="507" y="1194"/>
                    </a:lnTo>
                    <a:lnTo>
                      <a:pt x="524" y="1209"/>
                    </a:lnTo>
                    <a:lnTo>
                      <a:pt x="541" y="1223"/>
                    </a:lnTo>
                    <a:lnTo>
                      <a:pt x="553" y="1232"/>
                    </a:lnTo>
                    <a:lnTo>
                      <a:pt x="563" y="1242"/>
                    </a:lnTo>
                    <a:lnTo>
                      <a:pt x="573" y="1253"/>
                    </a:lnTo>
                    <a:lnTo>
                      <a:pt x="581" y="1264"/>
                    </a:lnTo>
                    <a:lnTo>
                      <a:pt x="588" y="1272"/>
                    </a:lnTo>
                    <a:lnTo>
                      <a:pt x="592" y="1280"/>
                    </a:lnTo>
                    <a:lnTo>
                      <a:pt x="592" y="1284"/>
                    </a:lnTo>
                    <a:lnTo>
                      <a:pt x="589" y="1285"/>
                    </a:lnTo>
                    <a:lnTo>
                      <a:pt x="586" y="1286"/>
                    </a:lnTo>
                    <a:lnTo>
                      <a:pt x="584" y="1286"/>
                    </a:lnTo>
                    <a:lnTo>
                      <a:pt x="576" y="1285"/>
                    </a:lnTo>
                    <a:lnTo>
                      <a:pt x="572" y="1282"/>
                    </a:lnTo>
                    <a:lnTo>
                      <a:pt x="551" y="1268"/>
                    </a:lnTo>
                    <a:close/>
                    <a:moveTo>
                      <a:pt x="710" y="1413"/>
                    </a:moveTo>
                    <a:lnTo>
                      <a:pt x="698" y="1407"/>
                    </a:lnTo>
                    <a:lnTo>
                      <a:pt x="686" y="1400"/>
                    </a:lnTo>
                    <a:lnTo>
                      <a:pt x="680" y="1398"/>
                    </a:lnTo>
                    <a:lnTo>
                      <a:pt x="673" y="1396"/>
                    </a:lnTo>
                    <a:lnTo>
                      <a:pt x="669" y="1396"/>
                    </a:lnTo>
                    <a:lnTo>
                      <a:pt x="665" y="1398"/>
                    </a:lnTo>
                    <a:lnTo>
                      <a:pt x="664" y="1403"/>
                    </a:lnTo>
                    <a:lnTo>
                      <a:pt x="665" y="1408"/>
                    </a:lnTo>
                    <a:lnTo>
                      <a:pt x="675" y="1415"/>
                    </a:lnTo>
                    <a:lnTo>
                      <a:pt x="684" y="1421"/>
                    </a:lnTo>
                    <a:lnTo>
                      <a:pt x="686" y="1428"/>
                    </a:lnTo>
                    <a:lnTo>
                      <a:pt x="690" y="1433"/>
                    </a:lnTo>
                    <a:lnTo>
                      <a:pt x="694" y="1433"/>
                    </a:lnTo>
                    <a:lnTo>
                      <a:pt x="698" y="1433"/>
                    </a:lnTo>
                    <a:lnTo>
                      <a:pt x="702" y="1431"/>
                    </a:lnTo>
                    <a:lnTo>
                      <a:pt x="706" y="1429"/>
                    </a:lnTo>
                    <a:lnTo>
                      <a:pt x="710" y="1413"/>
                    </a:lnTo>
                    <a:close/>
                    <a:moveTo>
                      <a:pt x="1050" y="1574"/>
                    </a:moveTo>
                    <a:lnTo>
                      <a:pt x="1033" y="1569"/>
                    </a:lnTo>
                    <a:lnTo>
                      <a:pt x="1017" y="1564"/>
                    </a:lnTo>
                    <a:lnTo>
                      <a:pt x="1004" y="1558"/>
                    </a:lnTo>
                    <a:lnTo>
                      <a:pt x="989" y="1552"/>
                    </a:lnTo>
                    <a:lnTo>
                      <a:pt x="983" y="1549"/>
                    </a:lnTo>
                    <a:lnTo>
                      <a:pt x="975" y="1547"/>
                    </a:lnTo>
                    <a:lnTo>
                      <a:pt x="969" y="1545"/>
                    </a:lnTo>
                    <a:lnTo>
                      <a:pt x="962" y="1545"/>
                    </a:lnTo>
                    <a:lnTo>
                      <a:pt x="957" y="1548"/>
                    </a:lnTo>
                    <a:lnTo>
                      <a:pt x="952" y="1551"/>
                    </a:lnTo>
                    <a:lnTo>
                      <a:pt x="949" y="1554"/>
                    </a:lnTo>
                    <a:lnTo>
                      <a:pt x="947" y="1560"/>
                    </a:lnTo>
                    <a:lnTo>
                      <a:pt x="945" y="1565"/>
                    </a:lnTo>
                    <a:lnTo>
                      <a:pt x="945" y="1570"/>
                    </a:lnTo>
                    <a:lnTo>
                      <a:pt x="945" y="1575"/>
                    </a:lnTo>
                    <a:lnTo>
                      <a:pt x="948" y="1580"/>
                    </a:lnTo>
                    <a:lnTo>
                      <a:pt x="949" y="1584"/>
                    </a:lnTo>
                    <a:lnTo>
                      <a:pt x="953" y="1588"/>
                    </a:lnTo>
                    <a:lnTo>
                      <a:pt x="956" y="1591"/>
                    </a:lnTo>
                    <a:lnTo>
                      <a:pt x="960" y="1592"/>
                    </a:lnTo>
                    <a:lnTo>
                      <a:pt x="967" y="1595"/>
                    </a:lnTo>
                    <a:lnTo>
                      <a:pt x="976" y="1595"/>
                    </a:lnTo>
                    <a:lnTo>
                      <a:pt x="984" y="1596"/>
                    </a:lnTo>
                    <a:lnTo>
                      <a:pt x="992" y="1597"/>
                    </a:lnTo>
                    <a:lnTo>
                      <a:pt x="998" y="1599"/>
                    </a:lnTo>
                    <a:lnTo>
                      <a:pt x="1005" y="1601"/>
                    </a:lnTo>
                    <a:lnTo>
                      <a:pt x="1011" y="1604"/>
                    </a:lnTo>
                    <a:lnTo>
                      <a:pt x="1019" y="1606"/>
                    </a:lnTo>
                    <a:lnTo>
                      <a:pt x="1027" y="1608"/>
                    </a:lnTo>
                    <a:lnTo>
                      <a:pt x="1035" y="1608"/>
                    </a:lnTo>
                    <a:lnTo>
                      <a:pt x="1048" y="1608"/>
                    </a:lnTo>
                    <a:lnTo>
                      <a:pt x="1059" y="1605"/>
                    </a:lnTo>
                    <a:lnTo>
                      <a:pt x="1064" y="1602"/>
                    </a:lnTo>
                    <a:lnTo>
                      <a:pt x="1068" y="1599"/>
                    </a:lnTo>
                    <a:lnTo>
                      <a:pt x="1070" y="1593"/>
                    </a:lnTo>
                    <a:lnTo>
                      <a:pt x="1071" y="1586"/>
                    </a:lnTo>
                    <a:lnTo>
                      <a:pt x="1050" y="1574"/>
                    </a:lnTo>
                    <a:close/>
                    <a:moveTo>
                      <a:pt x="1107" y="1652"/>
                    </a:moveTo>
                    <a:lnTo>
                      <a:pt x="1093" y="1654"/>
                    </a:lnTo>
                    <a:lnTo>
                      <a:pt x="1077" y="1654"/>
                    </a:lnTo>
                    <a:lnTo>
                      <a:pt x="1061" y="1653"/>
                    </a:lnTo>
                    <a:lnTo>
                      <a:pt x="1046" y="1650"/>
                    </a:lnTo>
                    <a:lnTo>
                      <a:pt x="1027" y="1640"/>
                    </a:lnTo>
                    <a:lnTo>
                      <a:pt x="1006" y="1628"/>
                    </a:lnTo>
                    <a:lnTo>
                      <a:pt x="996" y="1624"/>
                    </a:lnTo>
                    <a:lnTo>
                      <a:pt x="987" y="1623"/>
                    </a:lnTo>
                    <a:lnTo>
                      <a:pt x="982" y="1624"/>
                    </a:lnTo>
                    <a:lnTo>
                      <a:pt x="976" y="1626"/>
                    </a:lnTo>
                    <a:lnTo>
                      <a:pt x="973" y="1630"/>
                    </a:lnTo>
                    <a:lnTo>
                      <a:pt x="967" y="1633"/>
                    </a:lnTo>
                    <a:lnTo>
                      <a:pt x="954" y="1641"/>
                    </a:lnTo>
                    <a:lnTo>
                      <a:pt x="936" y="1652"/>
                    </a:lnTo>
                    <a:lnTo>
                      <a:pt x="932" y="1656"/>
                    </a:lnTo>
                    <a:lnTo>
                      <a:pt x="930" y="1658"/>
                    </a:lnTo>
                    <a:lnTo>
                      <a:pt x="927" y="1661"/>
                    </a:lnTo>
                    <a:lnTo>
                      <a:pt x="927" y="1663"/>
                    </a:lnTo>
                    <a:lnTo>
                      <a:pt x="927" y="1666"/>
                    </a:lnTo>
                    <a:lnTo>
                      <a:pt x="930" y="1670"/>
                    </a:lnTo>
                    <a:lnTo>
                      <a:pt x="934" y="1672"/>
                    </a:lnTo>
                    <a:lnTo>
                      <a:pt x="939" y="1675"/>
                    </a:lnTo>
                    <a:lnTo>
                      <a:pt x="949" y="1678"/>
                    </a:lnTo>
                    <a:lnTo>
                      <a:pt x="961" y="1679"/>
                    </a:lnTo>
                    <a:lnTo>
                      <a:pt x="971" y="1679"/>
                    </a:lnTo>
                    <a:lnTo>
                      <a:pt x="983" y="1679"/>
                    </a:lnTo>
                    <a:lnTo>
                      <a:pt x="1005" y="1678"/>
                    </a:lnTo>
                    <a:lnTo>
                      <a:pt x="1026" y="1678"/>
                    </a:lnTo>
                    <a:lnTo>
                      <a:pt x="1036" y="1679"/>
                    </a:lnTo>
                    <a:lnTo>
                      <a:pt x="1046" y="1680"/>
                    </a:lnTo>
                    <a:lnTo>
                      <a:pt x="1057" y="1681"/>
                    </a:lnTo>
                    <a:lnTo>
                      <a:pt x="1066" y="1681"/>
                    </a:lnTo>
                    <a:lnTo>
                      <a:pt x="1080" y="1678"/>
                    </a:lnTo>
                    <a:lnTo>
                      <a:pt x="1093" y="1672"/>
                    </a:lnTo>
                    <a:lnTo>
                      <a:pt x="1111" y="1672"/>
                    </a:lnTo>
                    <a:lnTo>
                      <a:pt x="1129" y="1672"/>
                    </a:lnTo>
                    <a:lnTo>
                      <a:pt x="1136" y="1671"/>
                    </a:lnTo>
                    <a:lnTo>
                      <a:pt x="1140" y="1668"/>
                    </a:lnTo>
                    <a:lnTo>
                      <a:pt x="1142" y="1665"/>
                    </a:lnTo>
                    <a:lnTo>
                      <a:pt x="1144" y="1661"/>
                    </a:lnTo>
                    <a:lnTo>
                      <a:pt x="1142" y="1657"/>
                    </a:lnTo>
                    <a:lnTo>
                      <a:pt x="1140" y="1654"/>
                    </a:lnTo>
                    <a:lnTo>
                      <a:pt x="1136" y="1652"/>
                    </a:lnTo>
                    <a:lnTo>
                      <a:pt x="1129" y="1650"/>
                    </a:lnTo>
                    <a:lnTo>
                      <a:pt x="1107" y="1652"/>
                    </a:lnTo>
                    <a:close/>
                    <a:moveTo>
                      <a:pt x="1110" y="1738"/>
                    </a:moveTo>
                    <a:lnTo>
                      <a:pt x="1102" y="1738"/>
                    </a:lnTo>
                    <a:lnTo>
                      <a:pt x="1094" y="1738"/>
                    </a:lnTo>
                    <a:lnTo>
                      <a:pt x="1087" y="1737"/>
                    </a:lnTo>
                    <a:lnTo>
                      <a:pt x="1079" y="1735"/>
                    </a:lnTo>
                    <a:lnTo>
                      <a:pt x="1063" y="1729"/>
                    </a:lnTo>
                    <a:lnTo>
                      <a:pt x="1048" y="1727"/>
                    </a:lnTo>
                    <a:lnTo>
                      <a:pt x="1032" y="1727"/>
                    </a:lnTo>
                    <a:lnTo>
                      <a:pt x="1020" y="1728"/>
                    </a:lnTo>
                    <a:lnTo>
                      <a:pt x="1018" y="1731"/>
                    </a:lnTo>
                    <a:lnTo>
                      <a:pt x="1015" y="1736"/>
                    </a:lnTo>
                    <a:lnTo>
                      <a:pt x="1014" y="1742"/>
                    </a:lnTo>
                    <a:lnTo>
                      <a:pt x="1015" y="1751"/>
                    </a:lnTo>
                    <a:lnTo>
                      <a:pt x="1017" y="1759"/>
                    </a:lnTo>
                    <a:lnTo>
                      <a:pt x="1018" y="1766"/>
                    </a:lnTo>
                    <a:lnTo>
                      <a:pt x="1019" y="1769"/>
                    </a:lnTo>
                    <a:lnTo>
                      <a:pt x="1023" y="1773"/>
                    </a:lnTo>
                    <a:lnTo>
                      <a:pt x="1026" y="1776"/>
                    </a:lnTo>
                    <a:lnTo>
                      <a:pt x="1031" y="1777"/>
                    </a:lnTo>
                    <a:lnTo>
                      <a:pt x="1037" y="1776"/>
                    </a:lnTo>
                    <a:lnTo>
                      <a:pt x="1044" y="1773"/>
                    </a:lnTo>
                    <a:lnTo>
                      <a:pt x="1054" y="1771"/>
                    </a:lnTo>
                    <a:lnTo>
                      <a:pt x="1064" y="1769"/>
                    </a:lnTo>
                    <a:lnTo>
                      <a:pt x="1075" y="1771"/>
                    </a:lnTo>
                    <a:lnTo>
                      <a:pt x="1085" y="1771"/>
                    </a:lnTo>
                    <a:lnTo>
                      <a:pt x="1101" y="1771"/>
                    </a:lnTo>
                    <a:lnTo>
                      <a:pt x="1116" y="1771"/>
                    </a:lnTo>
                    <a:lnTo>
                      <a:pt x="1133" y="1771"/>
                    </a:lnTo>
                    <a:lnTo>
                      <a:pt x="1147" y="1769"/>
                    </a:lnTo>
                    <a:lnTo>
                      <a:pt x="1151" y="1768"/>
                    </a:lnTo>
                    <a:lnTo>
                      <a:pt x="1154" y="1767"/>
                    </a:lnTo>
                    <a:lnTo>
                      <a:pt x="1155" y="1766"/>
                    </a:lnTo>
                    <a:lnTo>
                      <a:pt x="1156" y="1763"/>
                    </a:lnTo>
                    <a:lnTo>
                      <a:pt x="1156" y="1760"/>
                    </a:lnTo>
                    <a:lnTo>
                      <a:pt x="1156" y="1758"/>
                    </a:lnTo>
                    <a:lnTo>
                      <a:pt x="1154" y="1755"/>
                    </a:lnTo>
                    <a:lnTo>
                      <a:pt x="1151" y="1754"/>
                    </a:lnTo>
                    <a:lnTo>
                      <a:pt x="1136" y="1747"/>
                    </a:lnTo>
                    <a:lnTo>
                      <a:pt x="1120" y="1742"/>
                    </a:lnTo>
                    <a:lnTo>
                      <a:pt x="1110" y="1738"/>
                    </a:lnTo>
                    <a:close/>
                    <a:moveTo>
                      <a:pt x="1318" y="1841"/>
                    </a:moveTo>
                    <a:lnTo>
                      <a:pt x="1300" y="1836"/>
                    </a:lnTo>
                    <a:lnTo>
                      <a:pt x="1280" y="1830"/>
                    </a:lnTo>
                    <a:lnTo>
                      <a:pt x="1269" y="1829"/>
                    </a:lnTo>
                    <a:lnTo>
                      <a:pt x="1259" y="1828"/>
                    </a:lnTo>
                    <a:lnTo>
                      <a:pt x="1248" y="1828"/>
                    </a:lnTo>
                    <a:lnTo>
                      <a:pt x="1238" y="1829"/>
                    </a:lnTo>
                    <a:lnTo>
                      <a:pt x="1232" y="1829"/>
                    </a:lnTo>
                    <a:lnTo>
                      <a:pt x="1225" y="1832"/>
                    </a:lnTo>
                    <a:lnTo>
                      <a:pt x="1221" y="1834"/>
                    </a:lnTo>
                    <a:lnTo>
                      <a:pt x="1219" y="1837"/>
                    </a:lnTo>
                    <a:lnTo>
                      <a:pt x="1217" y="1841"/>
                    </a:lnTo>
                    <a:lnTo>
                      <a:pt x="1220" y="1845"/>
                    </a:lnTo>
                    <a:lnTo>
                      <a:pt x="1224" y="1849"/>
                    </a:lnTo>
                    <a:lnTo>
                      <a:pt x="1230" y="1854"/>
                    </a:lnTo>
                    <a:lnTo>
                      <a:pt x="1243" y="1858"/>
                    </a:lnTo>
                    <a:lnTo>
                      <a:pt x="1258" y="1860"/>
                    </a:lnTo>
                    <a:lnTo>
                      <a:pt x="1273" y="1861"/>
                    </a:lnTo>
                    <a:lnTo>
                      <a:pt x="1286" y="1863"/>
                    </a:lnTo>
                    <a:lnTo>
                      <a:pt x="1302" y="1867"/>
                    </a:lnTo>
                    <a:lnTo>
                      <a:pt x="1316" y="1873"/>
                    </a:lnTo>
                    <a:lnTo>
                      <a:pt x="1330" y="1878"/>
                    </a:lnTo>
                    <a:lnTo>
                      <a:pt x="1346" y="1882"/>
                    </a:lnTo>
                    <a:lnTo>
                      <a:pt x="1349" y="1883"/>
                    </a:lnTo>
                    <a:lnTo>
                      <a:pt x="1356" y="1883"/>
                    </a:lnTo>
                    <a:lnTo>
                      <a:pt x="1361" y="1882"/>
                    </a:lnTo>
                    <a:lnTo>
                      <a:pt x="1365" y="1880"/>
                    </a:lnTo>
                    <a:lnTo>
                      <a:pt x="1365" y="1876"/>
                    </a:lnTo>
                    <a:lnTo>
                      <a:pt x="1364" y="1872"/>
                    </a:lnTo>
                    <a:lnTo>
                      <a:pt x="1361" y="1869"/>
                    </a:lnTo>
                    <a:lnTo>
                      <a:pt x="1357" y="1865"/>
                    </a:lnTo>
                    <a:lnTo>
                      <a:pt x="1349" y="1860"/>
                    </a:lnTo>
                    <a:lnTo>
                      <a:pt x="1343" y="1856"/>
                    </a:lnTo>
                    <a:lnTo>
                      <a:pt x="1318" y="1841"/>
                    </a:lnTo>
                    <a:close/>
                    <a:moveTo>
                      <a:pt x="1286" y="1754"/>
                    </a:moveTo>
                    <a:lnTo>
                      <a:pt x="1259" y="1740"/>
                    </a:lnTo>
                    <a:lnTo>
                      <a:pt x="1221" y="1718"/>
                    </a:lnTo>
                    <a:lnTo>
                      <a:pt x="1203" y="1707"/>
                    </a:lnTo>
                    <a:lnTo>
                      <a:pt x="1185" y="1700"/>
                    </a:lnTo>
                    <a:lnTo>
                      <a:pt x="1178" y="1697"/>
                    </a:lnTo>
                    <a:lnTo>
                      <a:pt x="1172" y="1697"/>
                    </a:lnTo>
                    <a:lnTo>
                      <a:pt x="1167" y="1697"/>
                    </a:lnTo>
                    <a:lnTo>
                      <a:pt x="1163" y="1698"/>
                    </a:lnTo>
                    <a:lnTo>
                      <a:pt x="1164" y="1702"/>
                    </a:lnTo>
                    <a:lnTo>
                      <a:pt x="1166" y="1706"/>
                    </a:lnTo>
                    <a:lnTo>
                      <a:pt x="1168" y="1710"/>
                    </a:lnTo>
                    <a:lnTo>
                      <a:pt x="1172" y="1714"/>
                    </a:lnTo>
                    <a:lnTo>
                      <a:pt x="1181" y="1720"/>
                    </a:lnTo>
                    <a:lnTo>
                      <a:pt x="1193" y="1728"/>
                    </a:lnTo>
                    <a:lnTo>
                      <a:pt x="1216" y="1741"/>
                    </a:lnTo>
                    <a:lnTo>
                      <a:pt x="1233" y="1749"/>
                    </a:lnTo>
                    <a:lnTo>
                      <a:pt x="1243" y="1755"/>
                    </a:lnTo>
                    <a:lnTo>
                      <a:pt x="1254" y="1763"/>
                    </a:lnTo>
                    <a:lnTo>
                      <a:pt x="1264" y="1769"/>
                    </a:lnTo>
                    <a:lnTo>
                      <a:pt x="1274" y="1775"/>
                    </a:lnTo>
                    <a:lnTo>
                      <a:pt x="1291" y="1779"/>
                    </a:lnTo>
                    <a:lnTo>
                      <a:pt x="1309" y="1784"/>
                    </a:lnTo>
                    <a:lnTo>
                      <a:pt x="1318" y="1789"/>
                    </a:lnTo>
                    <a:lnTo>
                      <a:pt x="1329" y="1794"/>
                    </a:lnTo>
                    <a:lnTo>
                      <a:pt x="1334" y="1797"/>
                    </a:lnTo>
                    <a:lnTo>
                      <a:pt x="1339" y="1799"/>
                    </a:lnTo>
                    <a:lnTo>
                      <a:pt x="1344" y="1801"/>
                    </a:lnTo>
                    <a:lnTo>
                      <a:pt x="1349" y="1802"/>
                    </a:lnTo>
                    <a:lnTo>
                      <a:pt x="1353" y="1802"/>
                    </a:lnTo>
                    <a:lnTo>
                      <a:pt x="1356" y="1801"/>
                    </a:lnTo>
                    <a:lnTo>
                      <a:pt x="1357" y="1799"/>
                    </a:lnTo>
                    <a:lnTo>
                      <a:pt x="1357" y="1797"/>
                    </a:lnTo>
                    <a:lnTo>
                      <a:pt x="1353" y="1792"/>
                    </a:lnTo>
                    <a:lnTo>
                      <a:pt x="1347" y="1785"/>
                    </a:lnTo>
                    <a:lnTo>
                      <a:pt x="1331" y="1773"/>
                    </a:lnTo>
                    <a:lnTo>
                      <a:pt x="1321" y="1767"/>
                    </a:lnTo>
                    <a:lnTo>
                      <a:pt x="1286" y="1754"/>
                    </a:lnTo>
                    <a:close/>
                    <a:moveTo>
                      <a:pt x="1624" y="1987"/>
                    </a:moveTo>
                    <a:lnTo>
                      <a:pt x="1618" y="1978"/>
                    </a:lnTo>
                    <a:lnTo>
                      <a:pt x="1611" y="1969"/>
                    </a:lnTo>
                    <a:lnTo>
                      <a:pt x="1603" y="1961"/>
                    </a:lnTo>
                    <a:lnTo>
                      <a:pt x="1593" y="1953"/>
                    </a:lnTo>
                    <a:lnTo>
                      <a:pt x="1577" y="1944"/>
                    </a:lnTo>
                    <a:lnTo>
                      <a:pt x="1563" y="1937"/>
                    </a:lnTo>
                    <a:lnTo>
                      <a:pt x="1557" y="1931"/>
                    </a:lnTo>
                    <a:lnTo>
                      <a:pt x="1552" y="1926"/>
                    </a:lnTo>
                    <a:lnTo>
                      <a:pt x="1545" y="1920"/>
                    </a:lnTo>
                    <a:lnTo>
                      <a:pt x="1539" y="1911"/>
                    </a:lnTo>
                    <a:lnTo>
                      <a:pt x="1522" y="1889"/>
                    </a:lnTo>
                    <a:lnTo>
                      <a:pt x="1504" y="1868"/>
                    </a:lnTo>
                    <a:lnTo>
                      <a:pt x="1498" y="1864"/>
                    </a:lnTo>
                    <a:lnTo>
                      <a:pt x="1493" y="1860"/>
                    </a:lnTo>
                    <a:lnTo>
                      <a:pt x="1488" y="1858"/>
                    </a:lnTo>
                    <a:lnTo>
                      <a:pt x="1482" y="1855"/>
                    </a:lnTo>
                    <a:lnTo>
                      <a:pt x="1475" y="1852"/>
                    </a:lnTo>
                    <a:lnTo>
                      <a:pt x="1467" y="1852"/>
                    </a:lnTo>
                    <a:lnTo>
                      <a:pt x="1460" y="1852"/>
                    </a:lnTo>
                    <a:lnTo>
                      <a:pt x="1452" y="1854"/>
                    </a:lnTo>
                    <a:lnTo>
                      <a:pt x="1438" y="1845"/>
                    </a:lnTo>
                    <a:lnTo>
                      <a:pt x="1425" y="1836"/>
                    </a:lnTo>
                    <a:lnTo>
                      <a:pt x="1413" y="1824"/>
                    </a:lnTo>
                    <a:lnTo>
                      <a:pt x="1401" y="1811"/>
                    </a:lnTo>
                    <a:lnTo>
                      <a:pt x="1379" y="1785"/>
                    </a:lnTo>
                    <a:lnTo>
                      <a:pt x="1357" y="1762"/>
                    </a:lnTo>
                    <a:lnTo>
                      <a:pt x="1355" y="1758"/>
                    </a:lnTo>
                    <a:lnTo>
                      <a:pt x="1408" y="1753"/>
                    </a:lnTo>
                    <a:lnTo>
                      <a:pt x="1417" y="1764"/>
                    </a:lnTo>
                    <a:lnTo>
                      <a:pt x="1426" y="1775"/>
                    </a:lnTo>
                    <a:lnTo>
                      <a:pt x="1435" y="1784"/>
                    </a:lnTo>
                    <a:lnTo>
                      <a:pt x="1445" y="1794"/>
                    </a:lnTo>
                    <a:lnTo>
                      <a:pt x="1465" y="1812"/>
                    </a:lnTo>
                    <a:lnTo>
                      <a:pt x="1484" y="1826"/>
                    </a:lnTo>
                    <a:lnTo>
                      <a:pt x="1505" y="1842"/>
                    </a:lnTo>
                    <a:lnTo>
                      <a:pt x="1526" y="1858"/>
                    </a:lnTo>
                    <a:lnTo>
                      <a:pt x="1533" y="1865"/>
                    </a:lnTo>
                    <a:lnTo>
                      <a:pt x="1541" y="1873"/>
                    </a:lnTo>
                    <a:lnTo>
                      <a:pt x="1545" y="1876"/>
                    </a:lnTo>
                    <a:lnTo>
                      <a:pt x="1549" y="1878"/>
                    </a:lnTo>
                    <a:lnTo>
                      <a:pt x="1555" y="1880"/>
                    </a:lnTo>
                    <a:lnTo>
                      <a:pt x="1561" y="1881"/>
                    </a:lnTo>
                    <a:lnTo>
                      <a:pt x="1572" y="1882"/>
                    </a:lnTo>
                    <a:lnTo>
                      <a:pt x="1583" y="1885"/>
                    </a:lnTo>
                    <a:lnTo>
                      <a:pt x="1593" y="1890"/>
                    </a:lnTo>
                    <a:lnTo>
                      <a:pt x="1601" y="1896"/>
                    </a:lnTo>
                    <a:lnTo>
                      <a:pt x="1611" y="1908"/>
                    </a:lnTo>
                    <a:lnTo>
                      <a:pt x="1627" y="1957"/>
                    </a:lnTo>
                    <a:lnTo>
                      <a:pt x="1624" y="1987"/>
                    </a:lnTo>
                    <a:close/>
                    <a:moveTo>
                      <a:pt x="1322" y="1736"/>
                    </a:moveTo>
                    <a:lnTo>
                      <a:pt x="1303" y="1727"/>
                    </a:lnTo>
                    <a:lnTo>
                      <a:pt x="1283" y="1718"/>
                    </a:lnTo>
                    <a:lnTo>
                      <a:pt x="1265" y="1707"/>
                    </a:lnTo>
                    <a:lnTo>
                      <a:pt x="1248" y="1694"/>
                    </a:lnTo>
                    <a:lnTo>
                      <a:pt x="1221" y="1671"/>
                    </a:lnTo>
                    <a:lnTo>
                      <a:pt x="1195" y="1645"/>
                    </a:lnTo>
                    <a:lnTo>
                      <a:pt x="1168" y="1618"/>
                    </a:lnTo>
                    <a:lnTo>
                      <a:pt x="1141" y="1592"/>
                    </a:lnTo>
                    <a:lnTo>
                      <a:pt x="1114" y="1567"/>
                    </a:lnTo>
                    <a:lnTo>
                      <a:pt x="1085" y="1545"/>
                    </a:lnTo>
                    <a:lnTo>
                      <a:pt x="1070" y="1535"/>
                    </a:lnTo>
                    <a:lnTo>
                      <a:pt x="1054" y="1526"/>
                    </a:lnTo>
                    <a:lnTo>
                      <a:pt x="1037" y="1517"/>
                    </a:lnTo>
                    <a:lnTo>
                      <a:pt x="1020" y="1510"/>
                    </a:lnTo>
                    <a:lnTo>
                      <a:pt x="1006" y="1505"/>
                    </a:lnTo>
                    <a:lnTo>
                      <a:pt x="987" y="1501"/>
                    </a:lnTo>
                    <a:lnTo>
                      <a:pt x="978" y="1499"/>
                    </a:lnTo>
                    <a:lnTo>
                      <a:pt x="970" y="1496"/>
                    </a:lnTo>
                    <a:lnTo>
                      <a:pt x="962" y="1494"/>
                    </a:lnTo>
                    <a:lnTo>
                      <a:pt x="957" y="1490"/>
                    </a:lnTo>
                    <a:lnTo>
                      <a:pt x="957" y="1483"/>
                    </a:lnTo>
                    <a:lnTo>
                      <a:pt x="973" y="1464"/>
                    </a:lnTo>
                    <a:lnTo>
                      <a:pt x="973" y="1461"/>
                    </a:lnTo>
                    <a:lnTo>
                      <a:pt x="967" y="1459"/>
                    </a:lnTo>
                    <a:lnTo>
                      <a:pt x="960" y="1457"/>
                    </a:lnTo>
                    <a:lnTo>
                      <a:pt x="950" y="1456"/>
                    </a:lnTo>
                    <a:lnTo>
                      <a:pt x="939" y="1457"/>
                    </a:lnTo>
                    <a:lnTo>
                      <a:pt x="914" y="1460"/>
                    </a:lnTo>
                    <a:lnTo>
                      <a:pt x="887" y="1466"/>
                    </a:lnTo>
                    <a:lnTo>
                      <a:pt x="860" y="1474"/>
                    </a:lnTo>
                    <a:lnTo>
                      <a:pt x="835" y="1482"/>
                    </a:lnTo>
                    <a:lnTo>
                      <a:pt x="814" y="1491"/>
                    </a:lnTo>
                    <a:lnTo>
                      <a:pt x="801" y="1497"/>
                    </a:lnTo>
                    <a:lnTo>
                      <a:pt x="798" y="1499"/>
                    </a:lnTo>
                    <a:lnTo>
                      <a:pt x="795" y="1496"/>
                    </a:lnTo>
                    <a:lnTo>
                      <a:pt x="791" y="1492"/>
                    </a:lnTo>
                    <a:lnTo>
                      <a:pt x="789" y="1487"/>
                    </a:lnTo>
                    <a:lnTo>
                      <a:pt x="781" y="1470"/>
                    </a:lnTo>
                    <a:lnTo>
                      <a:pt x="774" y="1451"/>
                    </a:lnTo>
                    <a:lnTo>
                      <a:pt x="761" y="1408"/>
                    </a:lnTo>
                    <a:lnTo>
                      <a:pt x="751" y="1377"/>
                    </a:lnTo>
                    <a:lnTo>
                      <a:pt x="738" y="1358"/>
                    </a:lnTo>
                    <a:lnTo>
                      <a:pt x="728" y="1343"/>
                    </a:lnTo>
                    <a:lnTo>
                      <a:pt x="717" y="1332"/>
                    </a:lnTo>
                    <a:lnTo>
                      <a:pt x="707" y="1321"/>
                    </a:lnTo>
                    <a:lnTo>
                      <a:pt x="697" y="1312"/>
                    </a:lnTo>
                    <a:lnTo>
                      <a:pt x="684" y="1304"/>
                    </a:lnTo>
                    <a:lnTo>
                      <a:pt x="667" y="1295"/>
                    </a:lnTo>
                    <a:lnTo>
                      <a:pt x="647" y="1285"/>
                    </a:lnTo>
                    <a:lnTo>
                      <a:pt x="632" y="1277"/>
                    </a:lnTo>
                    <a:lnTo>
                      <a:pt x="619" y="1266"/>
                    </a:lnTo>
                    <a:lnTo>
                      <a:pt x="606" y="1253"/>
                    </a:lnTo>
                    <a:lnTo>
                      <a:pt x="594" y="1240"/>
                    </a:lnTo>
                    <a:lnTo>
                      <a:pt x="573" y="1210"/>
                    </a:lnTo>
                    <a:lnTo>
                      <a:pt x="555" y="1180"/>
                    </a:lnTo>
                    <a:lnTo>
                      <a:pt x="542" y="1165"/>
                    </a:lnTo>
                    <a:lnTo>
                      <a:pt x="526" y="1146"/>
                    </a:lnTo>
                    <a:lnTo>
                      <a:pt x="523" y="1143"/>
                    </a:lnTo>
                    <a:lnTo>
                      <a:pt x="520" y="1139"/>
                    </a:lnTo>
                    <a:lnTo>
                      <a:pt x="520" y="1135"/>
                    </a:lnTo>
                    <a:lnTo>
                      <a:pt x="520" y="1132"/>
                    </a:lnTo>
                    <a:lnTo>
                      <a:pt x="522" y="1130"/>
                    </a:lnTo>
                    <a:lnTo>
                      <a:pt x="526" y="1128"/>
                    </a:lnTo>
                    <a:lnTo>
                      <a:pt x="532" y="1127"/>
                    </a:lnTo>
                    <a:lnTo>
                      <a:pt x="539" y="1126"/>
                    </a:lnTo>
                    <a:lnTo>
                      <a:pt x="551" y="1126"/>
                    </a:lnTo>
                    <a:lnTo>
                      <a:pt x="561" y="1126"/>
                    </a:lnTo>
                    <a:lnTo>
                      <a:pt x="570" y="1123"/>
                    </a:lnTo>
                    <a:lnTo>
                      <a:pt x="579" y="1122"/>
                    </a:lnTo>
                    <a:lnTo>
                      <a:pt x="594" y="1115"/>
                    </a:lnTo>
                    <a:lnTo>
                      <a:pt x="612" y="1105"/>
                    </a:lnTo>
                    <a:lnTo>
                      <a:pt x="627" y="1110"/>
                    </a:lnTo>
                    <a:lnTo>
                      <a:pt x="655" y="1123"/>
                    </a:lnTo>
                    <a:lnTo>
                      <a:pt x="668" y="1128"/>
                    </a:lnTo>
                    <a:lnTo>
                      <a:pt x="676" y="1130"/>
                    </a:lnTo>
                    <a:lnTo>
                      <a:pt x="678" y="1128"/>
                    </a:lnTo>
                    <a:lnTo>
                      <a:pt x="678" y="1126"/>
                    </a:lnTo>
                    <a:lnTo>
                      <a:pt x="676" y="1122"/>
                    </a:lnTo>
                    <a:lnTo>
                      <a:pt x="672" y="1115"/>
                    </a:lnTo>
                    <a:lnTo>
                      <a:pt x="663" y="1106"/>
                    </a:lnTo>
                    <a:lnTo>
                      <a:pt x="651" y="1100"/>
                    </a:lnTo>
                    <a:lnTo>
                      <a:pt x="629" y="1087"/>
                    </a:lnTo>
                    <a:lnTo>
                      <a:pt x="606" y="1071"/>
                    </a:lnTo>
                    <a:lnTo>
                      <a:pt x="584" y="1054"/>
                    </a:lnTo>
                    <a:lnTo>
                      <a:pt x="563" y="1036"/>
                    </a:lnTo>
                    <a:lnTo>
                      <a:pt x="542" y="1018"/>
                    </a:lnTo>
                    <a:lnTo>
                      <a:pt x="523" y="999"/>
                    </a:lnTo>
                    <a:lnTo>
                      <a:pt x="505" y="978"/>
                    </a:lnTo>
                    <a:lnTo>
                      <a:pt x="488" y="959"/>
                    </a:lnTo>
                    <a:lnTo>
                      <a:pt x="476" y="940"/>
                    </a:lnTo>
                    <a:lnTo>
                      <a:pt x="467" y="925"/>
                    </a:lnTo>
                    <a:lnTo>
                      <a:pt x="461" y="909"/>
                    </a:lnTo>
                    <a:lnTo>
                      <a:pt x="456" y="893"/>
                    </a:lnTo>
                    <a:lnTo>
                      <a:pt x="448" y="860"/>
                    </a:lnTo>
                    <a:lnTo>
                      <a:pt x="436" y="824"/>
                    </a:lnTo>
                    <a:lnTo>
                      <a:pt x="440" y="786"/>
                    </a:lnTo>
                    <a:lnTo>
                      <a:pt x="444" y="759"/>
                    </a:lnTo>
                    <a:lnTo>
                      <a:pt x="447" y="737"/>
                    </a:lnTo>
                    <a:lnTo>
                      <a:pt x="448" y="722"/>
                    </a:lnTo>
                    <a:lnTo>
                      <a:pt x="447" y="714"/>
                    </a:lnTo>
                    <a:lnTo>
                      <a:pt x="443" y="707"/>
                    </a:lnTo>
                    <a:lnTo>
                      <a:pt x="439" y="699"/>
                    </a:lnTo>
                    <a:lnTo>
                      <a:pt x="432" y="692"/>
                    </a:lnTo>
                    <a:lnTo>
                      <a:pt x="413" y="674"/>
                    </a:lnTo>
                    <a:lnTo>
                      <a:pt x="384" y="650"/>
                    </a:lnTo>
                    <a:lnTo>
                      <a:pt x="361" y="633"/>
                    </a:lnTo>
                    <a:lnTo>
                      <a:pt x="340" y="620"/>
                    </a:lnTo>
                    <a:lnTo>
                      <a:pt x="331" y="617"/>
                    </a:lnTo>
                    <a:lnTo>
                      <a:pt x="322" y="614"/>
                    </a:lnTo>
                    <a:lnTo>
                      <a:pt x="314" y="613"/>
                    </a:lnTo>
                    <a:lnTo>
                      <a:pt x="305" y="613"/>
                    </a:lnTo>
                    <a:lnTo>
                      <a:pt x="299" y="615"/>
                    </a:lnTo>
                    <a:lnTo>
                      <a:pt x="291" y="619"/>
                    </a:lnTo>
                    <a:lnTo>
                      <a:pt x="283" y="626"/>
                    </a:lnTo>
                    <a:lnTo>
                      <a:pt x="277" y="633"/>
                    </a:lnTo>
                    <a:lnTo>
                      <a:pt x="270" y="644"/>
                    </a:lnTo>
                    <a:lnTo>
                      <a:pt x="264" y="657"/>
                    </a:lnTo>
                    <a:lnTo>
                      <a:pt x="257" y="671"/>
                    </a:lnTo>
                    <a:lnTo>
                      <a:pt x="251" y="689"/>
                    </a:lnTo>
                    <a:lnTo>
                      <a:pt x="246" y="699"/>
                    </a:lnTo>
                    <a:lnTo>
                      <a:pt x="242" y="709"/>
                    </a:lnTo>
                    <a:lnTo>
                      <a:pt x="237" y="718"/>
                    </a:lnTo>
                    <a:lnTo>
                      <a:pt x="233" y="724"/>
                    </a:lnTo>
                    <a:lnTo>
                      <a:pt x="222" y="736"/>
                    </a:lnTo>
                    <a:lnTo>
                      <a:pt x="212" y="745"/>
                    </a:lnTo>
                    <a:lnTo>
                      <a:pt x="200" y="753"/>
                    </a:lnTo>
                    <a:lnTo>
                      <a:pt x="189" y="762"/>
                    </a:lnTo>
                    <a:lnTo>
                      <a:pt x="176" y="772"/>
                    </a:lnTo>
                    <a:lnTo>
                      <a:pt x="162" y="786"/>
                    </a:lnTo>
                    <a:lnTo>
                      <a:pt x="154" y="801"/>
                    </a:lnTo>
                    <a:lnTo>
                      <a:pt x="145" y="819"/>
                    </a:lnTo>
                    <a:lnTo>
                      <a:pt x="139" y="828"/>
                    </a:lnTo>
                    <a:lnTo>
                      <a:pt x="133" y="834"/>
                    </a:lnTo>
                    <a:lnTo>
                      <a:pt x="130" y="837"/>
                    </a:lnTo>
                    <a:lnTo>
                      <a:pt x="128" y="838"/>
                    </a:lnTo>
                    <a:lnTo>
                      <a:pt x="124" y="839"/>
                    </a:lnTo>
                    <a:lnTo>
                      <a:pt x="120" y="838"/>
                    </a:lnTo>
                    <a:lnTo>
                      <a:pt x="116" y="837"/>
                    </a:lnTo>
                    <a:lnTo>
                      <a:pt x="111" y="833"/>
                    </a:lnTo>
                    <a:lnTo>
                      <a:pt x="106" y="828"/>
                    </a:lnTo>
                    <a:lnTo>
                      <a:pt x="101" y="821"/>
                    </a:lnTo>
                    <a:lnTo>
                      <a:pt x="89" y="804"/>
                    </a:lnTo>
                    <a:lnTo>
                      <a:pt x="79" y="786"/>
                    </a:lnTo>
                    <a:lnTo>
                      <a:pt x="59" y="747"/>
                    </a:lnTo>
                    <a:lnTo>
                      <a:pt x="46" y="719"/>
                    </a:lnTo>
                    <a:lnTo>
                      <a:pt x="33" y="679"/>
                    </a:lnTo>
                    <a:lnTo>
                      <a:pt x="15" y="620"/>
                    </a:lnTo>
                    <a:lnTo>
                      <a:pt x="9" y="591"/>
                    </a:lnTo>
                    <a:lnTo>
                      <a:pt x="2" y="563"/>
                    </a:lnTo>
                    <a:lnTo>
                      <a:pt x="1" y="551"/>
                    </a:lnTo>
                    <a:lnTo>
                      <a:pt x="0" y="540"/>
                    </a:lnTo>
                    <a:lnTo>
                      <a:pt x="0" y="532"/>
                    </a:lnTo>
                    <a:lnTo>
                      <a:pt x="1" y="526"/>
                    </a:lnTo>
                    <a:lnTo>
                      <a:pt x="2" y="522"/>
                    </a:lnTo>
                    <a:lnTo>
                      <a:pt x="5" y="518"/>
                    </a:lnTo>
                    <a:lnTo>
                      <a:pt x="9" y="516"/>
                    </a:lnTo>
                    <a:lnTo>
                      <a:pt x="13" y="513"/>
                    </a:lnTo>
                    <a:lnTo>
                      <a:pt x="22" y="508"/>
                    </a:lnTo>
                    <a:lnTo>
                      <a:pt x="32" y="505"/>
                    </a:lnTo>
                    <a:lnTo>
                      <a:pt x="102" y="531"/>
                    </a:lnTo>
                    <a:lnTo>
                      <a:pt x="121" y="539"/>
                    </a:lnTo>
                    <a:lnTo>
                      <a:pt x="147" y="545"/>
                    </a:lnTo>
                    <a:lnTo>
                      <a:pt x="178" y="551"/>
                    </a:lnTo>
                    <a:lnTo>
                      <a:pt x="209" y="553"/>
                    </a:lnTo>
                    <a:lnTo>
                      <a:pt x="225" y="553"/>
                    </a:lnTo>
                    <a:lnTo>
                      <a:pt x="241" y="553"/>
                    </a:lnTo>
                    <a:lnTo>
                      <a:pt x="256" y="552"/>
                    </a:lnTo>
                    <a:lnTo>
                      <a:pt x="270" y="549"/>
                    </a:lnTo>
                    <a:lnTo>
                      <a:pt x="283" y="547"/>
                    </a:lnTo>
                    <a:lnTo>
                      <a:pt x="295" y="541"/>
                    </a:lnTo>
                    <a:lnTo>
                      <a:pt x="305" y="536"/>
                    </a:lnTo>
                    <a:lnTo>
                      <a:pt x="313" y="528"/>
                    </a:lnTo>
                    <a:lnTo>
                      <a:pt x="321" y="514"/>
                    </a:lnTo>
                    <a:lnTo>
                      <a:pt x="330" y="491"/>
                    </a:lnTo>
                    <a:lnTo>
                      <a:pt x="334" y="481"/>
                    </a:lnTo>
                    <a:lnTo>
                      <a:pt x="339" y="470"/>
                    </a:lnTo>
                    <a:lnTo>
                      <a:pt x="342" y="466"/>
                    </a:lnTo>
                    <a:lnTo>
                      <a:pt x="344" y="464"/>
                    </a:lnTo>
                    <a:lnTo>
                      <a:pt x="347" y="461"/>
                    </a:lnTo>
                    <a:lnTo>
                      <a:pt x="349" y="460"/>
                    </a:lnTo>
                    <a:lnTo>
                      <a:pt x="366" y="471"/>
                    </a:lnTo>
                    <a:lnTo>
                      <a:pt x="402" y="500"/>
                    </a:lnTo>
                    <a:lnTo>
                      <a:pt x="423" y="516"/>
                    </a:lnTo>
                    <a:lnTo>
                      <a:pt x="443" y="530"/>
                    </a:lnTo>
                    <a:lnTo>
                      <a:pt x="458" y="540"/>
                    </a:lnTo>
                    <a:lnTo>
                      <a:pt x="470" y="547"/>
                    </a:lnTo>
                    <a:lnTo>
                      <a:pt x="498" y="558"/>
                    </a:lnTo>
                    <a:lnTo>
                      <a:pt x="520" y="565"/>
                    </a:lnTo>
                    <a:lnTo>
                      <a:pt x="531" y="567"/>
                    </a:lnTo>
                    <a:lnTo>
                      <a:pt x="539" y="569"/>
                    </a:lnTo>
                    <a:lnTo>
                      <a:pt x="546" y="569"/>
                    </a:lnTo>
                    <a:lnTo>
                      <a:pt x="553" y="569"/>
                    </a:lnTo>
                    <a:lnTo>
                      <a:pt x="558" y="567"/>
                    </a:lnTo>
                    <a:lnTo>
                      <a:pt x="563" y="566"/>
                    </a:lnTo>
                    <a:lnTo>
                      <a:pt x="567" y="563"/>
                    </a:lnTo>
                    <a:lnTo>
                      <a:pt x="571" y="560"/>
                    </a:lnTo>
                    <a:lnTo>
                      <a:pt x="576" y="553"/>
                    </a:lnTo>
                    <a:lnTo>
                      <a:pt x="580" y="543"/>
                    </a:lnTo>
                    <a:lnTo>
                      <a:pt x="586" y="521"/>
                    </a:lnTo>
                    <a:lnTo>
                      <a:pt x="594" y="495"/>
                    </a:lnTo>
                    <a:lnTo>
                      <a:pt x="601" y="482"/>
                    </a:lnTo>
                    <a:lnTo>
                      <a:pt x="608" y="470"/>
                    </a:lnTo>
                    <a:lnTo>
                      <a:pt x="614" y="465"/>
                    </a:lnTo>
                    <a:lnTo>
                      <a:pt x="620" y="459"/>
                    </a:lnTo>
                    <a:lnTo>
                      <a:pt x="627" y="453"/>
                    </a:lnTo>
                    <a:lnTo>
                      <a:pt x="636" y="449"/>
                    </a:lnTo>
                    <a:lnTo>
                      <a:pt x="665" y="437"/>
                    </a:lnTo>
                    <a:lnTo>
                      <a:pt x="699" y="424"/>
                    </a:lnTo>
                    <a:lnTo>
                      <a:pt x="715" y="416"/>
                    </a:lnTo>
                    <a:lnTo>
                      <a:pt x="729" y="405"/>
                    </a:lnTo>
                    <a:lnTo>
                      <a:pt x="734" y="399"/>
                    </a:lnTo>
                    <a:lnTo>
                      <a:pt x="739" y="392"/>
                    </a:lnTo>
                    <a:lnTo>
                      <a:pt x="744" y="385"/>
                    </a:lnTo>
                    <a:lnTo>
                      <a:pt x="747" y="377"/>
                    </a:lnTo>
                    <a:lnTo>
                      <a:pt x="750" y="369"/>
                    </a:lnTo>
                    <a:lnTo>
                      <a:pt x="750" y="361"/>
                    </a:lnTo>
                    <a:lnTo>
                      <a:pt x="750" y="352"/>
                    </a:lnTo>
                    <a:lnTo>
                      <a:pt x="747" y="345"/>
                    </a:lnTo>
                    <a:lnTo>
                      <a:pt x="741" y="328"/>
                    </a:lnTo>
                    <a:lnTo>
                      <a:pt x="733" y="311"/>
                    </a:lnTo>
                    <a:lnTo>
                      <a:pt x="724" y="293"/>
                    </a:lnTo>
                    <a:lnTo>
                      <a:pt x="715" y="275"/>
                    </a:lnTo>
                    <a:lnTo>
                      <a:pt x="712" y="266"/>
                    </a:lnTo>
                    <a:lnTo>
                      <a:pt x="710" y="256"/>
                    </a:lnTo>
                    <a:lnTo>
                      <a:pt x="708" y="246"/>
                    </a:lnTo>
                    <a:lnTo>
                      <a:pt x="708" y="236"/>
                    </a:lnTo>
                    <a:lnTo>
                      <a:pt x="715" y="234"/>
                    </a:lnTo>
                    <a:lnTo>
                      <a:pt x="721" y="231"/>
                    </a:lnTo>
                    <a:lnTo>
                      <a:pt x="726" y="227"/>
                    </a:lnTo>
                    <a:lnTo>
                      <a:pt x="732" y="221"/>
                    </a:lnTo>
                    <a:lnTo>
                      <a:pt x="742" y="211"/>
                    </a:lnTo>
                    <a:lnTo>
                      <a:pt x="754" y="201"/>
                    </a:lnTo>
                    <a:lnTo>
                      <a:pt x="763" y="196"/>
                    </a:lnTo>
                    <a:lnTo>
                      <a:pt x="774" y="192"/>
                    </a:lnTo>
                    <a:lnTo>
                      <a:pt x="785" y="188"/>
                    </a:lnTo>
                    <a:lnTo>
                      <a:pt x="796" y="185"/>
                    </a:lnTo>
                    <a:lnTo>
                      <a:pt x="821" y="181"/>
                    </a:lnTo>
                    <a:lnTo>
                      <a:pt x="846" y="177"/>
                    </a:lnTo>
                    <a:lnTo>
                      <a:pt x="858" y="176"/>
                    </a:lnTo>
                    <a:lnTo>
                      <a:pt x="870" y="174"/>
                    </a:lnTo>
                    <a:lnTo>
                      <a:pt x="882" y="171"/>
                    </a:lnTo>
                    <a:lnTo>
                      <a:pt x="892" y="167"/>
                    </a:lnTo>
                    <a:lnTo>
                      <a:pt x="903" y="162"/>
                    </a:lnTo>
                    <a:lnTo>
                      <a:pt x="912" y="155"/>
                    </a:lnTo>
                    <a:lnTo>
                      <a:pt x="921" y="149"/>
                    </a:lnTo>
                    <a:lnTo>
                      <a:pt x="927" y="140"/>
                    </a:lnTo>
                    <a:lnTo>
                      <a:pt x="938" y="123"/>
                    </a:lnTo>
                    <a:lnTo>
                      <a:pt x="945" y="109"/>
                    </a:lnTo>
                    <a:lnTo>
                      <a:pt x="948" y="100"/>
                    </a:lnTo>
                    <a:lnTo>
                      <a:pt x="949" y="92"/>
                    </a:lnTo>
                    <a:lnTo>
                      <a:pt x="950" y="83"/>
                    </a:lnTo>
                    <a:lnTo>
                      <a:pt x="950" y="73"/>
                    </a:lnTo>
                    <a:lnTo>
                      <a:pt x="950" y="61"/>
                    </a:lnTo>
                    <a:lnTo>
                      <a:pt x="952" y="50"/>
                    </a:lnTo>
                    <a:lnTo>
                      <a:pt x="953" y="41"/>
                    </a:lnTo>
                    <a:lnTo>
                      <a:pt x="956" y="34"/>
                    </a:lnTo>
                    <a:lnTo>
                      <a:pt x="962" y="18"/>
                    </a:lnTo>
                    <a:lnTo>
                      <a:pt x="973" y="0"/>
                    </a:lnTo>
                    <a:lnTo>
                      <a:pt x="983" y="4"/>
                    </a:lnTo>
                    <a:lnTo>
                      <a:pt x="992" y="9"/>
                    </a:lnTo>
                    <a:lnTo>
                      <a:pt x="1000" y="17"/>
                    </a:lnTo>
                    <a:lnTo>
                      <a:pt x="1006" y="26"/>
                    </a:lnTo>
                    <a:lnTo>
                      <a:pt x="1017" y="45"/>
                    </a:lnTo>
                    <a:lnTo>
                      <a:pt x="1027" y="65"/>
                    </a:lnTo>
                    <a:lnTo>
                      <a:pt x="1036" y="80"/>
                    </a:lnTo>
                    <a:lnTo>
                      <a:pt x="1048" y="92"/>
                    </a:lnTo>
                    <a:lnTo>
                      <a:pt x="1059" y="104"/>
                    </a:lnTo>
                    <a:lnTo>
                      <a:pt x="1072" y="114"/>
                    </a:lnTo>
                    <a:lnTo>
                      <a:pt x="1085" y="124"/>
                    </a:lnTo>
                    <a:lnTo>
                      <a:pt x="1097" y="136"/>
                    </a:lnTo>
                    <a:lnTo>
                      <a:pt x="1102" y="142"/>
                    </a:lnTo>
                    <a:lnTo>
                      <a:pt x="1107" y="149"/>
                    </a:lnTo>
                    <a:lnTo>
                      <a:pt x="1111" y="157"/>
                    </a:lnTo>
                    <a:lnTo>
                      <a:pt x="1115" y="164"/>
                    </a:lnTo>
                    <a:lnTo>
                      <a:pt x="1124" y="184"/>
                    </a:lnTo>
                    <a:lnTo>
                      <a:pt x="1136" y="201"/>
                    </a:lnTo>
                    <a:lnTo>
                      <a:pt x="1149" y="215"/>
                    </a:lnTo>
                    <a:lnTo>
                      <a:pt x="1162" y="228"/>
                    </a:lnTo>
                    <a:lnTo>
                      <a:pt x="1177" y="241"/>
                    </a:lnTo>
                    <a:lnTo>
                      <a:pt x="1194" y="251"/>
                    </a:lnTo>
                    <a:lnTo>
                      <a:pt x="1211" y="262"/>
                    </a:lnTo>
                    <a:lnTo>
                      <a:pt x="1229" y="272"/>
                    </a:lnTo>
                    <a:lnTo>
                      <a:pt x="1250" y="293"/>
                    </a:lnTo>
                    <a:lnTo>
                      <a:pt x="1269" y="315"/>
                    </a:lnTo>
                    <a:lnTo>
                      <a:pt x="1280" y="325"/>
                    </a:lnTo>
                    <a:lnTo>
                      <a:pt x="1289" y="335"/>
                    </a:lnTo>
                    <a:lnTo>
                      <a:pt x="1300" y="346"/>
                    </a:lnTo>
                    <a:lnTo>
                      <a:pt x="1311" y="355"/>
                    </a:lnTo>
                    <a:lnTo>
                      <a:pt x="1330" y="368"/>
                    </a:lnTo>
                    <a:lnTo>
                      <a:pt x="1351" y="381"/>
                    </a:lnTo>
                    <a:lnTo>
                      <a:pt x="1373" y="392"/>
                    </a:lnTo>
                    <a:lnTo>
                      <a:pt x="1395" y="404"/>
                    </a:lnTo>
                    <a:lnTo>
                      <a:pt x="1406" y="408"/>
                    </a:lnTo>
                    <a:lnTo>
                      <a:pt x="1418" y="412"/>
                    </a:lnTo>
                    <a:lnTo>
                      <a:pt x="1430" y="416"/>
                    </a:lnTo>
                    <a:lnTo>
                      <a:pt x="1441" y="418"/>
                    </a:lnTo>
                    <a:lnTo>
                      <a:pt x="1453" y="420"/>
                    </a:lnTo>
                    <a:lnTo>
                      <a:pt x="1466" y="420"/>
                    </a:lnTo>
                    <a:lnTo>
                      <a:pt x="1478" y="420"/>
                    </a:lnTo>
                    <a:lnTo>
                      <a:pt x="1489" y="417"/>
                    </a:lnTo>
                    <a:lnTo>
                      <a:pt x="1513" y="413"/>
                    </a:lnTo>
                    <a:lnTo>
                      <a:pt x="1537" y="411"/>
                    </a:lnTo>
                    <a:lnTo>
                      <a:pt x="1563" y="408"/>
                    </a:lnTo>
                    <a:lnTo>
                      <a:pt x="1589" y="405"/>
                    </a:lnTo>
                    <a:lnTo>
                      <a:pt x="1616" y="402"/>
                    </a:lnTo>
                    <a:lnTo>
                      <a:pt x="1641" y="396"/>
                    </a:lnTo>
                    <a:lnTo>
                      <a:pt x="1653" y="392"/>
                    </a:lnTo>
                    <a:lnTo>
                      <a:pt x="1664" y="389"/>
                    </a:lnTo>
                    <a:lnTo>
                      <a:pt x="1676" y="385"/>
                    </a:lnTo>
                    <a:lnTo>
                      <a:pt x="1686" y="380"/>
                    </a:lnTo>
                    <a:lnTo>
                      <a:pt x="1755" y="346"/>
                    </a:lnTo>
                    <a:lnTo>
                      <a:pt x="1754" y="346"/>
                    </a:lnTo>
                    <a:lnTo>
                      <a:pt x="1754" y="357"/>
                    </a:lnTo>
                    <a:lnTo>
                      <a:pt x="1754" y="369"/>
                    </a:lnTo>
                    <a:lnTo>
                      <a:pt x="1752" y="382"/>
                    </a:lnTo>
                    <a:lnTo>
                      <a:pt x="1751" y="395"/>
                    </a:lnTo>
                    <a:lnTo>
                      <a:pt x="1751" y="405"/>
                    </a:lnTo>
                    <a:lnTo>
                      <a:pt x="1752" y="420"/>
                    </a:lnTo>
                    <a:lnTo>
                      <a:pt x="1755" y="435"/>
                    </a:lnTo>
                    <a:lnTo>
                      <a:pt x="1759" y="452"/>
                    </a:lnTo>
                    <a:lnTo>
                      <a:pt x="1764" y="470"/>
                    </a:lnTo>
                    <a:lnTo>
                      <a:pt x="1769" y="486"/>
                    </a:lnTo>
                    <a:lnTo>
                      <a:pt x="1774" y="497"/>
                    </a:lnTo>
                    <a:lnTo>
                      <a:pt x="1781" y="506"/>
                    </a:lnTo>
                    <a:lnTo>
                      <a:pt x="1798" y="518"/>
                    </a:lnTo>
                    <a:lnTo>
                      <a:pt x="1813" y="526"/>
                    </a:lnTo>
                    <a:lnTo>
                      <a:pt x="1820" y="531"/>
                    </a:lnTo>
                    <a:lnTo>
                      <a:pt x="1825" y="538"/>
                    </a:lnTo>
                    <a:lnTo>
                      <a:pt x="1830" y="545"/>
                    </a:lnTo>
                    <a:lnTo>
                      <a:pt x="1833" y="557"/>
                    </a:lnTo>
                    <a:lnTo>
                      <a:pt x="1837" y="578"/>
                    </a:lnTo>
                    <a:lnTo>
                      <a:pt x="1840" y="596"/>
                    </a:lnTo>
                    <a:lnTo>
                      <a:pt x="1846" y="611"/>
                    </a:lnTo>
                    <a:lnTo>
                      <a:pt x="1852" y="626"/>
                    </a:lnTo>
                    <a:lnTo>
                      <a:pt x="1856" y="632"/>
                    </a:lnTo>
                    <a:lnTo>
                      <a:pt x="1861" y="639"/>
                    </a:lnTo>
                    <a:lnTo>
                      <a:pt x="1866" y="644"/>
                    </a:lnTo>
                    <a:lnTo>
                      <a:pt x="1873" y="649"/>
                    </a:lnTo>
                    <a:lnTo>
                      <a:pt x="1881" y="654"/>
                    </a:lnTo>
                    <a:lnTo>
                      <a:pt x="1890" y="659"/>
                    </a:lnTo>
                    <a:lnTo>
                      <a:pt x="1900" y="663"/>
                    </a:lnTo>
                    <a:lnTo>
                      <a:pt x="1912" y="667"/>
                    </a:lnTo>
                    <a:lnTo>
                      <a:pt x="1910" y="675"/>
                    </a:lnTo>
                    <a:lnTo>
                      <a:pt x="1909" y="677"/>
                    </a:lnTo>
                    <a:lnTo>
                      <a:pt x="1908" y="680"/>
                    </a:lnTo>
                    <a:lnTo>
                      <a:pt x="1905" y="684"/>
                    </a:lnTo>
                    <a:lnTo>
                      <a:pt x="1901" y="694"/>
                    </a:lnTo>
                    <a:lnTo>
                      <a:pt x="1899" y="705"/>
                    </a:lnTo>
                    <a:lnTo>
                      <a:pt x="1897" y="710"/>
                    </a:lnTo>
                    <a:lnTo>
                      <a:pt x="1899" y="715"/>
                    </a:lnTo>
                    <a:lnTo>
                      <a:pt x="1899" y="720"/>
                    </a:lnTo>
                    <a:lnTo>
                      <a:pt x="1901" y="725"/>
                    </a:lnTo>
                    <a:lnTo>
                      <a:pt x="1907" y="737"/>
                    </a:lnTo>
                    <a:lnTo>
                      <a:pt x="1910" y="749"/>
                    </a:lnTo>
                    <a:lnTo>
                      <a:pt x="1914" y="760"/>
                    </a:lnTo>
                    <a:lnTo>
                      <a:pt x="1916" y="773"/>
                    </a:lnTo>
                    <a:lnTo>
                      <a:pt x="1921" y="828"/>
                    </a:lnTo>
                    <a:lnTo>
                      <a:pt x="1907" y="830"/>
                    </a:lnTo>
                    <a:lnTo>
                      <a:pt x="1888" y="833"/>
                    </a:lnTo>
                    <a:lnTo>
                      <a:pt x="1868" y="834"/>
                    </a:lnTo>
                    <a:lnTo>
                      <a:pt x="1846" y="834"/>
                    </a:lnTo>
                    <a:lnTo>
                      <a:pt x="1825" y="833"/>
                    </a:lnTo>
                    <a:lnTo>
                      <a:pt x="1806" y="829"/>
                    </a:lnTo>
                    <a:lnTo>
                      <a:pt x="1796" y="826"/>
                    </a:lnTo>
                    <a:lnTo>
                      <a:pt x="1789" y="824"/>
                    </a:lnTo>
                    <a:lnTo>
                      <a:pt x="1782" y="820"/>
                    </a:lnTo>
                    <a:lnTo>
                      <a:pt x="1778" y="816"/>
                    </a:lnTo>
                    <a:lnTo>
                      <a:pt x="1772" y="807"/>
                    </a:lnTo>
                    <a:lnTo>
                      <a:pt x="1767" y="799"/>
                    </a:lnTo>
                    <a:lnTo>
                      <a:pt x="1763" y="790"/>
                    </a:lnTo>
                    <a:lnTo>
                      <a:pt x="1760" y="781"/>
                    </a:lnTo>
                    <a:lnTo>
                      <a:pt x="1758" y="763"/>
                    </a:lnTo>
                    <a:lnTo>
                      <a:pt x="1755" y="747"/>
                    </a:lnTo>
                    <a:lnTo>
                      <a:pt x="1754" y="740"/>
                    </a:lnTo>
                    <a:lnTo>
                      <a:pt x="1751" y="733"/>
                    </a:lnTo>
                    <a:lnTo>
                      <a:pt x="1747" y="727"/>
                    </a:lnTo>
                    <a:lnTo>
                      <a:pt x="1743" y="722"/>
                    </a:lnTo>
                    <a:lnTo>
                      <a:pt x="1736" y="718"/>
                    </a:lnTo>
                    <a:lnTo>
                      <a:pt x="1728" y="715"/>
                    </a:lnTo>
                    <a:lnTo>
                      <a:pt x="1716" y="712"/>
                    </a:lnTo>
                    <a:lnTo>
                      <a:pt x="1703" y="712"/>
                    </a:lnTo>
                    <a:lnTo>
                      <a:pt x="1666" y="714"/>
                    </a:lnTo>
                    <a:lnTo>
                      <a:pt x="1627" y="719"/>
                    </a:lnTo>
                    <a:lnTo>
                      <a:pt x="1607" y="720"/>
                    </a:lnTo>
                    <a:lnTo>
                      <a:pt x="1588" y="720"/>
                    </a:lnTo>
                    <a:lnTo>
                      <a:pt x="1579" y="719"/>
                    </a:lnTo>
                    <a:lnTo>
                      <a:pt x="1570" y="718"/>
                    </a:lnTo>
                    <a:lnTo>
                      <a:pt x="1562" y="716"/>
                    </a:lnTo>
                    <a:lnTo>
                      <a:pt x="1554" y="714"/>
                    </a:lnTo>
                    <a:lnTo>
                      <a:pt x="1539" y="709"/>
                    </a:lnTo>
                    <a:lnTo>
                      <a:pt x="1524" y="705"/>
                    </a:lnTo>
                    <a:lnTo>
                      <a:pt x="1517" y="703"/>
                    </a:lnTo>
                    <a:lnTo>
                      <a:pt x="1509" y="703"/>
                    </a:lnTo>
                    <a:lnTo>
                      <a:pt x="1501" y="703"/>
                    </a:lnTo>
                    <a:lnTo>
                      <a:pt x="1493" y="705"/>
                    </a:lnTo>
                    <a:lnTo>
                      <a:pt x="1474" y="712"/>
                    </a:lnTo>
                    <a:lnTo>
                      <a:pt x="1456" y="719"/>
                    </a:lnTo>
                    <a:lnTo>
                      <a:pt x="1447" y="722"/>
                    </a:lnTo>
                    <a:lnTo>
                      <a:pt x="1438" y="722"/>
                    </a:lnTo>
                    <a:lnTo>
                      <a:pt x="1427" y="722"/>
                    </a:lnTo>
                    <a:lnTo>
                      <a:pt x="1414" y="719"/>
                    </a:lnTo>
                    <a:lnTo>
                      <a:pt x="1394" y="710"/>
                    </a:lnTo>
                    <a:lnTo>
                      <a:pt x="1378" y="702"/>
                    </a:lnTo>
                    <a:lnTo>
                      <a:pt x="1370" y="699"/>
                    </a:lnTo>
                    <a:lnTo>
                      <a:pt x="1361" y="698"/>
                    </a:lnTo>
                    <a:lnTo>
                      <a:pt x="1351" y="699"/>
                    </a:lnTo>
                    <a:lnTo>
                      <a:pt x="1338" y="702"/>
                    </a:lnTo>
                    <a:lnTo>
                      <a:pt x="1330" y="703"/>
                    </a:lnTo>
                    <a:lnTo>
                      <a:pt x="1324" y="705"/>
                    </a:lnTo>
                    <a:lnTo>
                      <a:pt x="1318" y="705"/>
                    </a:lnTo>
                    <a:lnTo>
                      <a:pt x="1315" y="703"/>
                    </a:lnTo>
                    <a:lnTo>
                      <a:pt x="1304" y="701"/>
                    </a:lnTo>
                    <a:lnTo>
                      <a:pt x="1292" y="698"/>
                    </a:lnTo>
                    <a:lnTo>
                      <a:pt x="1281" y="692"/>
                    </a:lnTo>
                    <a:lnTo>
                      <a:pt x="1268" y="685"/>
                    </a:lnTo>
                    <a:lnTo>
                      <a:pt x="1252" y="679"/>
                    </a:lnTo>
                    <a:lnTo>
                      <a:pt x="1235" y="674"/>
                    </a:lnTo>
                    <a:lnTo>
                      <a:pt x="1203" y="665"/>
                    </a:lnTo>
                    <a:lnTo>
                      <a:pt x="1176" y="658"/>
                    </a:lnTo>
                    <a:lnTo>
                      <a:pt x="1160" y="654"/>
                    </a:lnTo>
                    <a:lnTo>
                      <a:pt x="1146" y="653"/>
                    </a:lnTo>
                    <a:lnTo>
                      <a:pt x="1133" y="652"/>
                    </a:lnTo>
                    <a:lnTo>
                      <a:pt x="1120" y="652"/>
                    </a:lnTo>
                    <a:lnTo>
                      <a:pt x="1109" y="652"/>
                    </a:lnTo>
                    <a:lnTo>
                      <a:pt x="1097" y="654"/>
                    </a:lnTo>
                    <a:lnTo>
                      <a:pt x="1085" y="657"/>
                    </a:lnTo>
                    <a:lnTo>
                      <a:pt x="1075" y="661"/>
                    </a:lnTo>
                    <a:lnTo>
                      <a:pt x="1063" y="665"/>
                    </a:lnTo>
                    <a:lnTo>
                      <a:pt x="1053" y="670"/>
                    </a:lnTo>
                    <a:lnTo>
                      <a:pt x="1042" y="675"/>
                    </a:lnTo>
                    <a:lnTo>
                      <a:pt x="1032" y="683"/>
                    </a:lnTo>
                    <a:lnTo>
                      <a:pt x="1010" y="697"/>
                    </a:lnTo>
                    <a:lnTo>
                      <a:pt x="988" y="715"/>
                    </a:lnTo>
                    <a:lnTo>
                      <a:pt x="966" y="734"/>
                    </a:lnTo>
                    <a:lnTo>
                      <a:pt x="947" y="749"/>
                    </a:lnTo>
                    <a:lnTo>
                      <a:pt x="941" y="751"/>
                    </a:lnTo>
                    <a:lnTo>
                      <a:pt x="936" y="754"/>
                    </a:lnTo>
                    <a:lnTo>
                      <a:pt x="930" y="755"/>
                    </a:lnTo>
                    <a:lnTo>
                      <a:pt x="923" y="755"/>
                    </a:lnTo>
                    <a:lnTo>
                      <a:pt x="917" y="754"/>
                    </a:lnTo>
                    <a:lnTo>
                      <a:pt x="910" y="753"/>
                    </a:lnTo>
                    <a:lnTo>
                      <a:pt x="903" y="750"/>
                    </a:lnTo>
                    <a:lnTo>
                      <a:pt x="895" y="745"/>
                    </a:lnTo>
                    <a:lnTo>
                      <a:pt x="871" y="725"/>
                    </a:lnTo>
                    <a:lnTo>
                      <a:pt x="840" y="697"/>
                    </a:lnTo>
                    <a:lnTo>
                      <a:pt x="824" y="683"/>
                    </a:lnTo>
                    <a:lnTo>
                      <a:pt x="809" y="672"/>
                    </a:lnTo>
                    <a:lnTo>
                      <a:pt x="803" y="668"/>
                    </a:lnTo>
                    <a:lnTo>
                      <a:pt x="796" y="666"/>
                    </a:lnTo>
                    <a:lnTo>
                      <a:pt x="792" y="665"/>
                    </a:lnTo>
                    <a:lnTo>
                      <a:pt x="789" y="666"/>
                    </a:lnTo>
                    <a:lnTo>
                      <a:pt x="781" y="671"/>
                    </a:lnTo>
                    <a:lnTo>
                      <a:pt x="773" y="679"/>
                    </a:lnTo>
                    <a:lnTo>
                      <a:pt x="767" y="688"/>
                    </a:lnTo>
                    <a:lnTo>
                      <a:pt x="760" y="698"/>
                    </a:lnTo>
                    <a:lnTo>
                      <a:pt x="754" y="709"/>
                    </a:lnTo>
                    <a:lnTo>
                      <a:pt x="748" y="719"/>
                    </a:lnTo>
                    <a:lnTo>
                      <a:pt x="744" y="729"/>
                    </a:lnTo>
                    <a:lnTo>
                      <a:pt x="742" y="738"/>
                    </a:lnTo>
                    <a:lnTo>
                      <a:pt x="737" y="751"/>
                    </a:lnTo>
                    <a:lnTo>
                      <a:pt x="733" y="766"/>
                    </a:lnTo>
                    <a:lnTo>
                      <a:pt x="729" y="779"/>
                    </a:lnTo>
                    <a:lnTo>
                      <a:pt x="726" y="793"/>
                    </a:lnTo>
                    <a:lnTo>
                      <a:pt x="724" y="821"/>
                    </a:lnTo>
                    <a:lnTo>
                      <a:pt x="722" y="850"/>
                    </a:lnTo>
                    <a:lnTo>
                      <a:pt x="724" y="855"/>
                    </a:lnTo>
                    <a:lnTo>
                      <a:pt x="725" y="859"/>
                    </a:lnTo>
                    <a:lnTo>
                      <a:pt x="726" y="864"/>
                    </a:lnTo>
                    <a:lnTo>
                      <a:pt x="729" y="869"/>
                    </a:lnTo>
                    <a:lnTo>
                      <a:pt x="735" y="878"/>
                    </a:lnTo>
                    <a:lnTo>
                      <a:pt x="743" y="886"/>
                    </a:lnTo>
                    <a:lnTo>
                      <a:pt x="761" y="902"/>
                    </a:lnTo>
                    <a:lnTo>
                      <a:pt x="777" y="915"/>
                    </a:lnTo>
                    <a:lnTo>
                      <a:pt x="787" y="925"/>
                    </a:lnTo>
                    <a:lnTo>
                      <a:pt x="795" y="935"/>
                    </a:lnTo>
                    <a:lnTo>
                      <a:pt x="803" y="947"/>
                    </a:lnTo>
                    <a:lnTo>
                      <a:pt x="809" y="957"/>
                    </a:lnTo>
                    <a:lnTo>
                      <a:pt x="814" y="969"/>
                    </a:lnTo>
                    <a:lnTo>
                      <a:pt x="818" y="979"/>
                    </a:lnTo>
                    <a:lnTo>
                      <a:pt x="822" y="991"/>
                    </a:lnTo>
                    <a:lnTo>
                      <a:pt x="825" y="1003"/>
                    </a:lnTo>
                    <a:lnTo>
                      <a:pt x="831" y="1026"/>
                    </a:lnTo>
                    <a:lnTo>
                      <a:pt x="836" y="1051"/>
                    </a:lnTo>
                    <a:lnTo>
                      <a:pt x="843" y="1075"/>
                    </a:lnTo>
                    <a:lnTo>
                      <a:pt x="853" y="1100"/>
                    </a:lnTo>
                    <a:lnTo>
                      <a:pt x="860" y="1114"/>
                    </a:lnTo>
                    <a:lnTo>
                      <a:pt x="869" y="1127"/>
                    </a:lnTo>
                    <a:lnTo>
                      <a:pt x="878" y="1141"/>
                    </a:lnTo>
                    <a:lnTo>
                      <a:pt x="888" y="1155"/>
                    </a:lnTo>
                    <a:lnTo>
                      <a:pt x="897" y="1168"/>
                    </a:lnTo>
                    <a:lnTo>
                      <a:pt x="906" y="1183"/>
                    </a:lnTo>
                    <a:lnTo>
                      <a:pt x="914" y="1196"/>
                    </a:lnTo>
                    <a:lnTo>
                      <a:pt x="919" y="1209"/>
                    </a:lnTo>
                    <a:lnTo>
                      <a:pt x="944" y="1229"/>
                    </a:lnTo>
                    <a:lnTo>
                      <a:pt x="970" y="1250"/>
                    </a:lnTo>
                    <a:lnTo>
                      <a:pt x="983" y="1260"/>
                    </a:lnTo>
                    <a:lnTo>
                      <a:pt x="993" y="1272"/>
                    </a:lnTo>
                    <a:lnTo>
                      <a:pt x="1004" y="1285"/>
                    </a:lnTo>
                    <a:lnTo>
                      <a:pt x="1014" y="1299"/>
                    </a:lnTo>
                    <a:lnTo>
                      <a:pt x="1027" y="1325"/>
                    </a:lnTo>
                    <a:lnTo>
                      <a:pt x="1037" y="1345"/>
                    </a:lnTo>
                    <a:lnTo>
                      <a:pt x="1042" y="1355"/>
                    </a:lnTo>
                    <a:lnTo>
                      <a:pt x="1050" y="1364"/>
                    </a:lnTo>
                    <a:lnTo>
                      <a:pt x="1059" y="1373"/>
                    </a:lnTo>
                    <a:lnTo>
                      <a:pt x="1071" y="1383"/>
                    </a:lnTo>
                    <a:lnTo>
                      <a:pt x="1101" y="1411"/>
                    </a:lnTo>
                    <a:lnTo>
                      <a:pt x="1137" y="1446"/>
                    </a:lnTo>
                    <a:lnTo>
                      <a:pt x="1155" y="1462"/>
                    </a:lnTo>
                    <a:lnTo>
                      <a:pt x="1173" y="1477"/>
                    </a:lnTo>
                    <a:lnTo>
                      <a:pt x="1181" y="1482"/>
                    </a:lnTo>
                    <a:lnTo>
                      <a:pt x="1190" y="1487"/>
                    </a:lnTo>
                    <a:lnTo>
                      <a:pt x="1198" y="1490"/>
                    </a:lnTo>
                    <a:lnTo>
                      <a:pt x="1204" y="1491"/>
                    </a:lnTo>
                    <a:lnTo>
                      <a:pt x="1213" y="1492"/>
                    </a:lnTo>
                    <a:lnTo>
                      <a:pt x="1220" y="1494"/>
                    </a:lnTo>
                    <a:lnTo>
                      <a:pt x="1226" y="1496"/>
                    </a:lnTo>
                    <a:lnTo>
                      <a:pt x="1230" y="1499"/>
                    </a:lnTo>
                    <a:lnTo>
                      <a:pt x="1233" y="1503"/>
                    </a:lnTo>
                    <a:lnTo>
                      <a:pt x="1234" y="1507"/>
                    </a:lnTo>
                    <a:lnTo>
                      <a:pt x="1235" y="1510"/>
                    </a:lnTo>
                    <a:lnTo>
                      <a:pt x="1235" y="1516"/>
                    </a:lnTo>
                    <a:lnTo>
                      <a:pt x="1235" y="1526"/>
                    </a:lnTo>
                    <a:lnTo>
                      <a:pt x="1234" y="1539"/>
                    </a:lnTo>
                    <a:lnTo>
                      <a:pt x="1235" y="1545"/>
                    </a:lnTo>
                    <a:lnTo>
                      <a:pt x="1235" y="1552"/>
                    </a:lnTo>
                    <a:lnTo>
                      <a:pt x="1238" y="1560"/>
                    </a:lnTo>
                    <a:lnTo>
                      <a:pt x="1241" y="1566"/>
                    </a:lnTo>
                    <a:lnTo>
                      <a:pt x="1260" y="1583"/>
                    </a:lnTo>
                    <a:lnTo>
                      <a:pt x="1274" y="1593"/>
                    </a:lnTo>
                    <a:lnTo>
                      <a:pt x="1277" y="1602"/>
                    </a:lnTo>
                    <a:lnTo>
                      <a:pt x="1281" y="1611"/>
                    </a:lnTo>
                    <a:lnTo>
                      <a:pt x="1286" y="1619"/>
                    </a:lnTo>
                    <a:lnTo>
                      <a:pt x="1291" y="1626"/>
                    </a:lnTo>
                    <a:lnTo>
                      <a:pt x="1305" y="1639"/>
                    </a:lnTo>
                    <a:lnTo>
                      <a:pt x="1320" y="1650"/>
                    </a:lnTo>
                    <a:lnTo>
                      <a:pt x="1327" y="1656"/>
                    </a:lnTo>
                    <a:lnTo>
                      <a:pt x="1334" y="1662"/>
                    </a:lnTo>
                    <a:lnTo>
                      <a:pt x="1340" y="1668"/>
                    </a:lnTo>
                    <a:lnTo>
                      <a:pt x="1346" y="1675"/>
                    </a:lnTo>
                    <a:lnTo>
                      <a:pt x="1351" y="1683"/>
                    </a:lnTo>
                    <a:lnTo>
                      <a:pt x="1353" y="1692"/>
                    </a:lnTo>
                    <a:lnTo>
                      <a:pt x="1356" y="1701"/>
                    </a:lnTo>
                    <a:lnTo>
                      <a:pt x="1356" y="1711"/>
                    </a:lnTo>
                    <a:lnTo>
                      <a:pt x="1322" y="173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09" name="Freeform 128"/>
              <p:cNvSpPr>
                <a:spLocks/>
              </p:cNvSpPr>
              <p:nvPr/>
            </p:nvSpPr>
            <p:spPr bwMode="auto">
              <a:xfrm>
                <a:off x="7677761" y="5111973"/>
                <a:ext cx="25504" cy="59609"/>
              </a:xfrm>
              <a:custGeom>
                <a:avLst/>
                <a:gdLst/>
                <a:ahLst/>
                <a:cxnLst>
                  <a:cxn ang="0">
                    <a:pos x="19" y="109"/>
                  </a:cxn>
                  <a:cxn ang="0">
                    <a:pos x="11" y="100"/>
                  </a:cxn>
                  <a:cxn ang="0">
                    <a:pos x="5" y="91"/>
                  </a:cxn>
                  <a:cxn ang="0">
                    <a:pos x="3" y="86"/>
                  </a:cxn>
                  <a:cxn ang="0">
                    <a:pos x="1" y="81"/>
                  </a:cxn>
                  <a:cxn ang="0">
                    <a:pos x="0" y="75"/>
                  </a:cxn>
                  <a:cxn ang="0">
                    <a:pos x="0" y="69"/>
                  </a:cxn>
                  <a:cxn ang="0">
                    <a:pos x="1" y="61"/>
                  </a:cxn>
                  <a:cxn ang="0">
                    <a:pos x="5" y="55"/>
                  </a:cxn>
                  <a:cxn ang="0">
                    <a:pos x="9" y="50"/>
                  </a:cxn>
                  <a:cxn ang="0">
                    <a:pos x="13" y="43"/>
                  </a:cxn>
                  <a:cxn ang="0">
                    <a:pos x="15" y="33"/>
                  </a:cxn>
                  <a:cxn ang="0">
                    <a:pos x="19" y="17"/>
                  </a:cxn>
                  <a:cxn ang="0">
                    <a:pos x="22" y="11"/>
                  </a:cxn>
                  <a:cxn ang="0">
                    <a:pos x="24" y="4"/>
                  </a:cxn>
                  <a:cxn ang="0">
                    <a:pos x="27" y="3"/>
                  </a:cxn>
                  <a:cxn ang="0">
                    <a:pos x="28" y="0"/>
                  </a:cxn>
                  <a:cxn ang="0">
                    <a:pos x="31" y="0"/>
                  </a:cxn>
                  <a:cxn ang="0">
                    <a:pos x="33" y="0"/>
                  </a:cxn>
                  <a:cxn ang="0">
                    <a:pos x="36" y="3"/>
                  </a:cxn>
                  <a:cxn ang="0">
                    <a:pos x="38" y="5"/>
                  </a:cxn>
                  <a:cxn ang="0">
                    <a:pos x="40" y="9"/>
                  </a:cxn>
                  <a:cxn ang="0">
                    <a:pos x="42" y="15"/>
                  </a:cxn>
                  <a:cxn ang="0">
                    <a:pos x="45" y="24"/>
                  </a:cxn>
                  <a:cxn ang="0">
                    <a:pos x="45" y="31"/>
                  </a:cxn>
                  <a:cxn ang="0">
                    <a:pos x="45" y="39"/>
                  </a:cxn>
                  <a:cxn ang="0">
                    <a:pos x="44" y="47"/>
                  </a:cxn>
                  <a:cxn ang="0">
                    <a:pos x="44" y="56"/>
                  </a:cxn>
                  <a:cxn ang="0">
                    <a:pos x="45" y="64"/>
                  </a:cxn>
                  <a:cxn ang="0">
                    <a:pos x="48" y="72"/>
                  </a:cxn>
                  <a:cxn ang="0">
                    <a:pos x="51" y="82"/>
                  </a:cxn>
                  <a:cxn ang="0">
                    <a:pos x="53" y="91"/>
                  </a:cxn>
                  <a:cxn ang="0">
                    <a:pos x="54" y="100"/>
                  </a:cxn>
                  <a:cxn ang="0">
                    <a:pos x="55" y="109"/>
                  </a:cxn>
                  <a:cxn ang="0">
                    <a:pos x="55" y="119"/>
                  </a:cxn>
                  <a:cxn ang="0">
                    <a:pos x="54" y="123"/>
                  </a:cxn>
                  <a:cxn ang="0">
                    <a:pos x="51" y="127"/>
                  </a:cxn>
                  <a:cxn ang="0">
                    <a:pos x="49" y="130"/>
                  </a:cxn>
                  <a:cxn ang="0">
                    <a:pos x="46" y="131"/>
                  </a:cxn>
                  <a:cxn ang="0">
                    <a:pos x="42" y="132"/>
                  </a:cxn>
                  <a:cxn ang="0">
                    <a:pos x="38" y="132"/>
                  </a:cxn>
                  <a:cxn ang="0">
                    <a:pos x="35" y="131"/>
                  </a:cxn>
                  <a:cxn ang="0">
                    <a:pos x="31" y="129"/>
                  </a:cxn>
                  <a:cxn ang="0">
                    <a:pos x="19" y="109"/>
                  </a:cxn>
                </a:cxnLst>
                <a:rect l="0" t="0" r="r" b="b"/>
                <a:pathLst>
                  <a:path w="55" h="132">
                    <a:moveTo>
                      <a:pt x="19" y="109"/>
                    </a:moveTo>
                    <a:lnTo>
                      <a:pt x="11" y="100"/>
                    </a:lnTo>
                    <a:lnTo>
                      <a:pt x="5" y="91"/>
                    </a:lnTo>
                    <a:lnTo>
                      <a:pt x="3" y="86"/>
                    </a:lnTo>
                    <a:lnTo>
                      <a:pt x="1" y="81"/>
                    </a:lnTo>
                    <a:lnTo>
                      <a:pt x="0" y="75"/>
                    </a:lnTo>
                    <a:lnTo>
                      <a:pt x="0" y="69"/>
                    </a:lnTo>
                    <a:lnTo>
                      <a:pt x="1" y="61"/>
                    </a:lnTo>
                    <a:lnTo>
                      <a:pt x="5" y="55"/>
                    </a:lnTo>
                    <a:lnTo>
                      <a:pt x="9" y="50"/>
                    </a:lnTo>
                    <a:lnTo>
                      <a:pt x="13" y="43"/>
                    </a:lnTo>
                    <a:lnTo>
                      <a:pt x="15" y="33"/>
                    </a:lnTo>
                    <a:lnTo>
                      <a:pt x="19" y="17"/>
                    </a:lnTo>
                    <a:lnTo>
                      <a:pt x="22" y="11"/>
                    </a:lnTo>
                    <a:lnTo>
                      <a:pt x="24" y="4"/>
                    </a:lnTo>
                    <a:lnTo>
                      <a:pt x="27" y="3"/>
                    </a:lnTo>
                    <a:lnTo>
                      <a:pt x="28" y="0"/>
                    </a:lnTo>
                    <a:lnTo>
                      <a:pt x="31" y="0"/>
                    </a:lnTo>
                    <a:lnTo>
                      <a:pt x="33" y="0"/>
                    </a:lnTo>
                    <a:lnTo>
                      <a:pt x="36" y="3"/>
                    </a:lnTo>
                    <a:lnTo>
                      <a:pt x="38" y="5"/>
                    </a:lnTo>
                    <a:lnTo>
                      <a:pt x="40" y="9"/>
                    </a:lnTo>
                    <a:lnTo>
                      <a:pt x="42" y="15"/>
                    </a:lnTo>
                    <a:lnTo>
                      <a:pt x="45" y="24"/>
                    </a:lnTo>
                    <a:lnTo>
                      <a:pt x="45" y="31"/>
                    </a:lnTo>
                    <a:lnTo>
                      <a:pt x="45" y="39"/>
                    </a:lnTo>
                    <a:lnTo>
                      <a:pt x="44" y="47"/>
                    </a:lnTo>
                    <a:lnTo>
                      <a:pt x="44" y="56"/>
                    </a:lnTo>
                    <a:lnTo>
                      <a:pt x="45" y="64"/>
                    </a:lnTo>
                    <a:lnTo>
                      <a:pt x="48" y="72"/>
                    </a:lnTo>
                    <a:lnTo>
                      <a:pt x="51" y="82"/>
                    </a:lnTo>
                    <a:lnTo>
                      <a:pt x="53" y="91"/>
                    </a:lnTo>
                    <a:lnTo>
                      <a:pt x="54" y="100"/>
                    </a:lnTo>
                    <a:lnTo>
                      <a:pt x="55" y="109"/>
                    </a:lnTo>
                    <a:lnTo>
                      <a:pt x="55" y="119"/>
                    </a:lnTo>
                    <a:lnTo>
                      <a:pt x="54" y="123"/>
                    </a:lnTo>
                    <a:lnTo>
                      <a:pt x="51" y="127"/>
                    </a:lnTo>
                    <a:lnTo>
                      <a:pt x="49" y="130"/>
                    </a:lnTo>
                    <a:lnTo>
                      <a:pt x="46" y="131"/>
                    </a:lnTo>
                    <a:lnTo>
                      <a:pt x="42" y="132"/>
                    </a:lnTo>
                    <a:lnTo>
                      <a:pt x="38" y="132"/>
                    </a:lnTo>
                    <a:lnTo>
                      <a:pt x="35" y="131"/>
                    </a:lnTo>
                    <a:lnTo>
                      <a:pt x="31" y="129"/>
                    </a:lnTo>
                    <a:lnTo>
                      <a:pt x="19" y="10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10" name="Freeform 129"/>
              <p:cNvSpPr>
                <a:spLocks/>
              </p:cNvSpPr>
              <p:nvPr/>
            </p:nvSpPr>
            <p:spPr bwMode="auto">
              <a:xfrm>
                <a:off x="7703264" y="5074040"/>
                <a:ext cx="36434" cy="41546"/>
              </a:xfrm>
              <a:custGeom>
                <a:avLst/>
                <a:gdLst/>
                <a:ahLst/>
                <a:cxnLst>
                  <a:cxn ang="0">
                    <a:pos x="46" y="69"/>
                  </a:cxn>
                  <a:cxn ang="0">
                    <a:pos x="36" y="64"/>
                  </a:cxn>
                  <a:cxn ang="0">
                    <a:pos x="25" y="57"/>
                  </a:cxn>
                  <a:cxn ang="0">
                    <a:pos x="19" y="54"/>
                  </a:cxn>
                  <a:cxn ang="0">
                    <a:pos x="10" y="48"/>
                  </a:cxn>
                  <a:cxn ang="0">
                    <a:pos x="2" y="42"/>
                  </a:cxn>
                  <a:cxn ang="0">
                    <a:pos x="0" y="35"/>
                  </a:cxn>
                  <a:cxn ang="0">
                    <a:pos x="0" y="31"/>
                  </a:cxn>
                  <a:cxn ang="0">
                    <a:pos x="2" y="26"/>
                  </a:cxn>
                  <a:cxn ang="0">
                    <a:pos x="5" y="21"/>
                  </a:cxn>
                  <a:cxn ang="0">
                    <a:pos x="9" y="17"/>
                  </a:cxn>
                  <a:cxn ang="0">
                    <a:pos x="15" y="8"/>
                  </a:cxn>
                  <a:cxn ang="0">
                    <a:pos x="22" y="0"/>
                  </a:cxn>
                  <a:cxn ang="0">
                    <a:pos x="25" y="0"/>
                  </a:cxn>
                  <a:cxn ang="0">
                    <a:pos x="28" y="2"/>
                  </a:cxn>
                  <a:cxn ang="0">
                    <a:pos x="32" y="3"/>
                  </a:cxn>
                  <a:cxn ang="0">
                    <a:pos x="35" y="6"/>
                  </a:cxn>
                  <a:cxn ang="0">
                    <a:pos x="40" y="12"/>
                  </a:cxn>
                  <a:cxn ang="0">
                    <a:pos x="45" y="20"/>
                  </a:cxn>
                  <a:cxn ang="0">
                    <a:pos x="49" y="28"/>
                  </a:cxn>
                  <a:cxn ang="0">
                    <a:pos x="54" y="35"/>
                  </a:cxn>
                  <a:cxn ang="0">
                    <a:pos x="59" y="42"/>
                  </a:cxn>
                  <a:cxn ang="0">
                    <a:pos x="64" y="47"/>
                  </a:cxn>
                  <a:cxn ang="0">
                    <a:pos x="70" y="52"/>
                  </a:cxn>
                  <a:cxn ang="0">
                    <a:pos x="73" y="57"/>
                  </a:cxn>
                  <a:cxn ang="0">
                    <a:pos x="77" y="63"/>
                  </a:cxn>
                  <a:cxn ang="0">
                    <a:pos x="79" y="69"/>
                  </a:cxn>
                  <a:cxn ang="0">
                    <a:pos x="80" y="73"/>
                  </a:cxn>
                  <a:cxn ang="0">
                    <a:pos x="79" y="77"/>
                  </a:cxn>
                  <a:cxn ang="0">
                    <a:pos x="77" y="81"/>
                  </a:cxn>
                  <a:cxn ang="0">
                    <a:pos x="75" y="85"/>
                  </a:cxn>
                  <a:cxn ang="0">
                    <a:pos x="72" y="87"/>
                  </a:cxn>
                  <a:cxn ang="0">
                    <a:pos x="70" y="90"/>
                  </a:cxn>
                  <a:cxn ang="0">
                    <a:pos x="66" y="91"/>
                  </a:cxn>
                  <a:cxn ang="0">
                    <a:pos x="63" y="91"/>
                  </a:cxn>
                  <a:cxn ang="0">
                    <a:pos x="46" y="69"/>
                  </a:cxn>
                </a:cxnLst>
                <a:rect l="0" t="0" r="r" b="b"/>
                <a:pathLst>
                  <a:path w="80" h="91">
                    <a:moveTo>
                      <a:pt x="46" y="69"/>
                    </a:moveTo>
                    <a:lnTo>
                      <a:pt x="36" y="64"/>
                    </a:lnTo>
                    <a:lnTo>
                      <a:pt x="25" y="57"/>
                    </a:lnTo>
                    <a:lnTo>
                      <a:pt x="19" y="54"/>
                    </a:lnTo>
                    <a:lnTo>
                      <a:pt x="10" y="48"/>
                    </a:lnTo>
                    <a:lnTo>
                      <a:pt x="2" y="42"/>
                    </a:lnTo>
                    <a:lnTo>
                      <a:pt x="0" y="35"/>
                    </a:lnTo>
                    <a:lnTo>
                      <a:pt x="0" y="31"/>
                    </a:lnTo>
                    <a:lnTo>
                      <a:pt x="2" y="26"/>
                    </a:lnTo>
                    <a:lnTo>
                      <a:pt x="5" y="21"/>
                    </a:lnTo>
                    <a:lnTo>
                      <a:pt x="9" y="17"/>
                    </a:lnTo>
                    <a:lnTo>
                      <a:pt x="15" y="8"/>
                    </a:lnTo>
                    <a:lnTo>
                      <a:pt x="22" y="0"/>
                    </a:lnTo>
                    <a:lnTo>
                      <a:pt x="25" y="0"/>
                    </a:lnTo>
                    <a:lnTo>
                      <a:pt x="28" y="2"/>
                    </a:lnTo>
                    <a:lnTo>
                      <a:pt x="32" y="3"/>
                    </a:lnTo>
                    <a:lnTo>
                      <a:pt x="35" y="6"/>
                    </a:lnTo>
                    <a:lnTo>
                      <a:pt x="40" y="12"/>
                    </a:lnTo>
                    <a:lnTo>
                      <a:pt x="45" y="20"/>
                    </a:lnTo>
                    <a:lnTo>
                      <a:pt x="49" y="28"/>
                    </a:lnTo>
                    <a:lnTo>
                      <a:pt x="54" y="35"/>
                    </a:lnTo>
                    <a:lnTo>
                      <a:pt x="59" y="42"/>
                    </a:lnTo>
                    <a:lnTo>
                      <a:pt x="64" y="47"/>
                    </a:lnTo>
                    <a:lnTo>
                      <a:pt x="70" y="52"/>
                    </a:lnTo>
                    <a:lnTo>
                      <a:pt x="73" y="57"/>
                    </a:lnTo>
                    <a:lnTo>
                      <a:pt x="77" y="63"/>
                    </a:lnTo>
                    <a:lnTo>
                      <a:pt x="79" y="69"/>
                    </a:lnTo>
                    <a:lnTo>
                      <a:pt x="80" y="73"/>
                    </a:lnTo>
                    <a:lnTo>
                      <a:pt x="79" y="77"/>
                    </a:lnTo>
                    <a:lnTo>
                      <a:pt x="77" y="81"/>
                    </a:lnTo>
                    <a:lnTo>
                      <a:pt x="75" y="85"/>
                    </a:lnTo>
                    <a:lnTo>
                      <a:pt x="72" y="87"/>
                    </a:lnTo>
                    <a:lnTo>
                      <a:pt x="70" y="90"/>
                    </a:lnTo>
                    <a:lnTo>
                      <a:pt x="66" y="91"/>
                    </a:lnTo>
                    <a:lnTo>
                      <a:pt x="63" y="91"/>
                    </a:lnTo>
                    <a:lnTo>
                      <a:pt x="46" y="6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11" name="Freeform 130"/>
              <p:cNvSpPr>
                <a:spLocks/>
              </p:cNvSpPr>
              <p:nvPr/>
            </p:nvSpPr>
            <p:spPr bwMode="auto">
              <a:xfrm>
                <a:off x="7743342" y="5196869"/>
                <a:ext cx="52830" cy="65027"/>
              </a:xfrm>
              <a:custGeom>
                <a:avLst/>
                <a:gdLst/>
                <a:ahLst/>
                <a:cxnLst>
                  <a:cxn ang="0">
                    <a:pos x="75" y="62"/>
                  </a:cxn>
                  <a:cxn ang="0">
                    <a:pos x="64" y="53"/>
                  </a:cxn>
                  <a:cxn ang="0">
                    <a:pos x="54" y="44"/>
                  </a:cxn>
                  <a:cxn ang="0">
                    <a:pos x="45" y="34"/>
                  </a:cxn>
                  <a:cxn ang="0">
                    <a:pos x="35" y="23"/>
                  </a:cxn>
                  <a:cxn ang="0">
                    <a:pos x="29" y="18"/>
                  </a:cxn>
                  <a:cxn ang="0">
                    <a:pos x="22" y="9"/>
                  </a:cxn>
                  <a:cxn ang="0">
                    <a:pos x="14" y="3"/>
                  </a:cxn>
                  <a:cxn ang="0">
                    <a:pos x="7" y="0"/>
                  </a:cxn>
                  <a:cxn ang="0">
                    <a:pos x="4" y="0"/>
                  </a:cxn>
                  <a:cxn ang="0">
                    <a:pos x="1" y="1"/>
                  </a:cxn>
                  <a:cxn ang="0">
                    <a:pos x="0" y="4"/>
                  </a:cxn>
                  <a:cxn ang="0">
                    <a:pos x="0" y="8"/>
                  </a:cxn>
                  <a:cxn ang="0">
                    <a:pos x="2" y="16"/>
                  </a:cxn>
                  <a:cxn ang="0">
                    <a:pos x="6" y="25"/>
                  </a:cxn>
                  <a:cxn ang="0">
                    <a:pos x="19" y="43"/>
                  </a:cxn>
                  <a:cxn ang="0">
                    <a:pos x="28" y="53"/>
                  </a:cxn>
                  <a:cxn ang="0">
                    <a:pos x="42" y="70"/>
                  </a:cxn>
                  <a:cxn ang="0">
                    <a:pos x="57" y="86"/>
                  </a:cxn>
                  <a:cxn ang="0">
                    <a:pos x="64" y="97"/>
                  </a:cxn>
                  <a:cxn ang="0">
                    <a:pos x="71" y="110"/>
                  </a:cxn>
                  <a:cxn ang="0">
                    <a:pos x="75" y="117"/>
                  </a:cxn>
                  <a:cxn ang="0">
                    <a:pos x="79" y="123"/>
                  </a:cxn>
                  <a:cxn ang="0">
                    <a:pos x="84" y="128"/>
                  </a:cxn>
                  <a:cxn ang="0">
                    <a:pos x="89" y="135"/>
                  </a:cxn>
                  <a:cxn ang="0">
                    <a:pos x="93" y="137"/>
                  </a:cxn>
                  <a:cxn ang="0">
                    <a:pos x="99" y="143"/>
                  </a:cxn>
                  <a:cxn ang="0">
                    <a:pos x="103" y="144"/>
                  </a:cxn>
                  <a:cxn ang="0">
                    <a:pos x="107" y="145"/>
                  </a:cxn>
                  <a:cxn ang="0">
                    <a:pos x="110" y="145"/>
                  </a:cxn>
                  <a:cxn ang="0">
                    <a:pos x="112" y="144"/>
                  </a:cxn>
                  <a:cxn ang="0">
                    <a:pos x="115" y="140"/>
                  </a:cxn>
                  <a:cxn ang="0">
                    <a:pos x="115" y="135"/>
                  </a:cxn>
                  <a:cxn ang="0">
                    <a:pos x="114" y="130"/>
                  </a:cxn>
                  <a:cxn ang="0">
                    <a:pos x="112" y="124"/>
                  </a:cxn>
                  <a:cxn ang="0">
                    <a:pos x="105" y="115"/>
                  </a:cxn>
                  <a:cxn ang="0">
                    <a:pos x="98" y="109"/>
                  </a:cxn>
                  <a:cxn ang="0">
                    <a:pos x="75" y="62"/>
                  </a:cxn>
                </a:cxnLst>
                <a:rect l="0" t="0" r="r" b="b"/>
                <a:pathLst>
                  <a:path w="115" h="145">
                    <a:moveTo>
                      <a:pt x="75" y="62"/>
                    </a:moveTo>
                    <a:lnTo>
                      <a:pt x="64" y="53"/>
                    </a:lnTo>
                    <a:lnTo>
                      <a:pt x="54" y="44"/>
                    </a:lnTo>
                    <a:lnTo>
                      <a:pt x="45" y="34"/>
                    </a:lnTo>
                    <a:lnTo>
                      <a:pt x="35" y="23"/>
                    </a:lnTo>
                    <a:lnTo>
                      <a:pt x="29" y="18"/>
                    </a:lnTo>
                    <a:lnTo>
                      <a:pt x="22" y="9"/>
                    </a:lnTo>
                    <a:lnTo>
                      <a:pt x="14" y="3"/>
                    </a:lnTo>
                    <a:lnTo>
                      <a:pt x="7" y="0"/>
                    </a:lnTo>
                    <a:lnTo>
                      <a:pt x="4" y="0"/>
                    </a:lnTo>
                    <a:lnTo>
                      <a:pt x="1" y="1"/>
                    </a:lnTo>
                    <a:lnTo>
                      <a:pt x="0" y="4"/>
                    </a:lnTo>
                    <a:lnTo>
                      <a:pt x="0" y="8"/>
                    </a:lnTo>
                    <a:lnTo>
                      <a:pt x="2" y="16"/>
                    </a:lnTo>
                    <a:lnTo>
                      <a:pt x="6" y="25"/>
                    </a:lnTo>
                    <a:lnTo>
                      <a:pt x="19" y="43"/>
                    </a:lnTo>
                    <a:lnTo>
                      <a:pt x="28" y="53"/>
                    </a:lnTo>
                    <a:lnTo>
                      <a:pt x="42" y="70"/>
                    </a:lnTo>
                    <a:lnTo>
                      <a:pt x="57" y="86"/>
                    </a:lnTo>
                    <a:lnTo>
                      <a:pt x="64" y="97"/>
                    </a:lnTo>
                    <a:lnTo>
                      <a:pt x="71" y="110"/>
                    </a:lnTo>
                    <a:lnTo>
                      <a:pt x="75" y="117"/>
                    </a:lnTo>
                    <a:lnTo>
                      <a:pt x="79" y="123"/>
                    </a:lnTo>
                    <a:lnTo>
                      <a:pt x="84" y="128"/>
                    </a:lnTo>
                    <a:lnTo>
                      <a:pt x="89" y="135"/>
                    </a:lnTo>
                    <a:lnTo>
                      <a:pt x="93" y="137"/>
                    </a:lnTo>
                    <a:lnTo>
                      <a:pt x="99" y="143"/>
                    </a:lnTo>
                    <a:lnTo>
                      <a:pt x="103" y="144"/>
                    </a:lnTo>
                    <a:lnTo>
                      <a:pt x="107" y="145"/>
                    </a:lnTo>
                    <a:lnTo>
                      <a:pt x="110" y="145"/>
                    </a:lnTo>
                    <a:lnTo>
                      <a:pt x="112" y="144"/>
                    </a:lnTo>
                    <a:lnTo>
                      <a:pt x="115" y="140"/>
                    </a:lnTo>
                    <a:lnTo>
                      <a:pt x="115" y="135"/>
                    </a:lnTo>
                    <a:lnTo>
                      <a:pt x="114" y="130"/>
                    </a:lnTo>
                    <a:lnTo>
                      <a:pt x="112" y="124"/>
                    </a:lnTo>
                    <a:lnTo>
                      <a:pt x="105" y="115"/>
                    </a:lnTo>
                    <a:lnTo>
                      <a:pt x="98" y="109"/>
                    </a:lnTo>
                    <a:lnTo>
                      <a:pt x="75" y="62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12" name="Freeform 131"/>
              <p:cNvSpPr>
                <a:spLocks/>
              </p:cNvSpPr>
              <p:nvPr/>
            </p:nvSpPr>
            <p:spPr bwMode="auto">
              <a:xfrm>
                <a:off x="7661365" y="5171581"/>
                <a:ext cx="34613" cy="52383"/>
              </a:xfrm>
              <a:custGeom>
                <a:avLst/>
                <a:gdLst/>
                <a:ahLst/>
                <a:cxnLst>
                  <a:cxn ang="0">
                    <a:pos x="66" y="69"/>
                  </a:cxn>
                  <a:cxn ang="0">
                    <a:pos x="57" y="57"/>
                  </a:cxn>
                  <a:cxn ang="0">
                    <a:pos x="50" y="43"/>
                  </a:cxn>
                  <a:cxn ang="0">
                    <a:pos x="44" y="32"/>
                  </a:cxn>
                  <a:cxn ang="0">
                    <a:pos x="35" y="19"/>
                  </a:cxn>
                  <a:cxn ang="0">
                    <a:pos x="31" y="12"/>
                  </a:cxn>
                  <a:cxn ang="0">
                    <a:pos x="25" y="7"/>
                  </a:cxn>
                  <a:cxn ang="0">
                    <a:pos x="20" y="3"/>
                  </a:cxn>
                  <a:cxn ang="0">
                    <a:pos x="15" y="0"/>
                  </a:cxn>
                  <a:cxn ang="0">
                    <a:pos x="9" y="0"/>
                  </a:cxn>
                  <a:cxn ang="0">
                    <a:pos x="5" y="2"/>
                  </a:cxn>
                  <a:cxn ang="0">
                    <a:pos x="2" y="4"/>
                  </a:cxn>
                  <a:cxn ang="0">
                    <a:pos x="1" y="8"/>
                  </a:cxn>
                  <a:cxn ang="0">
                    <a:pos x="0" y="13"/>
                  </a:cxn>
                  <a:cxn ang="0">
                    <a:pos x="1" y="19"/>
                  </a:cxn>
                  <a:cxn ang="0">
                    <a:pos x="1" y="22"/>
                  </a:cxn>
                  <a:cxn ang="0">
                    <a:pos x="3" y="26"/>
                  </a:cxn>
                  <a:cxn ang="0">
                    <a:pos x="15" y="42"/>
                  </a:cxn>
                  <a:cxn ang="0">
                    <a:pos x="27" y="57"/>
                  </a:cxn>
                  <a:cxn ang="0">
                    <a:pos x="35" y="67"/>
                  </a:cxn>
                  <a:cxn ang="0">
                    <a:pos x="41" y="76"/>
                  </a:cxn>
                  <a:cxn ang="0">
                    <a:pos x="48" y="86"/>
                  </a:cxn>
                  <a:cxn ang="0">
                    <a:pos x="54" y="96"/>
                  </a:cxn>
                  <a:cxn ang="0">
                    <a:pos x="59" y="104"/>
                  </a:cxn>
                  <a:cxn ang="0">
                    <a:pos x="64" y="112"/>
                  </a:cxn>
                  <a:cxn ang="0">
                    <a:pos x="67" y="116"/>
                  </a:cxn>
                  <a:cxn ang="0">
                    <a:pos x="70" y="117"/>
                  </a:cxn>
                  <a:cxn ang="0">
                    <a:pos x="72" y="117"/>
                  </a:cxn>
                  <a:cxn ang="0">
                    <a:pos x="73" y="116"/>
                  </a:cxn>
                  <a:cxn ang="0">
                    <a:pos x="75" y="111"/>
                  </a:cxn>
                  <a:cxn ang="0">
                    <a:pos x="75" y="104"/>
                  </a:cxn>
                  <a:cxn ang="0">
                    <a:pos x="66" y="69"/>
                  </a:cxn>
                </a:cxnLst>
                <a:rect l="0" t="0" r="r" b="b"/>
                <a:pathLst>
                  <a:path w="75" h="117">
                    <a:moveTo>
                      <a:pt x="66" y="69"/>
                    </a:moveTo>
                    <a:lnTo>
                      <a:pt x="57" y="57"/>
                    </a:lnTo>
                    <a:lnTo>
                      <a:pt x="50" y="43"/>
                    </a:lnTo>
                    <a:lnTo>
                      <a:pt x="44" y="32"/>
                    </a:lnTo>
                    <a:lnTo>
                      <a:pt x="35" y="19"/>
                    </a:lnTo>
                    <a:lnTo>
                      <a:pt x="31" y="12"/>
                    </a:lnTo>
                    <a:lnTo>
                      <a:pt x="25" y="7"/>
                    </a:lnTo>
                    <a:lnTo>
                      <a:pt x="20" y="3"/>
                    </a:lnTo>
                    <a:lnTo>
                      <a:pt x="15" y="0"/>
                    </a:lnTo>
                    <a:lnTo>
                      <a:pt x="9" y="0"/>
                    </a:lnTo>
                    <a:lnTo>
                      <a:pt x="5" y="2"/>
                    </a:lnTo>
                    <a:lnTo>
                      <a:pt x="2" y="4"/>
                    </a:lnTo>
                    <a:lnTo>
                      <a:pt x="1" y="8"/>
                    </a:lnTo>
                    <a:lnTo>
                      <a:pt x="0" y="13"/>
                    </a:lnTo>
                    <a:lnTo>
                      <a:pt x="1" y="19"/>
                    </a:lnTo>
                    <a:lnTo>
                      <a:pt x="1" y="22"/>
                    </a:lnTo>
                    <a:lnTo>
                      <a:pt x="3" y="26"/>
                    </a:lnTo>
                    <a:lnTo>
                      <a:pt x="15" y="42"/>
                    </a:lnTo>
                    <a:lnTo>
                      <a:pt x="27" y="57"/>
                    </a:lnTo>
                    <a:lnTo>
                      <a:pt x="35" y="67"/>
                    </a:lnTo>
                    <a:lnTo>
                      <a:pt x="41" y="76"/>
                    </a:lnTo>
                    <a:lnTo>
                      <a:pt x="48" y="86"/>
                    </a:lnTo>
                    <a:lnTo>
                      <a:pt x="54" y="96"/>
                    </a:lnTo>
                    <a:lnTo>
                      <a:pt x="59" y="104"/>
                    </a:lnTo>
                    <a:lnTo>
                      <a:pt x="64" y="112"/>
                    </a:lnTo>
                    <a:lnTo>
                      <a:pt x="67" y="116"/>
                    </a:lnTo>
                    <a:lnTo>
                      <a:pt x="70" y="117"/>
                    </a:lnTo>
                    <a:lnTo>
                      <a:pt x="72" y="117"/>
                    </a:lnTo>
                    <a:lnTo>
                      <a:pt x="73" y="116"/>
                    </a:lnTo>
                    <a:lnTo>
                      <a:pt x="75" y="111"/>
                    </a:lnTo>
                    <a:lnTo>
                      <a:pt x="75" y="104"/>
                    </a:lnTo>
                    <a:lnTo>
                      <a:pt x="66" y="6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13" name="Freeform 132"/>
              <p:cNvSpPr>
                <a:spLocks/>
              </p:cNvSpPr>
              <p:nvPr/>
            </p:nvSpPr>
            <p:spPr bwMode="auto">
              <a:xfrm>
                <a:off x="7746985" y="5299829"/>
                <a:ext cx="34613" cy="55996"/>
              </a:xfrm>
              <a:custGeom>
                <a:avLst/>
                <a:gdLst/>
                <a:ahLst/>
                <a:cxnLst>
                  <a:cxn ang="0">
                    <a:pos x="57" y="114"/>
                  </a:cxn>
                  <a:cxn ang="0">
                    <a:pos x="49" y="104"/>
                  </a:cxn>
                  <a:cxn ang="0">
                    <a:pos x="44" y="95"/>
                  </a:cxn>
                  <a:cxn ang="0">
                    <a:pos x="37" y="84"/>
                  </a:cxn>
                  <a:cxn ang="0">
                    <a:pos x="31" y="74"/>
                  </a:cxn>
                  <a:cxn ang="0">
                    <a:pos x="24" y="61"/>
                  </a:cxn>
                  <a:cxn ang="0">
                    <a:pos x="18" y="47"/>
                  </a:cxn>
                  <a:cxn ang="0">
                    <a:pos x="12" y="36"/>
                  </a:cxn>
                  <a:cxn ang="0">
                    <a:pos x="5" y="26"/>
                  </a:cxn>
                  <a:cxn ang="0">
                    <a:pos x="2" y="21"/>
                  </a:cxn>
                  <a:cxn ang="0">
                    <a:pos x="1" y="16"/>
                  </a:cxn>
                  <a:cxn ang="0">
                    <a:pos x="0" y="10"/>
                  </a:cxn>
                  <a:cxn ang="0">
                    <a:pos x="0" y="4"/>
                  </a:cxn>
                  <a:cxn ang="0">
                    <a:pos x="0" y="1"/>
                  </a:cxn>
                  <a:cxn ang="0">
                    <a:pos x="1" y="0"/>
                  </a:cxn>
                  <a:cxn ang="0">
                    <a:pos x="2" y="0"/>
                  </a:cxn>
                  <a:cxn ang="0">
                    <a:pos x="4" y="0"/>
                  </a:cxn>
                  <a:cxn ang="0">
                    <a:pos x="8" y="3"/>
                  </a:cxn>
                  <a:cxn ang="0">
                    <a:pos x="12" y="7"/>
                  </a:cxn>
                  <a:cxn ang="0">
                    <a:pos x="18" y="17"/>
                  </a:cxn>
                  <a:cxn ang="0">
                    <a:pos x="22" y="22"/>
                  </a:cxn>
                  <a:cxn ang="0">
                    <a:pos x="31" y="40"/>
                  </a:cxn>
                  <a:cxn ang="0">
                    <a:pos x="41" y="57"/>
                  </a:cxn>
                  <a:cxn ang="0">
                    <a:pos x="49" y="67"/>
                  </a:cxn>
                  <a:cxn ang="0">
                    <a:pos x="57" y="78"/>
                  </a:cxn>
                  <a:cxn ang="0">
                    <a:pos x="63" y="88"/>
                  </a:cxn>
                  <a:cxn ang="0">
                    <a:pos x="70" y="100"/>
                  </a:cxn>
                  <a:cxn ang="0">
                    <a:pos x="72" y="106"/>
                  </a:cxn>
                  <a:cxn ang="0">
                    <a:pos x="76" y="115"/>
                  </a:cxn>
                  <a:cxn ang="0">
                    <a:pos x="78" y="119"/>
                  </a:cxn>
                  <a:cxn ang="0">
                    <a:pos x="76" y="122"/>
                  </a:cxn>
                  <a:cxn ang="0">
                    <a:pos x="75" y="124"/>
                  </a:cxn>
                  <a:cxn ang="0">
                    <a:pos x="70" y="123"/>
                  </a:cxn>
                  <a:cxn ang="0">
                    <a:pos x="57" y="114"/>
                  </a:cxn>
                </a:cxnLst>
                <a:rect l="0" t="0" r="r" b="b"/>
                <a:pathLst>
                  <a:path w="78" h="124">
                    <a:moveTo>
                      <a:pt x="57" y="114"/>
                    </a:moveTo>
                    <a:lnTo>
                      <a:pt x="49" y="104"/>
                    </a:lnTo>
                    <a:lnTo>
                      <a:pt x="44" y="95"/>
                    </a:lnTo>
                    <a:lnTo>
                      <a:pt x="37" y="84"/>
                    </a:lnTo>
                    <a:lnTo>
                      <a:pt x="31" y="74"/>
                    </a:lnTo>
                    <a:lnTo>
                      <a:pt x="24" y="61"/>
                    </a:lnTo>
                    <a:lnTo>
                      <a:pt x="18" y="47"/>
                    </a:lnTo>
                    <a:lnTo>
                      <a:pt x="12" y="36"/>
                    </a:lnTo>
                    <a:lnTo>
                      <a:pt x="5" y="26"/>
                    </a:lnTo>
                    <a:lnTo>
                      <a:pt x="2" y="21"/>
                    </a:lnTo>
                    <a:lnTo>
                      <a:pt x="1" y="16"/>
                    </a:lnTo>
                    <a:lnTo>
                      <a:pt x="0" y="10"/>
                    </a:lnTo>
                    <a:lnTo>
                      <a:pt x="0" y="4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8" y="3"/>
                    </a:lnTo>
                    <a:lnTo>
                      <a:pt x="12" y="7"/>
                    </a:lnTo>
                    <a:lnTo>
                      <a:pt x="18" y="17"/>
                    </a:lnTo>
                    <a:lnTo>
                      <a:pt x="22" y="22"/>
                    </a:lnTo>
                    <a:lnTo>
                      <a:pt x="31" y="40"/>
                    </a:lnTo>
                    <a:lnTo>
                      <a:pt x="41" y="57"/>
                    </a:lnTo>
                    <a:lnTo>
                      <a:pt x="49" y="67"/>
                    </a:lnTo>
                    <a:lnTo>
                      <a:pt x="57" y="78"/>
                    </a:lnTo>
                    <a:lnTo>
                      <a:pt x="63" y="88"/>
                    </a:lnTo>
                    <a:lnTo>
                      <a:pt x="70" y="100"/>
                    </a:lnTo>
                    <a:lnTo>
                      <a:pt x="72" y="106"/>
                    </a:lnTo>
                    <a:lnTo>
                      <a:pt x="76" y="115"/>
                    </a:lnTo>
                    <a:lnTo>
                      <a:pt x="78" y="119"/>
                    </a:lnTo>
                    <a:lnTo>
                      <a:pt x="76" y="122"/>
                    </a:lnTo>
                    <a:lnTo>
                      <a:pt x="75" y="124"/>
                    </a:lnTo>
                    <a:lnTo>
                      <a:pt x="70" y="123"/>
                    </a:lnTo>
                    <a:lnTo>
                      <a:pt x="57" y="11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14" name="Freeform 133"/>
              <p:cNvSpPr>
                <a:spLocks/>
              </p:cNvSpPr>
              <p:nvPr/>
            </p:nvSpPr>
            <p:spPr bwMode="auto">
              <a:xfrm>
                <a:off x="7783419" y="5310667"/>
                <a:ext cx="43721" cy="43351"/>
              </a:xfrm>
              <a:custGeom>
                <a:avLst/>
                <a:gdLst/>
                <a:ahLst/>
                <a:cxnLst>
                  <a:cxn ang="0">
                    <a:pos x="55" y="79"/>
                  </a:cxn>
                  <a:cxn ang="0">
                    <a:pos x="43" y="66"/>
                  </a:cxn>
                  <a:cxn ang="0">
                    <a:pos x="32" y="53"/>
                  </a:cxn>
                  <a:cxn ang="0">
                    <a:pos x="23" y="40"/>
                  </a:cxn>
                  <a:cxn ang="0">
                    <a:pos x="13" y="26"/>
                  </a:cxn>
                  <a:cxn ang="0">
                    <a:pos x="6" y="17"/>
                  </a:cxn>
                  <a:cxn ang="0">
                    <a:pos x="1" y="5"/>
                  </a:cxn>
                  <a:cxn ang="0">
                    <a:pos x="0" y="1"/>
                  </a:cxn>
                  <a:cxn ang="0">
                    <a:pos x="1" y="0"/>
                  </a:cxn>
                  <a:cxn ang="0">
                    <a:pos x="5" y="0"/>
                  </a:cxn>
                  <a:cxn ang="0">
                    <a:pos x="11" y="5"/>
                  </a:cxn>
                  <a:cxn ang="0">
                    <a:pos x="28" y="20"/>
                  </a:cxn>
                  <a:cxn ang="0">
                    <a:pos x="45" y="34"/>
                  </a:cxn>
                  <a:cxn ang="0">
                    <a:pos x="57" y="43"/>
                  </a:cxn>
                  <a:cxn ang="0">
                    <a:pos x="67" y="53"/>
                  </a:cxn>
                  <a:cxn ang="0">
                    <a:pos x="77" y="64"/>
                  </a:cxn>
                  <a:cxn ang="0">
                    <a:pos x="85" y="75"/>
                  </a:cxn>
                  <a:cxn ang="0">
                    <a:pos x="92" y="83"/>
                  </a:cxn>
                  <a:cxn ang="0">
                    <a:pos x="96" y="91"/>
                  </a:cxn>
                  <a:cxn ang="0">
                    <a:pos x="96" y="95"/>
                  </a:cxn>
                  <a:cxn ang="0">
                    <a:pos x="93" y="96"/>
                  </a:cxn>
                  <a:cxn ang="0">
                    <a:pos x="90" y="97"/>
                  </a:cxn>
                  <a:cxn ang="0">
                    <a:pos x="88" y="97"/>
                  </a:cxn>
                  <a:cxn ang="0">
                    <a:pos x="80" y="96"/>
                  </a:cxn>
                  <a:cxn ang="0">
                    <a:pos x="76" y="93"/>
                  </a:cxn>
                  <a:cxn ang="0">
                    <a:pos x="55" y="79"/>
                  </a:cxn>
                </a:cxnLst>
                <a:rect l="0" t="0" r="r" b="b"/>
                <a:pathLst>
                  <a:path w="96" h="97">
                    <a:moveTo>
                      <a:pt x="55" y="79"/>
                    </a:moveTo>
                    <a:lnTo>
                      <a:pt x="43" y="66"/>
                    </a:lnTo>
                    <a:lnTo>
                      <a:pt x="32" y="53"/>
                    </a:lnTo>
                    <a:lnTo>
                      <a:pt x="23" y="40"/>
                    </a:lnTo>
                    <a:lnTo>
                      <a:pt x="13" y="26"/>
                    </a:lnTo>
                    <a:lnTo>
                      <a:pt x="6" y="17"/>
                    </a:lnTo>
                    <a:lnTo>
                      <a:pt x="1" y="5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0"/>
                    </a:lnTo>
                    <a:lnTo>
                      <a:pt x="11" y="5"/>
                    </a:lnTo>
                    <a:lnTo>
                      <a:pt x="28" y="20"/>
                    </a:lnTo>
                    <a:lnTo>
                      <a:pt x="45" y="34"/>
                    </a:lnTo>
                    <a:lnTo>
                      <a:pt x="57" y="43"/>
                    </a:lnTo>
                    <a:lnTo>
                      <a:pt x="67" y="53"/>
                    </a:lnTo>
                    <a:lnTo>
                      <a:pt x="77" y="64"/>
                    </a:lnTo>
                    <a:lnTo>
                      <a:pt x="85" y="75"/>
                    </a:lnTo>
                    <a:lnTo>
                      <a:pt x="92" y="83"/>
                    </a:lnTo>
                    <a:lnTo>
                      <a:pt x="96" y="91"/>
                    </a:lnTo>
                    <a:lnTo>
                      <a:pt x="96" y="95"/>
                    </a:lnTo>
                    <a:lnTo>
                      <a:pt x="93" y="96"/>
                    </a:lnTo>
                    <a:lnTo>
                      <a:pt x="90" y="97"/>
                    </a:lnTo>
                    <a:lnTo>
                      <a:pt x="88" y="97"/>
                    </a:lnTo>
                    <a:lnTo>
                      <a:pt x="80" y="96"/>
                    </a:lnTo>
                    <a:lnTo>
                      <a:pt x="76" y="93"/>
                    </a:lnTo>
                    <a:lnTo>
                      <a:pt x="55" y="7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15" name="Freeform 134"/>
              <p:cNvSpPr>
                <a:spLocks/>
              </p:cNvSpPr>
              <p:nvPr/>
            </p:nvSpPr>
            <p:spPr bwMode="auto">
              <a:xfrm>
                <a:off x="7861751" y="5402788"/>
                <a:ext cx="20039" cy="16257"/>
              </a:xfrm>
              <a:custGeom>
                <a:avLst/>
                <a:gdLst/>
                <a:ahLst/>
                <a:cxnLst>
                  <a:cxn ang="0">
                    <a:pos x="46" y="17"/>
                  </a:cxn>
                  <a:cxn ang="0">
                    <a:pos x="34" y="11"/>
                  </a:cxn>
                  <a:cxn ang="0">
                    <a:pos x="22" y="4"/>
                  </a:cxn>
                  <a:cxn ang="0">
                    <a:pos x="16" y="2"/>
                  </a:cxn>
                  <a:cxn ang="0">
                    <a:pos x="9" y="0"/>
                  </a:cxn>
                  <a:cxn ang="0">
                    <a:pos x="5" y="0"/>
                  </a:cxn>
                  <a:cxn ang="0">
                    <a:pos x="1" y="2"/>
                  </a:cxn>
                  <a:cxn ang="0">
                    <a:pos x="0" y="7"/>
                  </a:cxn>
                  <a:cxn ang="0">
                    <a:pos x="1" y="12"/>
                  </a:cxn>
                  <a:cxn ang="0">
                    <a:pos x="11" y="19"/>
                  </a:cxn>
                  <a:cxn ang="0">
                    <a:pos x="20" y="25"/>
                  </a:cxn>
                  <a:cxn ang="0">
                    <a:pos x="22" y="32"/>
                  </a:cxn>
                  <a:cxn ang="0">
                    <a:pos x="26" y="37"/>
                  </a:cxn>
                  <a:cxn ang="0">
                    <a:pos x="30" y="37"/>
                  </a:cxn>
                  <a:cxn ang="0">
                    <a:pos x="34" y="37"/>
                  </a:cxn>
                  <a:cxn ang="0">
                    <a:pos x="38" y="35"/>
                  </a:cxn>
                  <a:cxn ang="0">
                    <a:pos x="42" y="33"/>
                  </a:cxn>
                  <a:cxn ang="0">
                    <a:pos x="46" y="17"/>
                  </a:cxn>
                </a:cxnLst>
                <a:rect l="0" t="0" r="r" b="b"/>
                <a:pathLst>
                  <a:path w="46" h="37">
                    <a:moveTo>
                      <a:pt x="46" y="17"/>
                    </a:moveTo>
                    <a:lnTo>
                      <a:pt x="34" y="11"/>
                    </a:lnTo>
                    <a:lnTo>
                      <a:pt x="22" y="4"/>
                    </a:lnTo>
                    <a:lnTo>
                      <a:pt x="16" y="2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1" y="2"/>
                    </a:lnTo>
                    <a:lnTo>
                      <a:pt x="0" y="7"/>
                    </a:lnTo>
                    <a:lnTo>
                      <a:pt x="1" y="12"/>
                    </a:lnTo>
                    <a:lnTo>
                      <a:pt x="11" y="19"/>
                    </a:lnTo>
                    <a:lnTo>
                      <a:pt x="20" y="25"/>
                    </a:lnTo>
                    <a:lnTo>
                      <a:pt x="22" y="32"/>
                    </a:lnTo>
                    <a:lnTo>
                      <a:pt x="26" y="37"/>
                    </a:lnTo>
                    <a:lnTo>
                      <a:pt x="30" y="37"/>
                    </a:lnTo>
                    <a:lnTo>
                      <a:pt x="34" y="37"/>
                    </a:lnTo>
                    <a:lnTo>
                      <a:pt x="38" y="35"/>
                    </a:lnTo>
                    <a:lnTo>
                      <a:pt x="42" y="33"/>
                    </a:lnTo>
                    <a:lnTo>
                      <a:pt x="46" y="17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16" name="Freeform 135"/>
              <p:cNvSpPr>
                <a:spLocks/>
              </p:cNvSpPr>
              <p:nvPr/>
            </p:nvSpPr>
            <p:spPr bwMode="auto">
              <a:xfrm>
                <a:off x="7989269" y="5471427"/>
                <a:ext cx="56473" cy="27095"/>
              </a:xfrm>
              <a:custGeom>
                <a:avLst/>
                <a:gdLst/>
                <a:ahLst/>
                <a:cxnLst>
                  <a:cxn ang="0">
                    <a:pos x="105" y="29"/>
                  </a:cxn>
                  <a:cxn ang="0">
                    <a:pos x="88" y="24"/>
                  </a:cxn>
                  <a:cxn ang="0">
                    <a:pos x="72" y="19"/>
                  </a:cxn>
                  <a:cxn ang="0">
                    <a:pos x="59" y="13"/>
                  </a:cxn>
                  <a:cxn ang="0">
                    <a:pos x="44" y="7"/>
                  </a:cxn>
                  <a:cxn ang="0">
                    <a:pos x="38" y="4"/>
                  </a:cxn>
                  <a:cxn ang="0">
                    <a:pos x="30" y="2"/>
                  </a:cxn>
                  <a:cxn ang="0">
                    <a:pos x="24" y="0"/>
                  </a:cxn>
                  <a:cxn ang="0">
                    <a:pos x="17" y="0"/>
                  </a:cxn>
                  <a:cxn ang="0">
                    <a:pos x="12" y="3"/>
                  </a:cxn>
                  <a:cxn ang="0">
                    <a:pos x="7" y="6"/>
                  </a:cxn>
                  <a:cxn ang="0">
                    <a:pos x="4" y="9"/>
                  </a:cxn>
                  <a:cxn ang="0">
                    <a:pos x="2" y="15"/>
                  </a:cxn>
                  <a:cxn ang="0">
                    <a:pos x="0" y="20"/>
                  </a:cxn>
                  <a:cxn ang="0">
                    <a:pos x="0" y="25"/>
                  </a:cxn>
                  <a:cxn ang="0">
                    <a:pos x="0" y="30"/>
                  </a:cxn>
                  <a:cxn ang="0">
                    <a:pos x="3" y="35"/>
                  </a:cxn>
                  <a:cxn ang="0">
                    <a:pos x="4" y="39"/>
                  </a:cxn>
                  <a:cxn ang="0">
                    <a:pos x="8" y="43"/>
                  </a:cxn>
                  <a:cxn ang="0">
                    <a:pos x="11" y="46"/>
                  </a:cxn>
                  <a:cxn ang="0">
                    <a:pos x="15" y="47"/>
                  </a:cxn>
                  <a:cxn ang="0">
                    <a:pos x="22" y="50"/>
                  </a:cxn>
                  <a:cxn ang="0">
                    <a:pos x="31" y="50"/>
                  </a:cxn>
                  <a:cxn ang="0">
                    <a:pos x="39" y="51"/>
                  </a:cxn>
                  <a:cxn ang="0">
                    <a:pos x="47" y="52"/>
                  </a:cxn>
                  <a:cxn ang="0">
                    <a:pos x="53" y="54"/>
                  </a:cxn>
                  <a:cxn ang="0">
                    <a:pos x="60" y="56"/>
                  </a:cxn>
                  <a:cxn ang="0">
                    <a:pos x="66" y="59"/>
                  </a:cxn>
                  <a:cxn ang="0">
                    <a:pos x="74" y="61"/>
                  </a:cxn>
                  <a:cxn ang="0">
                    <a:pos x="82" y="63"/>
                  </a:cxn>
                  <a:cxn ang="0">
                    <a:pos x="90" y="63"/>
                  </a:cxn>
                  <a:cxn ang="0">
                    <a:pos x="103" y="63"/>
                  </a:cxn>
                  <a:cxn ang="0">
                    <a:pos x="114" y="60"/>
                  </a:cxn>
                  <a:cxn ang="0">
                    <a:pos x="119" y="57"/>
                  </a:cxn>
                  <a:cxn ang="0">
                    <a:pos x="123" y="54"/>
                  </a:cxn>
                  <a:cxn ang="0">
                    <a:pos x="125" y="48"/>
                  </a:cxn>
                  <a:cxn ang="0">
                    <a:pos x="126" y="41"/>
                  </a:cxn>
                  <a:cxn ang="0">
                    <a:pos x="105" y="29"/>
                  </a:cxn>
                </a:cxnLst>
                <a:rect l="0" t="0" r="r" b="b"/>
                <a:pathLst>
                  <a:path w="126" h="63">
                    <a:moveTo>
                      <a:pt x="105" y="29"/>
                    </a:moveTo>
                    <a:lnTo>
                      <a:pt x="88" y="24"/>
                    </a:lnTo>
                    <a:lnTo>
                      <a:pt x="72" y="19"/>
                    </a:lnTo>
                    <a:lnTo>
                      <a:pt x="59" y="13"/>
                    </a:lnTo>
                    <a:lnTo>
                      <a:pt x="44" y="7"/>
                    </a:lnTo>
                    <a:lnTo>
                      <a:pt x="38" y="4"/>
                    </a:lnTo>
                    <a:lnTo>
                      <a:pt x="30" y="2"/>
                    </a:lnTo>
                    <a:lnTo>
                      <a:pt x="24" y="0"/>
                    </a:lnTo>
                    <a:lnTo>
                      <a:pt x="17" y="0"/>
                    </a:lnTo>
                    <a:lnTo>
                      <a:pt x="12" y="3"/>
                    </a:lnTo>
                    <a:lnTo>
                      <a:pt x="7" y="6"/>
                    </a:lnTo>
                    <a:lnTo>
                      <a:pt x="4" y="9"/>
                    </a:lnTo>
                    <a:lnTo>
                      <a:pt x="2" y="15"/>
                    </a:lnTo>
                    <a:lnTo>
                      <a:pt x="0" y="20"/>
                    </a:lnTo>
                    <a:lnTo>
                      <a:pt x="0" y="25"/>
                    </a:lnTo>
                    <a:lnTo>
                      <a:pt x="0" y="30"/>
                    </a:lnTo>
                    <a:lnTo>
                      <a:pt x="3" y="35"/>
                    </a:lnTo>
                    <a:lnTo>
                      <a:pt x="4" y="39"/>
                    </a:lnTo>
                    <a:lnTo>
                      <a:pt x="8" y="43"/>
                    </a:lnTo>
                    <a:lnTo>
                      <a:pt x="11" y="46"/>
                    </a:lnTo>
                    <a:lnTo>
                      <a:pt x="15" y="47"/>
                    </a:lnTo>
                    <a:lnTo>
                      <a:pt x="22" y="50"/>
                    </a:lnTo>
                    <a:lnTo>
                      <a:pt x="31" y="50"/>
                    </a:lnTo>
                    <a:lnTo>
                      <a:pt x="39" y="51"/>
                    </a:lnTo>
                    <a:lnTo>
                      <a:pt x="47" y="52"/>
                    </a:lnTo>
                    <a:lnTo>
                      <a:pt x="53" y="54"/>
                    </a:lnTo>
                    <a:lnTo>
                      <a:pt x="60" y="56"/>
                    </a:lnTo>
                    <a:lnTo>
                      <a:pt x="66" y="59"/>
                    </a:lnTo>
                    <a:lnTo>
                      <a:pt x="74" y="61"/>
                    </a:lnTo>
                    <a:lnTo>
                      <a:pt x="82" y="63"/>
                    </a:lnTo>
                    <a:lnTo>
                      <a:pt x="90" y="63"/>
                    </a:lnTo>
                    <a:lnTo>
                      <a:pt x="103" y="63"/>
                    </a:lnTo>
                    <a:lnTo>
                      <a:pt x="114" y="60"/>
                    </a:lnTo>
                    <a:lnTo>
                      <a:pt x="119" y="57"/>
                    </a:lnTo>
                    <a:lnTo>
                      <a:pt x="123" y="54"/>
                    </a:lnTo>
                    <a:lnTo>
                      <a:pt x="125" y="48"/>
                    </a:lnTo>
                    <a:lnTo>
                      <a:pt x="126" y="41"/>
                    </a:lnTo>
                    <a:lnTo>
                      <a:pt x="105" y="2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17" name="Freeform 136"/>
              <p:cNvSpPr>
                <a:spLocks/>
              </p:cNvSpPr>
              <p:nvPr/>
            </p:nvSpPr>
            <p:spPr bwMode="auto">
              <a:xfrm>
                <a:off x="7980161" y="5505748"/>
                <a:ext cx="98371" cy="27095"/>
              </a:xfrm>
              <a:custGeom>
                <a:avLst/>
                <a:gdLst/>
                <a:ahLst/>
                <a:cxnLst>
                  <a:cxn ang="0">
                    <a:pos x="180" y="29"/>
                  </a:cxn>
                  <a:cxn ang="0">
                    <a:pos x="166" y="31"/>
                  </a:cxn>
                  <a:cxn ang="0">
                    <a:pos x="150" y="31"/>
                  </a:cxn>
                  <a:cxn ang="0">
                    <a:pos x="134" y="30"/>
                  </a:cxn>
                  <a:cxn ang="0">
                    <a:pos x="119" y="27"/>
                  </a:cxn>
                  <a:cxn ang="0">
                    <a:pos x="100" y="17"/>
                  </a:cxn>
                  <a:cxn ang="0">
                    <a:pos x="79" y="5"/>
                  </a:cxn>
                  <a:cxn ang="0">
                    <a:pos x="69" y="1"/>
                  </a:cxn>
                  <a:cxn ang="0">
                    <a:pos x="60" y="0"/>
                  </a:cxn>
                  <a:cxn ang="0">
                    <a:pos x="55" y="1"/>
                  </a:cxn>
                  <a:cxn ang="0">
                    <a:pos x="49" y="3"/>
                  </a:cxn>
                  <a:cxn ang="0">
                    <a:pos x="46" y="7"/>
                  </a:cxn>
                  <a:cxn ang="0">
                    <a:pos x="40" y="10"/>
                  </a:cxn>
                  <a:cxn ang="0">
                    <a:pos x="27" y="18"/>
                  </a:cxn>
                  <a:cxn ang="0">
                    <a:pos x="9" y="29"/>
                  </a:cxn>
                  <a:cxn ang="0">
                    <a:pos x="5" y="33"/>
                  </a:cxn>
                  <a:cxn ang="0">
                    <a:pos x="3" y="35"/>
                  </a:cxn>
                  <a:cxn ang="0">
                    <a:pos x="0" y="38"/>
                  </a:cxn>
                  <a:cxn ang="0">
                    <a:pos x="0" y="40"/>
                  </a:cxn>
                  <a:cxn ang="0">
                    <a:pos x="0" y="43"/>
                  </a:cxn>
                  <a:cxn ang="0">
                    <a:pos x="3" y="47"/>
                  </a:cxn>
                  <a:cxn ang="0">
                    <a:pos x="7" y="49"/>
                  </a:cxn>
                  <a:cxn ang="0">
                    <a:pos x="12" y="52"/>
                  </a:cxn>
                  <a:cxn ang="0">
                    <a:pos x="22" y="55"/>
                  </a:cxn>
                  <a:cxn ang="0">
                    <a:pos x="34" y="56"/>
                  </a:cxn>
                  <a:cxn ang="0">
                    <a:pos x="44" y="56"/>
                  </a:cxn>
                  <a:cxn ang="0">
                    <a:pos x="56" y="56"/>
                  </a:cxn>
                  <a:cxn ang="0">
                    <a:pos x="78" y="55"/>
                  </a:cxn>
                  <a:cxn ang="0">
                    <a:pos x="99" y="55"/>
                  </a:cxn>
                  <a:cxn ang="0">
                    <a:pos x="109" y="56"/>
                  </a:cxn>
                  <a:cxn ang="0">
                    <a:pos x="119" y="57"/>
                  </a:cxn>
                  <a:cxn ang="0">
                    <a:pos x="130" y="58"/>
                  </a:cxn>
                  <a:cxn ang="0">
                    <a:pos x="139" y="58"/>
                  </a:cxn>
                  <a:cxn ang="0">
                    <a:pos x="153" y="55"/>
                  </a:cxn>
                  <a:cxn ang="0">
                    <a:pos x="166" y="49"/>
                  </a:cxn>
                  <a:cxn ang="0">
                    <a:pos x="184" y="49"/>
                  </a:cxn>
                  <a:cxn ang="0">
                    <a:pos x="202" y="49"/>
                  </a:cxn>
                  <a:cxn ang="0">
                    <a:pos x="209" y="48"/>
                  </a:cxn>
                  <a:cxn ang="0">
                    <a:pos x="213" y="45"/>
                  </a:cxn>
                  <a:cxn ang="0">
                    <a:pos x="215" y="42"/>
                  </a:cxn>
                  <a:cxn ang="0">
                    <a:pos x="217" y="38"/>
                  </a:cxn>
                  <a:cxn ang="0">
                    <a:pos x="215" y="34"/>
                  </a:cxn>
                  <a:cxn ang="0">
                    <a:pos x="213" y="31"/>
                  </a:cxn>
                  <a:cxn ang="0">
                    <a:pos x="209" y="29"/>
                  </a:cxn>
                  <a:cxn ang="0">
                    <a:pos x="202" y="27"/>
                  </a:cxn>
                  <a:cxn ang="0">
                    <a:pos x="180" y="29"/>
                  </a:cxn>
                </a:cxnLst>
                <a:rect l="0" t="0" r="r" b="b"/>
                <a:pathLst>
                  <a:path w="217" h="58">
                    <a:moveTo>
                      <a:pt x="180" y="29"/>
                    </a:moveTo>
                    <a:lnTo>
                      <a:pt x="166" y="31"/>
                    </a:lnTo>
                    <a:lnTo>
                      <a:pt x="150" y="31"/>
                    </a:lnTo>
                    <a:lnTo>
                      <a:pt x="134" y="30"/>
                    </a:lnTo>
                    <a:lnTo>
                      <a:pt x="119" y="27"/>
                    </a:lnTo>
                    <a:lnTo>
                      <a:pt x="100" y="17"/>
                    </a:lnTo>
                    <a:lnTo>
                      <a:pt x="79" y="5"/>
                    </a:lnTo>
                    <a:lnTo>
                      <a:pt x="69" y="1"/>
                    </a:lnTo>
                    <a:lnTo>
                      <a:pt x="60" y="0"/>
                    </a:lnTo>
                    <a:lnTo>
                      <a:pt x="55" y="1"/>
                    </a:lnTo>
                    <a:lnTo>
                      <a:pt x="49" y="3"/>
                    </a:lnTo>
                    <a:lnTo>
                      <a:pt x="46" y="7"/>
                    </a:lnTo>
                    <a:lnTo>
                      <a:pt x="40" y="10"/>
                    </a:lnTo>
                    <a:lnTo>
                      <a:pt x="27" y="18"/>
                    </a:lnTo>
                    <a:lnTo>
                      <a:pt x="9" y="29"/>
                    </a:lnTo>
                    <a:lnTo>
                      <a:pt x="5" y="33"/>
                    </a:lnTo>
                    <a:lnTo>
                      <a:pt x="3" y="35"/>
                    </a:lnTo>
                    <a:lnTo>
                      <a:pt x="0" y="38"/>
                    </a:lnTo>
                    <a:lnTo>
                      <a:pt x="0" y="40"/>
                    </a:lnTo>
                    <a:lnTo>
                      <a:pt x="0" y="43"/>
                    </a:lnTo>
                    <a:lnTo>
                      <a:pt x="3" y="47"/>
                    </a:lnTo>
                    <a:lnTo>
                      <a:pt x="7" y="49"/>
                    </a:lnTo>
                    <a:lnTo>
                      <a:pt x="12" y="52"/>
                    </a:lnTo>
                    <a:lnTo>
                      <a:pt x="22" y="55"/>
                    </a:lnTo>
                    <a:lnTo>
                      <a:pt x="34" y="56"/>
                    </a:lnTo>
                    <a:lnTo>
                      <a:pt x="44" y="56"/>
                    </a:lnTo>
                    <a:lnTo>
                      <a:pt x="56" y="56"/>
                    </a:lnTo>
                    <a:lnTo>
                      <a:pt x="78" y="55"/>
                    </a:lnTo>
                    <a:lnTo>
                      <a:pt x="99" y="55"/>
                    </a:lnTo>
                    <a:lnTo>
                      <a:pt x="109" y="56"/>
                    </a:lnTo>
                    <a:lnTo>
                      <a:pt x="119" y="57"/>
                    </a:lnTo>
                    <a:lnTo>
                      <a:pt x="130" y="58"/>
                    </a:lnTo>
                    <a:lnTo>
                      <a:pt x="139" y="58"/>
                    </a:lnTo>
                    <a:lnTo>
                      <a:pt x="153" y="55"/>
                    </a:lnTo>
                    <a:lnTo>
                      <a:pt x="166" y="49"/>
                    </a:lnTo>
                    <a:lnTo>
                      <a:pt x="184" y="49"/>
                    </a:lnTo>
                    <a:lnTo>
                      <a:pt x="202" y="49"/>
                    </a:lnTo>
                    <a:lnTo>
                      <a:pt x="209" y="48"/>
                    </a:lnTo>
                    <a:lnTo>
                      <a:pt x="213" y="45"/>
                    </a:lnTo>
                    <a:lnTo>
                      <a:pt x="215" y="42"/>
                    </a:lnTo>
                    <a:lnTo>
                      <a:pt x="217" y="38"/>
                    </a:lnTo>
                    <a:lnTo>
                      <a:pt x="215" y="34"/>
                    </a:lnTo>
                    <a:lnTo>
                      <a:pt x="213" y="31"/>
                    </a:lnTo>
                    <a:lnTo>
                      <a:pt x="209" y="29"/>
                    </a:lnTo>
                    <a:lnTo>
                      <a:pt x="202" y="27"/>
                    </a:lnTo>
                    <a:lnTo>
                      <a:pt x="180" y="2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18" name="Freeform 137"/>
              <p:cNvSpPr>
                <a:spLocks/>
              </p:cNvSpPr>
              <p:nvPr/>
            </p:nvSpPr>
            <p:spPr bwMode="auto">
              <a:xfrm>
                <a:off x="8020239" y="5552712"/>
                <a:ext cx="65581" cy="23483"/>
              </a:xfrm>
              <a:custGeom>
                <a:avLst/>
                <a:gdLst/>
                <a:ahLst/>
                <a:cxnLst>
                  <a:cxn ang="0">
                    <a:pos x="96" y="11"/>
                  </a:cxn>
                  <a:cxn ang="0">
                    <a:pos x="88" y="11"/>
                  </a:cxn>
                  <a:cxn ang="0">
                    <a:pos x="80" y="11"/>
                  </a:cxn>
                  <a:cxn ang="0">
                    <a:pos x="73" y="10"/>
                  </a:cxn>
                  <a:cxn ang="0">
                    <a:pos x="65" y="8"/>
                  </a:cxn>
                  <a:cxn ang="0">
                    <a:pos x="49" y="2"/>
                  </a:cxn>
                  <a:cxn ang="0">
                    <a:pos x="34" y="0"/>
                  </a:cxn>
                  <a:cxn ang="0">
                    <a:pos x="18" y="0"/>
                  </a:cxn>
                  <a:cxn ang="0">
                    <a:pos x="6" y="1"/>
                  </a:cxn>
                  <a:cxn ang="0">
                    <a:pos x="4" y="4"/>
                  </a:cxn>
                  <a:cxn ang="0">
                    <a:pos x="1" y="9"/>
                  </a:cxn>
                  <a:cxn ang="0">
                    <a:pos x="0" y="15"/>
                  </a:cxn>
                  <a:cxn ang="0">
                    <a:pos x="1" y="24"/>
                  </a:cxn>
                  <a:cxn ang="0">
                    <a:pos x="3" y="32"/>
                  </a:cxn>
                  <a:cxn ang="0">
                    <a:pos x="4" y="39"/>
                  </a:cxn>
                  <a:cxn ang="0">
                    <a:pos x="5" y="42"/>
                  </a:cxn>
                  <a:cxn ang="0">
                    <a:pos x="9" y="46"/>
                  </a:cxn>
                  <a:cxn ang="0">
                    <a:pos x="12" y="49"/>
                  </a:cxn>
                  <a:cxn ang="0">
                    <a:pos x="17" y="50"/>
                  </a:cxn>
                  <a:cxn ang="0">
                    <a:pos x="23" y="49"/>
                  </a:cxn>
                  <a:cxn ang="0">
                    <a:pos x="30" y="46"/>
                  </a:cxn>
                  <a:cxn ang="0">
                    <a:pos x="40" y="44"/>
                  </a:cxn>
                  <a:cxn ang="0">
                    <a:pos x="50" y="42"/>
                  </a:cxn>
                  <a:cxn ang="0">
                    <a:pos x="61" y="44"/>
                  </a:cxn>
                  <a:cxn ang="0">
                    <a:pos x="71" y="44"/>
                  </a:cxn>
                  <a:cxn ang="0">
                    <a:pos x="87" y="44"/>
                  </a:cxn>
                  <a:cxn ang="0">
                    <a:pos x="102" y="44"/>
                  </a:cxn>
                  <a:cxn ang="0">
                    <a:pos x="119" y="44"/>
                  </a:cxn>
                  <a:cxn ang="0">
                    <a:pos x="133" y="42"/>
                  </a:cxn>
                  <a:cxn ang="0">
                    <a:pos x="137" y="41"/>
                  </a:cxn>
                  <a:cxn ang="0">
                    <a:pos x="140" y="40"/>
                  </a:cxn>
                  <a:cxn ang="0">
                    <a:pos x="141" y="39"/>
                  </a:cxn>
                  <a:cxn ang="0">
                    <a:pos x="142" y="36"/>
                  </a:cxn>
                  <a:cxn ang="0">
                    <a:pos x="142" y="33"/>
                  </a:cxn>
                  <a:cxn ang="0">
                    <a:pos x="142" y="31"/>
                  </a:cxn>
                  <a:cxn ang="0">
                    <a:pos x="140" y="28"/>
                  </a:cxn>
                  <a:cxn ang="0">
                    <a:pos x="137" y="27"/>
                  </a:cxn>
                  <a:cxn ang="0">
                    <a:pos x="122" y="20"/>
                  </a:cxn>
                  <a:cxn ang="0">
                    <a:pos x="106" y="15"/>
                  </a:cxn>
                  <a:cxn ang="0">
                    <a:pos x="96" y="11"/>
                  </a:cxn>
                </a:cxnLst>
                <a:rect l="0" t="0" r="r" b="b"/>
                <a:pathLst>
                  <a:path w="142" h="50">
                    <a:moveTo>
                      <a:pt x="96" y="11"/>
                    </a:moveTo>
                    <a:lnTo>
                      <a:pt x="88" y="11"/>
                    </a:lnTo>
                    <a:lnTo>
                      <a:pt x="80" y="11"/>
                    </a:lnTo>
                    <a:lnTo>
                      <a:pt x="73" y="10"/>
                    </a:lnTo>
                    <a:lnTo>
                      <a:pt x="65" y="8"/>
                    </a:lnTo>
                    <a:lnTo>
                      <a:pt x="49" y="2"/>
                    </a:lnTo>
                    <a:lnTo>
                      <a:pt x="34" y="0"/>
                    </a:lnTo>
                    <a:lnTo>
                      <a:pt x="18" y="0"/>
                    </a:lnTo>
                    <a:lnTo>
                      <a:pt x="6" y="1"/>
                    </a:lnTo>
                    <a:lnTo>
                      <a:pt x="4" y="4"/>
                    </a:lnTo>
                    <a:lnTo>
                      <a:pt x="1" y="9"/>
                    </a:lnTo>
                    <a:lnTo>
                      <a:pt x="0" y="15"/>
                    </a:lnTo>
                    <a:lnTo>
                      <a:pt x="1" y="24"/>
                    </a:lnTo>
                    <a:lnTo>
                      <a:pt x="3" y="32"/>
                    </a:lnTo>
                    <a:lnTo>
                      <a:pt x="4" y="39"/>
                    </a:lnTo>
                    <a:lnTo>
                      <a:pt x="5" y="42"/>
                    </a:lnTo>
                    <a:lnTo>
                      <a:pt x="9" y="46"/>
                    </a:lnTo>
                    <a:lnTo>
                      <a:pt x="12" y="49"/>
                    </a:lnTo>
                    <a:lnTo>
                      <a:pt x="17" y="50"/>
                    </a:lnTo>
                    <a:lnTo>
                      <a:pt x="23" y="49"/>
                    </a:lnTo>
                    <a:lnTo>
                      <a:pt x="30" y="46"/>
                    </a:lnTo>
                    <a:lnTo>
                      <a:pt x="40" y="44"/>
                    </a:lnTo>
                    <a:lnTo>
                      <a:pt x="50" y="42"/>
                    </a:lnTo>
                    <a:lnTo>
                      <a:pt x="61" y="44"/>
                    </a:lnTo>
                    <a:lnTo>
                      <a:pt x="71" y="44"/>
                    </a:lnTo>
                    <a:lnTo>
                      <a:pt x="87" y="44"/>
                    </a:lnTo>
                    <a:lnTo>
                      <a:pt x="102" y="44"/>
                    </a:lnTo>
                    <a:lnTo>
                      <a:pt x="119" y="44"/>
                    </a:lnTo>
                    <a:lnTo>
                      <a:pt x="133" y="42"/>
                    </a:lnTo>
                    <a:lnTo>
                      <a:pt x="137" y="41"/>
                    </a:lnTo>
                    <a:lnTo>
                      <a:pt x="140" y="40"/>
                    </a:lnTo>
                    <a:lnTo>
                      <a:pt x="141" y="39"/>
                    </a:lnTo>
                    <a:lnTo>
                      <a:pt x="142" y="36"/>
                    </a:lnTo>
                    <a:lnTo>
                      <a:pt x="142" y="33"/>
                    </a:lnTo>
                    <a:lnTo>
                      <a:pt x="142" y="31"/>
                    </a:lnTo>
                    <a:lnTo>
                      <a:pt x="140" y="28"/>
                    </a:lnTo>
                    <a:lnTo>
                      <a:pt x="137" y="27"/>
                    </a:lnTo>
                    <a:lnTo>
                      <a:pt x="122" y="20"/>
                    </a:lnTo>
                    <a:lnTo>
                      <a:pt x="106" y="15"/>
                    </a:lnTo>
                    <a:lnTo>
                      <a:pt x="96" y="1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19" name="Freeform 138"/>
              <p:cNvSpPr>
                <a:spLocks/>
              </p:cNvSpPr>
              <p:nvPr/>
            </p:nvSpPr>
            <p:spPr bwMode="auto">
              <a:xfrm>
                <a:off x="8113144" y="5597869"/>
                <a:ext cx="67403" cy="25288"/>
              </a:xfrm>
              <a:custGeom>
                <a:avLst/>
                <a:gdLst/>
                <a:ahLst/>
                <a:cxnLst>
                  <a:cxn ang="0">
                    <a:pos x="101" y="13"/>
                  </a:cxn>
                  <a:cxn ang="0">
                    <a:pos x="83" y="8"/>
                  </a:cxn>
                  <a:cxn ang="0">
                    <a:pos x="63" y="2"/>
                  </a:cxn>
                  <a:cxn ang="0">
                    <a:pos x="52" y="1"/>
                  </a:cxn>
                  <a:cxn ang="0">
                    <a:pos x="42" y="0"/>
                  </a:cxn>
                  <a:cxn ang="0">
                    <a:pos x="31" y="0"/>
                  </a:cxn>
                  <a:cxn ang="0">
                    <a:pos x="21" y="1"/>
                  </a:cxn>
                  <a:cxn ang="0">
                    <a:pos x="15" y="1"/>
                  </a:cxn>
                  <a:cxn ang="0">
                    <a:pos x="8" y="4"/>
                  </a:cxn>
                  <a:cxn ang="0">
                    <a:pos x="4" y="6"/>
                  </a:cxn>
                  <a:cxn ang="0">
                    <a:pos x="2" y="9"/>
                  </a:cxn>
                  <a:cxn ang="0">
                    <a:pos x="0" y="13"/>
                  </a:cxn>
                  <a:cxn ang="0">
                    <a:pos x="3" y="17"/>
                  </a:cxn>
                  <a:cxn ang="0">
                    <a:pos x="7" y="21"/>
                  </a:cxn>
                  <a:cxn ang="0">
                    <a:pos x="13" y="26"/>
                  </a:cxn>
                  <a:cxn ang="0">
                    <a:pos x="26" y="30"/>
                  </a:cxn>
                  <a:cxn ang="0">
                    <a:pos x="41" y="32"/>
                  </a:cxn>
                  <a:cxn ang="0">
                    <a:pos x="56" y="33"/>
                  </a:cxn>
                  <a:cxn ang="0">
                    <a:pos x="69" y="35"/>
                  </a:cxn>
                  <a:cxn ang="0">
                    <a:pos x="85" y="39"/>
                  </a:cxn>
                  <a:cxn ang="0">
                    <a:pos x="99" y="45"/>
                  </a:cxn>
                  <a:cxn ang="0">
                    <a:pos x="113" y="50"/>
                  </a:cxn>
                  <a:cxn ang="0">
                    <a:pos x="129" y="54"/>
                  </a:cxn>
                  <a:cxn ang="0">
                    <a:pos x="132" y="55"/>
                  </a:cxn>
                  <a:cxn ang="0">
                    <a:pos x="139" y="55"/>
                  </a:cxn>
                  <a:cxn ang="0">
                    <a:pos x="144" y="54"/>
                  </a:cxn>
                  <a:cxn ang="0">
                    <a:pos x="148" y="52"/>
                  </a:cxn>
                  <a:cxn ang="0">
                    <a:pos x="148" y="48"/>
                  </a:cxn>
                  <a:cxn ang="0">
                    <a:pos x="147" y="44"/>
                  </a:cxn>
                  <a:cxn ang="0">
                    <a:pos x="144" y="41"/>
                  </a:cxn>
                  <a:cxn ang="0">
                    <a:pos x="140" y="37"/>
                  </a:cxn>
                  <a:cxn ang="0">
                    <a:pos x="132" y="32"/>
                  </a:cxn>
                  <a:cxn ang="0">
                    <a:pos x="126" y="28"/>
                  </a:cxn>
                  <a:cxn ang="0">
                    <a:pos x="101" y="13"/>
                  </a:cxn>
                </a:cxnLst>
                <a:rect l="0" t="0" r="r" b="b"/>
                <a:pathLst>
                  <a:path w="148" h="55">
                    <a:moveTo>
                      <a:pt x="101" y="13"/>
                    </a:moveTo>
                    <a:lnTo>
                      <a:pt x="83" y="8"/>
                    </a:lnTo>
                    <a:lnTo>
                      <a:pt x="63" y="2"/>
                    </a:lnTo>
                    <a:lnTo>
                      <a:pt x="52" y="1"/>
                    </a:lnTo>
                    <a:lnTo>
                      <a:pt x="42" y="0"/>
                    </a:lnTo>
                    <a:lnTo>
                      <a:pt x="31" y="0"/>
                    </a:lnTo>
                    <a:lnTo>
                      <a:pt x="21" y="1"/>
                    </a:lnTo>
                    <a:lnTo>
                      <a:pt x="15" y="1"/>
                    </a:lnTo>
                    <a:lnTo>
                      <a:pt x="8" y="4"/>
                    </a:lnTo>
                    <a:lnTo>
                      <a:pt x="4" y="6"/>
                    </a:lnTo>
                    <a:lnTo>
                      <a:pt x="2" y="9"/>
                    </a:lnTo>
                    <a:lnTo>
                      <a:pt x="0" y="13"/>
                    </a:lnTo>
                    <a:lnTo>
                      <a:pt x="3" y="17"/>
                    </a:lnTo>
                    <a:lnTo>
                      <a:pt x="7" y="21"/>
                    </a:lnTo>
                    <a:lnTo>
                      <a:pt x="13" y="26"/>
                    </a:lnTo>
                    <a:lnTo>
                      <a:pt x="26" y="30"/>
                    </a:lnTo>
                    <a:lnTo>
                      <a:pt x="41" y="32"/>
                    </a:lnTo>
                    <a:lnTo>
                      <a:pt x="56" y="33"/>
                    </a:lnTo>
                    <a:lnTo>
                      <a:pt x="69" y="35"/>
                    </a:lnTo>
                    <a:lnTo>
                      <a:pt x="85" y="39"/>
                    </a:lnTo>
                    <a:lnTo>
                      <a:pt x="99" y="45"/>
                    </a:lnTo>
                    <a:lnTo>
                      <a:pt x="113" y="50"/>
                    </a:lnTo>
                    <a:lnTo>
                      <a:pt x="129" y="54"/>
                    </a:lnTo>
                    <a:lnTo>
                      <a:pt x="132" y="55"/>
                    </a:lnTo>
                    <a:lnTo>
                      <a:pt x="139" y="55"/>
                    </a:lnTo>
                    <a:lnTo>
                      <a:pt x="144" y="54"/>
                    </a:lnTo>
                    <a:lnTo>
                      <a:pt x="148" y="52"/>
                    </a:lnTo>
                    <a:lnTo>
                      <a:pt x="148" y="48"/>
                    </a:lnTo>
                    <a:lnTo>
                      <a:pt x="147" y="44"/>
                    </a:lnTo>
                    <a:lnTo>
                      <a:pt x="144" y="41"/>
                    </a:lnTo>
                    <a:lnTo>
                      <a:pt x="140" y="37"/>
                    </a:lnTo>
                    <a:lnTo>
                      <a:pt x="132" y="32"/>
                    </a:lnTo>
                    <a:lnTo>
                      <a:pt x="126" y="28"/>
                    </a:lnTo>
                    <a:lnTo>
                      <a:pt x="101" y="13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20" name="Freeform 139"/>
              <p:cNvSpPr>
                <a:spLocks/>
              </p:cNvSpPr>
              <p:nvPr/>
            </p:nvSpPr>
            <p:spPr bwMode="auto">
              <a:xfrm>
                <a:off x="8087641" y="5538261"/>
                <a:ext cx="89263" cy="48771"/>
              </a:xfrm>
              <a:custGeom>
                <a:avLst/>
                <a:gdLst/>
                <a:ahLst/>
                <a:cxnLst>
                  <a:cxn ang="0">
                    <a:pos x="123" y="57"/>
                  </a:cxn>
                  <a:cxn ang="0">
                    <a:pos x="96" y="43"/>
                  </a:cxn>
                  <a:cxn ang="0">
                    <a:pos x="58" y="21"/>
                  </a:cxn>
                  <a:cxn ang="0">
                    <a:pos x="40" y="10"/>
                  </a:cxn>
                  <a:cxn ang="0">
                    <a:pos x="22" y="3"/>
                  </a:cxn>
                  <a:cxn ang="0">
                    <a:pos x="15" y="0"/>
                  </a:cxn>
                  <a:cxn ang="0">
                    <a:pos x="9" y="0"/>
                  </a:cxn>
                  <a:cxn ang="0">
                    <a:pos x="4" y="0"/>
                  </a:cxn>
                  <a:cxn ang="0">
                    <a:pos x="0" y="1"/>
                  </a:cxn>
                  <a:cxn ang="0">
                    <a:pos x="1" y="5"/>
                  </a:cxn>
                  <a:cxn ang="0">
                    <a:pos x="3" y="9"/>
                  </a:cxn>
                  <a:cxn ang="0">
                    <a:pos x="5" y="13"/>
                  </a:cxn>
                  <a:cxn ang="0">
                    <a:pos x="9" y="17"/>
                  </a:cxn>
                  <a:cxn ang="0">
                    <a:pos x="18" y="23"/>
                  </a:cxn>
                  <a:cxn ang="0">
                    <a:pos x="30" y="31"/>
                  </a:cxn>
                  <a:cxn ang="0">
                    <a:pos x="53" y="44"/>
                  </a:cxn>
                  <a:cxn ang="0">
                    <a:pos x="70" y="52"/>
                  </a:cxn>
                  <a:cxn ang="0">
                    <a:pos x="80" y="58"/>
                  </a:cxn>
                  <a:cxn ang="0">
                    <a:pos x="91" y="66"/>
                  </a:cxn>
                  <a:cxn ang="0">
                    <a:pos x="101" y="72"/>
                  </a:cxn>
                  <a:cxn ang="0">
                    <a:pos x="111" y="78"/>
                  </a:cxn>
                  <a:cxn ang="0">
                    <a:pos x="128" y="82"/>
                  </a:cxn>
                  <a:cxn ang="0">
                    <a:pos x="146" y="87"/>
                  </a:cxn>
                  <a:cxn ang="0">
                    <a:pos x="155" y="92"/>
                  </a:cxn>
                  <a:cxn ang="0">
                    <a:pos x="166" y="97"/>
                  </a:cxn>
                  <a:cxn ang="0">
                    <a:pos x="171" y="100"/>
                  </a:cxn>
                  <a:cxn ang="0">
                    <a:pos x="176" y="102"/>
                  </a:cxn>
                  <a:cxn ang="0">
                    <a:pos x="181" y="104"/>
                  </a:cxn>
                  <a:cxn ang="0">
                    <a:pos x="186" y="105"/>
                  </a:cxn>
                  <a:cxn ang="0">
                    <a:pos x="190" y="105"/>
                  </a:cxn>
                  <a:cxn ang="0">
                    <a:pos x="193" y="104"/>
                  </a:cxn>
                  <a:cxn ang="0">
                    <a:pos x="194" y="102"/>
                  </a:cxn>
                  <a:cxn ang="0">
                    <a:pos x="194" y="100"/>
                  </a:cxn>
                  <a:cxn ang="0">
                    <a:pos x="190" y="95"/>
                  </a:cxn>
                  <a:cxn ang="0">
                    <a:pos x="184" y="88"/>
                  </a:cxn>
                  <a:cxn ang="0">
                    <a:pos x="168" y="76"/>
                  </a:cxn>
                  <a:cxn ang="0">
                    <a:pos x="158" y="70"/>
                  </a:cxn>
                  <a:cxn ang="0">
                    <a:pos x="123" y="57"/>
                  </a:cxn>
                </a:cxnLst>
                <a:rect l="0" t="0" r="r" b="b"/>
                <a:pathLst>
                  <a:path w="194" h="105">
                    <a:moveTo>
                      <a:pt x="123" y="57"/>
                    </a:moveTo>
                    <a:lnTo>
                      <a:pt x="96" y="43"/>
                    </a:lnTo>
                    <a:lnTo>
                      <a:pt x="58" y="21"/>
                    </a:lnTo>
                    <a:lnTo>
                      <a:pt x="40" y="10"/>
                    </a:lnTo>
                    <a:lnTo>
                      <a:pt x="22" y="3"/>
                    </a:lnTo>
                    <a:lnTo>
                      <a:pt x="15" y="0"/>
                    </a:lnTo>
                    <a:lnTo>
                      <a:pt x="9" y="0"/>
                    </a:lnTo>
                    <a:lnTo>
                      <a:pt x="4" y="0"/>
                    </a:lnTo>
                    <a:lnTo>
                      <a:pt x="0" y="1"/>
                    </a:lnTo>
                    <a:lnTo>
                      <a:pt x="1" y="5"/>
                    </a:lnTo>
                    <a:lnTo>
                      <a:pt x="3" y="9"/>
                    </a:lnTo>
                    <a:lnTo>
                      <a:pt x="5" y="13"/>
                    </a:lnTo>
                    <a:lnTo>
                      <a:pt x="9" y="17"/>
                    </a:lnTo>
                    <a:lnTo>
                      <a:pt x="18" y="23"/>
                    </a:lnTo>
                    <a:lnTo>
                      <a:pt x="30" y="31"/>
                    </a:lnTo>
                    <a:lnTo>
                      <a:pt x="53" y="44"/>
                    </a:lnTo>
                    <a:lnTo>
                      <a:pt x="70" y="52"/>
                    </a:lnTo>
                    <a:lnTo>
                      <a:pt x="80" y="58"/>
                    </a:lnTo>
                    <a:lnTo>
                      <a:pt x="91" y="66"/>
                    </a:lnTo>
                    <a:lnTo>
                      <a:pt x="101" y="72"/>
                    </a:lnTo>
                    <a:lnTo>
                      <a:pt x="111" y="78"/>
                    </a:lnTo>
                    <a:lnTo>
                      <a:pt x="128" y="82"/>
                    </a:lnTo>
                    <a:lnTo>
                      <a:pt x="146" y="87"/>
                    </a:lnTo>
                    <a:lnTo>
                      <a:pt x="155" y="92"/>
                    </a:lnTo>
                    <a:lnTo>
                      <a:pt x="166" y="97"/>
                    </a:lnTo>
                    <a:lnTo>
                      <a:pt x="171" y="100"/>
                    </a:lnTo>
                    <a:lnTo>
                      <a:pt x="176" y="102"/>
                    </a:lnTo>
                    <a:lnTo>
                      <a:pt x="181" y="104"/>
                    </a:lnTo>
                    <a:lnTo>
                      <a:pt x="186" y="105"/>
                    </a:lnTo>
                    <a:lnTo>
                      <a:pt x="190" y="105"/>
                    </a:lnTo>
                    <a:lnTo>
                      <a:pt x="193" y="104"/>
                    </a:lnTo>
                    <a:lnTo>
                      <a:pt x="194" y="102"/>
                    </a:lnTo>
                    <a:lnTo>
                      <a:pt x="194" y="100"/>
                    </a:lnTo>
                    <a:lnTo>
                      <a:pt x="190" y="95"/>
                    </a:lnTo>
                    <a:lnTo>
                      <a:pt x="184" y="88"/>
                    </a:lnTo>
                    <a:lnTo>
                      <a:pt x="168" y="76"/>
                    </a:lnTo>
                    <a:lnTo>
                      <a:pt x="158" y="70"/>
                    </a:lnTo>
                    <a:lnTo>
                      <a:pt x="123" y="57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21" name="Freeform 140"/>
              <p:cNvSpPr>
                <a:spLocks/>
              </p:cNvSpPr>
              <p:nvPr/>
            </p:nvSpPr>
            <p:spPr bwMode="auto">
              <a:xfrm>
                <a:off x="8175082" y="5563549"/>
                <a:ext cx="123875" cy="106573"/>
              </a:xfrm>
              <a:custGeom>
                <a:avLst/>
                <a:gdLst/>
                <a:ahLst/>
                <a:cxnLst>
                  <a:cxn ang="0">
                    <a:pos x="269" y="234"/>
                  </a:cxn>
                  <a:cxn ang="0">
                    <a:pos x="263" y="225"/>
                  </a:cxn>
                  <a:cxn ang="0">
                    <a:pos x="256" y="216"/>
                  </a:cxn>
                  <a:cxn ang="0">
                    <a:pos x="248" y="208"/>
                  </a:cxn>
                  <a:cxn ang="0">
                    <a:pos x="238" y="200"/>
                  </a:cxn>
                  <a:cxn ang="0">
                    <a:pos x="222" y="191"/>
                  </a:cxn>
                  <a:cxn ang="0">
                    <a:pos x="208" y="184"/>
                  </a:cxn>
                  <a:cxn ang="0">
                    <a:pos x="202" y="178"/>
                  </a:cxn>
                  <a:cxn ang="0">
                    <a:pos x="197" y="173"/>
                  </a:cxn>
                  <a:cxn ang="0">
                    <a:pos x="190" y="167"/>
                  </a:cxn>
                  <a:cxn ang="0">
                    <a:pos x="184" y="158"/>
                  </a:cxn>
                  <a:cxn ang="0">
                    <a:pos x="167" y="136"/>
                  </a:cxn>
                  <a:cxn ang="0">
                    <a:pos x="149" y="115"/>
                  </a:cxn>
                  <a:cxn ang="0">
                    <a:pos x="143" y="111"/>
                  </a:cxn>
                  <a:cxn ang="0">
                    <a:pos x="138" y="107"/>
                  </a:cxn>
                  <a:cxn ang="0">
                    <a:pos x="133" y="105"/>
                  </a:cxn>
                  <a:cxn ang="0">
                    <a:pos x="127" y="102"/>
                  </a:cxn>
                  <a:cxn ang="0">
                    <a:pos x="120" y="99"/>
                  </a:cxn>
                  <a:cxn ang="0">
                    <a:pos x="112" y="99"/>
                  </a:cxn>
                  <a:cxn ang="0">
                    <a:pos x="105" y="99"/>
                  </a:cxn>
                  <a:cxn ang="0">
                    <a:pos x="97" y="101"/>
                  </a:cxn>
                  <a:cxn ang="0">
                    <a:pos x="83" y="92"/>
                  </a:cxn>
                  <a:cxn ang="0">
                    <a:pos x="70" y="83"/>
                  </a:cxn>
                  <a:cxn ang="0">
                    <a:pos x="58" y="71"/>
                  </a:cxn>
                  <a:cxn ang="0">
                    <a:pos x="46" y="58"/>
                  </a:cxn>
                  <a:cxn ang="0">
                    <a:pos x="24" y="32"/>
                  </a:cxn>
                  <a:cxn ang="0">
                    <a:pos x="2" y="9"/>
                  </a:cxn>
                  <a:cxn ang="0">
                    <a:pos x="0" y="5"/>
                  </a:cxn>
                  <a:cxn ang="0">
                    <a:pos x="53" y="0"/>
                  </a:cxn>
                  <a:cxn ang="0">
                    <a:pos x="62" y="11"/>
                  </a:cxn>
                  <a:cxn ang="0">
                    <a:pos x="71" y="22"/>
                  </a:cxn>
                  <a:cxn ang="0">
                    <a:pos x="80" y="31"/>
                  </a:cxn>
                  <a:cxn ang="0">
                    <a:pos x="90" y="41"/>
                  </a:cxn>
                  <a:cxn ang="0">
                    <a:pos x="110" y="59"/>
                  </a:cxn>
                  <a:cxn ang="0">
                    <a:pos x="129" y="73"/>
                  </a:cxn>
                  <a:cxn ang="0">
                    <a:pos x="150" y="89"/>
                  </a:cxn>
                  <a:cxn ang="0">
                    <a:pos x="171" y="105"/>
                  </a:cxn>
                  <a:cxn ang="0">
                    <a:pos x="178" y="112"/>
                  </a:cxn>
                  <a:cxn ang="0">
                    <a:pos x="186" y="120"/>
                  </a:cxn>
                  <a:cxn ang="0">
                    <a:pos x="190" y="123"/>
                  </a:cxn>
                  <a:cxn ang="0">
                    <a:pos x="194" y="125"/>
                  </a:cxn>
                  <a:cxn ang="0">
                    <a:pos x="200" y="127"/>
                  </a:cxn>
                  <a:cxn ang="0">
                    <a:pos x="206" y="128"/>
                  </a:cxn>
                  <a:cxn ang="0">
                    <a:pos x="217" y="129"/>
                  </a:cxn>
                  <a:cxn ang="0">
                    <a:pos x="228" y="132"/>
                  </a:cxn>
                  <a:cxn ang="0">
                    <a:pos x="238" y="137"/>
                  </a:cxn>
                  <a:cxn ang="0">
                    <a:pos x="246" y="143"/>
                  </a:cxn>
                  <a:cxn ang="0">
                    <a:pos x="256" y="155"/>
                  </a:cxn>
                  <a:cxn ang="0">
                    <a:pos x="256" y="155"/>
                  </a:cxn>
                  <a:cxn ang="0">
                    <a:pos x="272" y="204"/>
                  </a:cxn>
                  <a:cxn ang="0">
                    <a:pos x="269" y="234"/>
                  </a:cxn>
                  <a:cxn ang="0">
                    <a:pos x="269" y="234"/>
                  </a:cxn>
                </a:cxnLst>
                <a:rect l="0" t="0" r="r" b="b"/>
                <a:pathLst>
                  <a:path w="272" h="234">
                    <a:moveTo>
                      <a:pt x="269" y="234"/>
                    </a:moveTo>
                    <a:lnTo>
                      <a:pt x="263" y="225"/>
                    </a:lnTo>
                    <a:lnTo>
                      <a:pt x="256" y="216"/>
                    </a:lnTo>
                    <a:lnTo>
                      <a:pt x="248" y="208"/>
                    </a:lnTo>
                    <a:lnTo>
                      <a:pt x="238" y="200"/>
                    </a:lnTo>
                    <a:lnTo>
                      <a:pt x="222" y="191"/>
                    </a:lnTo>
                    <a:lnTo>
                      <a:pt x="208" y="184"/>
                    </a:lnTo>
                    <a:lnTo>
                      <a:pt x="202" y="178"/>
                    </a:lnTo>
                    <a:lnTo>
                      <a:pt x="197" y="173"/>
                    </a:lnTo>
                    <a:lnTo>
                      <a:pt x="190" y="167"/>
                    </a:lnTo>
                    <a:lnTo>
                      <a:pt x="184" y="158"/>
                    </a:lnTo>
                    <a:lnTo>
                      <a:pt x="167" y="136"/>
                    </a:lnTo>
                    <a:lnTo>
                      <a:pt x="149" y="115"/>
                    </a:lnTo>
                    <a:lnTo>
                      <a:pt x="143" y="111"/>
                    </a:lnTo>
                    <a:lnTo>
                      <a:pt x="138" y="107"/>
                    </a:lnTo>
                    <a:lnTo>
                      <a:pt x="133" y="105"/>
                    </a:lnTo>
                    <a:lnTo>
                      <a:pt x="127" y="102"/>
                    </a:lnTo>
                    <a:lnTo>
                      <a:pt x="120" y="99"/>
                    </a:lnTo>
                    <a:lnTo>
                      <a:pt x="112" y="99"/>
                    </a:lnTo>
                    <a:lnTo>
                      <a:pt x="105" y="99"/>
                    </a:lnTo>
                    <a:lnTo>
                      <a:pt x="97" y="101"/>
                    </a:lnTo>
                    <a:lnTo>
                      <a:pt x="83" y="92"/>
                    </a:lnTo>
                    <a:lnTo>
                      <a:pt x="70" y="83"/>
                    </a:lnTo>
                    <a:lnTo>
                      <a:pt x="58" y="71"/>
                    </a:lnTo>
                    <a:lnTo>
                      <a:pt x="46" y="58"/>
                    </a:lnTo>
                    <a:lnTo>
                      <a:pt x="24" y="32"/>
                    </a:lnTo>
                    <a:lnTo>
                      <a:pt x="2" y="9"/>
                    </a:lnTo>
                    <a:lnTo>
                      <a:pt x="0" y="5"/>
                    </a:lnTo>
                    <a:lnTo>
                      <a:pt x="53" y="0"/>
                    </a:lnTo>
                    <a:lnTo>
                      <a:pt x="62" y="11"/>
                    </a:lnTo>
                    <a:lnTo>
                      <a:pt x="71" y="22"/>
                    </a:lnTo>
                    <a:lnTo>
                      <a:pt x="80" y="31"/>
                    </a:lnTo>
                    <a:lnTo>
                      <a:pt x="90" y="41"/>
                    </a:lnTo>
                    <a:lnTo>
                      <a:pt x="110" y="59"/>
                    </a:lnTo>
                    <a:lnTo>
                      <a:pt x="129" y="73"/>
                    </a:lnTo>
                    <a:lnTo>
                      <a:pt x="150" y="89"/>
                    </a:lnTo>
                    <a:lnTo>
                      <a:pt x="171" y="105"/>
                    </a:lnTo>
                    <a:lnTo>
                      <a:pt x="178" y="112"/>
                    </a:lnTo>
                    <a:lnTo>
                      <a:pt x="186" y="120"/>
                    </a:lnTo>
                    <a:lnTo>
                      <a:pt x="190" y="123"/>
                    </a:lnTo>
                    <a:lnTo>
                      <a:pt x="194" y="125"/>
                    </a:lnTo>
                    <a:lnTo>
                      <a:pt x="200" y="127"/>
                    </a:lnTo>
                    <a:lnTo>
                      <a:pt x="206" y="128"/>
                    </a:lnTo>
                    <a:lnTo>
                      <a:pt x="217" y="129"/>
                    </a:lnTo>
                    <a:lnTo>
                      <a:pt x="228" y="132"/>
                    </a:lnTo>
                    <a:lnTo>
                      <a:pt x="238" y="137"/>
                    </a:lnTo>
                    <a:lnTo>
                      <a:pt x="246" y="143"/>
                    </a:lnTo>
                    <a:lnTo>
                      <a:pt x="256" y="155"/>
                    </a:lnTo>
                    <a:lnTo>
                      <a:pt x="256" y="155"/>
                    </a:lnTo>
                    <a:lnTo>
                      <a:pt x="272" y="204"/>
                    </a:lnTo>
                    <a:lnTo>
                      <a:pt x="269" y="234"/>
                    </a:lnTo>
                    <a:lnTo>
                      <a:pt x="269" y="23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22" name="Freeform 141"/>
              <p:cNvSpPr>
                <a:spLocks/>
              </p:cNvSpPr>
              <p:nvPr/>
            </p:nvSpPr>
            <p:spPr bwMode="auto">
              <a:xfrm>
                <a:off x="7557529" y="4772388"/>
                <a:ext cx="876234" cy="783936"/>
              </a:xfrm>
              <a:custGeom>
                <a:avLst/>
                <a:gdLst/>
                <a:ahLst/>
                <a:cxnLst>
                  <a:cxn ang="0">
                    <a:pos x="1141" y="1592"/>
                  </a:cxn>
                  <a:cxn ang="0">
                    <a:pos x="978" y="1499"/>
                  </a:cxn>
                  <a:cxn ang="0">
                    <a:pos x="950" y="1456"/>
                  </a:cxn>
                  <a:cxn ang="0">
                    <a:pos x="795" y="1496"/>
                  </a:cxn>
                  <a:cxn ang="0">
                    <a:pos x="717" y="1332"/>
                  </a:cxn>
                  <a:cxn ang="0">
                    <a:pos x="594" y="1240"/>
                  </a:cxn>
                  <a:cxn ang="0">
                    <a:pos x="522" y="1130"/>
                  </a:cxn>
                  <a:cxn ang="0">
                    <a:pos x="612" y="1105"/>
                  </a:cxn>
                  <a:cxn ang="0">
                    <a:pos x="663" y="1106"/>
                  </a:cxn>
                  <a:cxn ang="0">
                    <a:pos x="488" y="959"/>
                  </a:cxn>
                  <a:cxn ang="0">
                    <a:pos x="447" y="737"/>
                  </a:cxn>
                  <a:cxn ang="0">
                    <a:pos x="340" y="620"/>
                  </a:cxn>
                  <a:cxn ang="0">
                    <a:pos x="270" y="644"/>
                  </a:cxn>
                  <a:cxn ang="0">
                    <a:pos x="212" y="745"/>
                  </a:cxn>
                  <a:cxn ang="0">
                    <a:pos x="130" y="837"/>
                  </a:cxn>
                  <a:cxn ang="0">
                    <a:pos x="79" y="786"/>
                  </a:cxn>
                  <a:cxn ang="0">
                    <a:pos x="0" y="532"/>
                  </a:cxn>
                  <a:cxn ang="0">
                    <a:pos x="102" y="531"/>
                  </a:cxn>
                  <a:cxn ang="0">
                    <a:pos x="283" y="547"/>
                  </a:cxn>
                  <a:cxn ang="0">
                    <a:pos x="344" y="464"/>
                  </a:cxn>
                  <a:cxn ang="0">
                    <a:pos x="498" y="558"/>
                  </a:cxn>
                  <a:cxn ang="0">
                    <a:pos x="571" y="560"/>
                  </a:cxn>
                  <a:cxn ang="0">
                    <a:pos x="627" y="453"/>
                  </a:cxn>
                  <a:cxn ang="0">
                    <a:pos x="747" y="377"/>
                  </a:cxn>
                  <a:cxn ang="0">
                    <a:pos x="712" y="266"/>
                  </a:cxn>
                  <a:cxn ang="0">
                    <a:pos x="754" y="201"/>
                  </a:cxn>
                  <a:cxn ang="0">
                    <a:pos x="882" y="171"/>
                  </a:cxn>
                  <a:cxn ang="0">
                    <a:pos x="949" y="92"/>
                  </a:cxn>
                  <a:cxn ang="0">
                    <a:pos x="973" y="0"/>
                  </a:cxn>
                  <a:cxn ang="0">
                    <a:pos x="1059" y="104"/>
                  </a:cxn>
                  <a:cxn ang="0">
                    <a:pos x="1136" y="201"/>
                  </a:cxn>
                  <a:cxn ang="0">
                    <a:pos x="1280" y="325"/>
                  </a:cxn>
                  <a:cxn ang="0">
                    <a:pos x="1418" y="412"/>
                  </a:cxn>
                  <a:cxn ang="0">
                    <a:pos x="1563" y="408"/>
                  </a:cxn>
                  <a:cxn ang="0">
                    <a:pos x="1754" y="346"/>
                  </a:cxn>
                  <a:cxn ang="0">
                    <a:pos x="1764" y="470"/>
                  </a:cxn>
                  <a:cxn ang="0">
                    <a:pos x="1833" y="557"/>
                  </a:cxn>
                  <a:cxn ang="0">
                    <a:pos x="1881" y="654"/>
                  </a:cxn>
                  <a:cxn ang="0">
                    <a:pos x="1899" y="705"/>
                  </a:cxn>
                  <a:cxn ang="0">
                    <a:pos x="1921" y="828"/>
                  </a:cxn>
                  <a:cxn ang="0">
                    <a:pos x="1789" y="824"/>
                  </a:cxn>
                  <a:cxn ang="0">
                    <a:pos x="1754" y="740"/>
                  </a:cxn>
                  <a:cxn ang="0">
                    <a:pos x="1627" y="719"/>
                  </a:cxn>
                  <a:cxn ang="0">
                    <a:pos x="1517" y="703"/>
                  </a:cxn>
                  <a:cxn ang="0">
                    <a:pos x="1414" y="719"/>
                  </a:cxn>
                  <a:cxn ang="0">
                    <a:pos x="1318" y="705"/>
                  </a:cxn>
                  <a:cxn ang="0">
                    <a:pos x="1176" y="658"/>
                  </a:cxn>
                  <a:cxn ang="0">
                    <a:pos x="1063" y="665"/>
                  </a:cxn>
                  <a:cxn ang="0">
                    <a:pos x="936" y="754"/>
                  </a:cxn>
                  <a:cxn ang="0">
                    <a:pos x="824" y="683"/>
                  </a:cxn>
                  <a:cxn ang="0">
                    <a:pos x="760" y="698"/>
                  </a:cxn>
                  <a:cxn ang="0">
                    <a:pos x="724" y="821"/>
                  </a:cxn>
                  <a:cxn ang="0">
                    <a:pos x="777" y="915"/>
                  </a:cxn>
                  <a:cxn ang="0">
                    <a:pos x="831" y="1026"/>
                  </a:cxn>
                  <a:cxn ang="0">
                    <a:pos x="906" y="1183"/>
                  </a:cxn>
                  <a:cxn ang="0">
                    <a:pos x="1027" y="1325"/>
                  </a:cxn>
                  <a:cxn ang="0">
                    <a:pos x="1173" y="1477"/>
                  </a:cxn>
                  <a:cxn ang="0">
                    <a:pos x="1233" y="1503"/>
                  </a:cxn>
                  <a:cxn ang="0">
                    <a:pos x="1241" y="1566"/>
                  </a:cxn>
                  <a:cxn ang="0">
                    <a:pos x="1327" y="1656"/>
                  </a:cxn>
                  <a:cxn ang="0">
                    <a:pos x="1322" y="1736"/>
                  </a:cxn>
                </a:cxnLst>
                <a:rect l="0" t="0" r="r" b="b"/>
                <a:pathLst>
                  <a:path w="1921" h="1736">
                    <a:moveTo>
                      <a:pt x="1322" y="1736"/>
                    </a:moveTo>
                    <a:lnTo>
                      <a:pt x="1303" y="1727"/>
                    </a:lnTo>
                    <a:lnTo>
                      <a:pt x="1283" y="1718"/>
                    </a:lnTo>
                    <a:lnTo>
                      <a:pt x="1265" y="1707"/>
                    </a:lnTo>
                    <a:lnTo>
                      <a:pt x="1248" y="1694"/>
                    </a:lnTo>
                    <a:lnTo>
                      <a:pt x="1221" y="1671"/>
                    </a:lnTo>
                    <a:lnTo>
                      <a:pt x="1195" y="1645"/>
                    </a:lnTo>
                    <a:lnTo>
                      <a:pt x="1168" y="1618"/>
                    </a:lnTo>
                    <a:lnTo>
                      <a:pt x="1141" y="1592"/>
                    </a:lnTo>
                    <a:lnTo>
                      <a:pt x="1114" y="1567"/>
                    </a:lnTo>
                    <a:lnTo>
                      <a:pt x="1085" y="1545"/>
                    </a:lnTo>
                    <a:lnTo>
                      <a:pt x="1070" y="1535"/>
                    </a:lnTo>
                    <a:lnTo>
                      <a:pt x="1054" y="1526"/>
                    </a:lnTo>
                    <a:lnTo>
                      <a:pt x="1037" y="1517"/>
                    </a:lnTo>
                    <a:lnTo>
                      <a:pt x="1020" y="1510"/>
                    </a:lnTo>
                    <a:lnTo>
                      <a:pt x="1006" y="1505"/>
                    </a:lnTo>
                    <a:lnTo>
                      <a:pt x="987" y="1501"/>
                    </a:lnTo>
                    <a:lnTo>
                      <a:pt x="978" y="1499"/>
                    </a:lnTo>
                    <a:lnTo>
                      <a:pt x="970" y="1496"/>
                    </a:lnTo>
                    <a:lnTo>
                      <a:pt x="962" y="1494"/>
                    </a:lnTo>
                    <a:lnTo>
                      <a:pt x="957" y="1490"/>
                    </a:lnTo>
                    <a:lnTo>
                      <a:pt x="957" y="1483"/>
                    </a:lnTo>
                    <a:lnTo>
                      <a:pt x="973" y="1464"/>
                    </a:lnTo>
                    <a:lnTo>
                      <a:pt x="973" y="1461"/>
                    </a:lnTo>
                    <a:lnTo>
                      <a:pt x="967" y="1459"/>
                    </a:lnTo>
                    <a:lnTo>
                      <a:pt x="960" y="1457"/>
                    </a:lnTo>
                    <a:lnTo>
                      <a:pt x="950" y="1456"/>
                    </a:lnTo>
                    <a:lnTo>
                      <a:pt x="939" y="1457"/>
                    </a:lnTo>
                    <a:lnTo>
                      <a:pt x="914" y="1460"/>
                    </a:lnTo>
                    <a:lnTo>
                      <a:pt x="887" y="1466"/>
                    </a:lnTo>
                    <a:lnTo>
                      <a:pt x="860" y="1474"/>
                    </a:lnTo>
                    <a:lnTo>
                      <a:pt x="835" y="1482"/>
                    </a:lnTo>
                    <a:lnTo>
                      <a:pt x="814" y="1491"/>
                    </a:lnTo>
                    <a:lnTo>
                      <a:pt x="801" y="1497"/>
                    </a:lnTo>
                    <a:lnTo>
                      <a:pt x="798" y="1499"/>
                    </a:lnTo>
                    <a:lnTo>
                      <a:pt x="795" y="1496"/>
                    </a:lnTo>
                    <a:lnTo>
                      <a:pt x="791" y="1492"/>
                    </a:lnTo>
                    <a:lnTo>
                      <a:pt x="789" y="1487"/>
                    </a:lnTo>
                    <a:lnTo>
                      <a:pt x="781" y="1470"/>
                    </a:lnTo>
                    <a:lnTo>
                      <a:pt x="774" y="1451"/>
                    </a:lnTo>
                    <a:lnTo>
                      <a:pt x="761" y="1408"/>
                    </a:lnTo>
                    <a:lnTo>
                      <a:pt x="751" y="1377"/>
                    </a:lnTo>
                    <a:lnTo>
                      <a:pt x="738" y="1358"/>
                    </a:lnTo>
                    <a:lnTo>
                      <a:pt x="728" y="1343"/>
                    </a:lnTo>
                    <a:lnTo>
                      <a:pt x="717" y="1332"/>
                    </a:lnTo>
                    <a:lnTo>
                      <a:pt x="707" y="1321"/>
                    </a:lnTo>
                    <a:lnTo>
                      <a:pt x="697" y="1312"/>
                    </a:lnTo>
                    <a:lnTo>
                      <a:pt x="684" y="1304"/>
                    </a:lnTo>
                    <a:lnTo>
                      <a:pt x="667" y="1295"/>
                    </a:lnTo>
                    <a:lnTo>
                      <a:pt x="647" y="1285"/>
                    </a:lnTo>
                    <a:lnTo>
                      <a:pt x="632" y="1277"/>
                    </a:lnTo>
                    <a:lnTo>
                      <a:pt x="619" y="1266"/>
                    </a:lnTo>
                    <a:lnTo>
                      <a:pt x="606" y="1253"/>
                    </a:lnTo>
                    <a:lnTo>
                      <a:pt x="594" y="1240"/>
                    </a:lnTo>
                    <a:lnTo>
                      <a:pt x="573" y="1210"/>
                    </a:lnTo>
                    <a:lnTo>
                      <a:pt x="555" y="1180"/>
                    </a:lnTo>
                    <a:lnTo>
                      <a:pt x="542" y="1165"/>
                    </a:lnTo>
                    <a:lnTo>
                      <a:pt x="526" y="1146"/>
                    </a:lnTo>
                    <a:lnTo>
                      <a:pt x="523" y="1143"/>
                    </a:lnTo>
                    <a:lnTo>
                      <a:pt x="520" y="1139"/>
                    </a:lnTo>
                    <a:lnTo>
                      <a:pt x="520" y="1135"/>
                    </a:lnTo>
                    <a:lnTo>
                      <a:pt x="520" y="1132"/>
                    </a:lnTo>
                    <a:lnTo>
                      <a:pt x="522" y="1130"/>
                    </a:lnTo>
                    <a:lnTo>
                      <a:pt x="526" y="1128"/>
                    </a:lnTo>
                    <a:lnTo>
                      <a:pt x="532" y="1127"/>
                    </a:lnTo>
                    <a:lnTo>
                      <a:pt x="539" y="1126"/>
                    </a:lnTo>
                    <a:lnTo>
                      <a:pt x="551" y="1126"/>
                    </a:lnTo>
                    <a:lnTo>
                      <a:pt x="561" y="1126"/>
                    </a:lnTo>
                    <a:lnTo>
                      <a:pt x="570" y="1123"/>
                    </a:lnTo>
                    <a:lnTo>
                      <a:pt x="579" y="1122"/>
                    </a:lnTo>
                    <a:lnTo>
                      <a:pt x="594" y="1115"/>
                    </a:lnTo>
                    <a:lnTo>
                      <a:pt x="612" y="1105"/>
                    </a:lnTo>
                    <a:lnTo>
                      <a:pt x="627" y="1110"/>
                    </a:lnTo>
                    <a:lnTo>
                      <a:pt x="655" y="1123"/>
                    </a:lnTo>
                    <a:lnTo>
                      <a:pt x="668" y="1128"/>
                    </a:lnTo>
                    <a:lnTo>
                      <a:pt x="676" y="1130"/>
                    </a:lnTo>
                    <a:lnTo>
                      <a:pt x="678" y="1128"/>
                    </a:lnTo>
                    <a:lnTo>
                      <a:pt x="678" y="1126"/>
                    </a:lnTo>
                    <a:lnTo>
                      <a:pt x="676" y="1122"/>
                    </a:lnTo>
                    <a:lnTo>
                      <a:pt x="672" y="1115"/>
                    </a:lnTo>
                    <a:lnTo>
                      <a:pt x="663" y="1106"/>
                    </a:lnTo>
                    <a:lnTo>
                      <a:pt x="651" y="1100"/>
                    </a:lnTo>
                    <a:lnTo>
                      <a:pt x="629" y="1087"/>
                    </a:lnTo>
                    <a:lnTo>
                      <a:pt x="606" y="1071"/>
                    </a:lnTo>
                    <a:lnTo>
                      <a:pt x="584" y="1054"/>
                    </a:lnTo>
                    <a:lnTo>
                      <a:pt x="563" y="1036"/>
                    </a:lnTo>
                    <a:lnTo>
                      <a:pt x="542" y="1018"/>
                    </a:lnTo>
                    <a:lnTo>
                      <a:pt x="523" y="999"/>
                    </a:lnTo>
                    <a:lnTo>
                      <a:pt x="505" y="978"/>
                    </a:lnTo>
                    <a:lnTo>
                      <a:pt x="488" y="959"/>
                    </a:lnTo>
                    <a:lnTo>
                      <a:pt x="476" y="940"/>
                    </a:lnTo>
                    <a:lnTo>
                      <a:pt x="467" y="925"/>
                    </a:lnTo>
                    <a:lnTo>
                      <a:pt x="461" y="909"/>
                    </a:lnTo>
                    <a:lnTo>
                      <a:pt x="456" y="893"/>
                    </a:lnTo>
                    <a:lnTo>
                      <a:pt x="448" y="860"/>
                    </a:lnTo>
                    <a:lnTo>
                      <a:pt x="436" y="824"/>
                    </a:lnTo>
                    <a:lnTo>
                      <a:pt x="440" y="786"/>
                    </a:lnTo>
                    <a:lnTo>
                      <a:pt x="444" y="759"/>
                    </a:lnTo>
                    <a:lnTo>
                      <a:pt x="447" y="737"/>
                    </a:lnTo>
                    <a:lnTo>
                      <a:pt x="448" y="722"/>
                    </a:lnTo>
                    <a:lnTo>
                      <a:pt x="447" y="714"/>
                    </a:lnTo>
                    <a:lnTo>
                      <a:pt x="443" y="707"/>
                    </a:lnTo>
                    <a:lnTo>
                      <a:pt x="439" y="699"/>
                    </a:lnTo>
                    <a:lnTo>
                      <a:pt x="432" y="692"/>
                    </a:lnTo>
                    <a:lnTo>
                      <a:pt x="413" y="674"/>
                    </a:lnTo>
                    <a:lnTo>
                      <a:pt x="384" y="650"/>
                    </a:lnTo>
                    <a:lnTo>
                      <a:pt x="361" y="633"/>
                    </a:lnTo>
                    <a:lnTo>
                      <a:pt x="340" y="620"/>
                    </a:lnTo>
                    <a:lnTo>
                      <a:pt x="331" y="617"/>
                    </a:lnTo>
                    <a:lnTo>
                      <a:pt x="322" y="614"/>
                    </a:lnTo>
                    <a:lnTo>
                      <a:pt x="314" y="613"/>
                    </a:lnTo>
                    <a:lnTo>
                      <a:pt x="305" y="613"/>
                    </a:lnTo>
                    <a:lnTo>
                      <a:pt x="299" y="615"/>
                    </a:lnTo>
                    <a:lnTo>
                      <a:pt x="291" y="619"/>
                    </a:lnTo>
                    <a:lnTo>
                      <a:pt x="283" y="626"/>
                    </a:lnTo>
                    <a:lnTo>
                      <a:pt x="277" y="633"/>
                    </a:lnTo>
                    <a:lnTo>
                      <a:pt x="270" y="644"/>
                    </a:lnTo>
                    <a:lnTo>
                      <a:pt x="264" y="657"/>
                    </a:lnTo>
                    <a:lnTo>
                      <a:pt x="257" y="671"/>
                    </a:lnTo>
                    <a:lnTo>
                      <a:pt x="251" y="689"/>
                    </a:lnTo>
                    <a:lnTo>
                      <a:pt x="246" y="699"/>
                    </a:lnTo>
                    <a:lnTo>
                      <a:pt x="242" y="709"/>
                    </a:lnTo>
                    <a:lnTo>
                      <a:pt x="237" y="718"/>
                    </a:lnTo>
                    <a:lnTo>
                      <a:pt x="233" y="724"/>
                    </a:lnTo>
                    <a:lnTo>
                      <a:pt x="222" y="736"/>
                    </a:lnTo>
                    <a:lnTo>
                      <a:pt x="212" y="745"/>
                    </a:lnTo>
                    <a:lnTo>
                      <a:pt x="200" y="753"/>
                    </a:lnTo>
                    <a:lnTo>
                      <a:pt x="189" y="762"/>
                    </a:lnTo>
                    <a:lnTo>
                      <a:pt x="176" y="772"/>
                    </a:lnTo>
                    <a:lnTo>
                      <a:pt x="162" y="786"/>
                    </a:lnTo>
                    <a:lnTo>
                      <a:pt x="154" y="801"/>
                    </a:lnTo>
                    <a:lnTo>
                      <a:pt x="145" y="819"/>
                    </a:lnTo>
                    <a:lnTo>
                      <a:pt x="139" y="828"/>
                    </a:lnTo>
                    <a:lnTo>
                      <a:pt x="133" y="834"/>
                    </a:lnTo>
                    <a:lnTo>
                      <a:pt x="130" y="837"/>
                    </a:lnTo>
                    <a:lnTo>
                      <a:pt x="128" y="838"/>
                    </a:lnTo>
                    <a:lnTo>
                      <a:pt x="124" y="839"/>
                    </a:lnTo>
                    <a:lnTo>
                      <a:pt x="120" y="838"/>
                    </a:lnTo>
                    <a:lnTo>
                      <a:pt x="116" y="837"/>
                    </a:lnTo>
                    <a:lnTo>
                      <a:pt x="111" y="833"/>
                    </a:lnTo>
                    <a:lnTo>
                      <a:pt x="106" y="828"/>
                    </a:lnTo>
                    <a:lnTo>
                      <a:pt x="101" y="821"/>
                    </a:lnTo>
                    <a:lnTo>
                      <a:pt x="89" y="804"/>
                    </a:lnTo>
                    <a:lnTo>
                      <a:pt x="79" y="786"/>
                    </a:lnTo>
                    <a:lnTo>
                      <a:pt x="59" y="747"/>
                    </a:lnTo>
                    <a:lnTo>
                      <a:pt x="46" y="719"/>
                    </a:lnTo>
                    <a:lnTo>
                      <a:pt x="33" y="679"/>
                    </a:lnTo>
                    <a:lnTo>
                      <a:pt x="15" y="620"/>
                    </a:lnTo>
                    <a:lnTo>
                      <a:pt x="9" y="591"/>
                    </a:lnTo>
                    <a:lnTo>
                      <a:pt x="2" y="563"/>
                    </a:lnTo>
                    <a:lnTo>
                      <a:pt x="1" y="551"/>
                    </a:lnTo>
                    <a:lnTo>
                      <a:pt x="0" y="540"/>
                    </a:lnTo>
                    <a:lnTo>
                      <a:pt x="0" y="532"/>
                    </a:lnTo>
                    <a:lnTo>
                      <a:pt x="1" y="526"/>
                    </a:lnTo>
                    <a:lnTo>
                      <a:pt x="2" y="522"/>
                    </a:lnTo>
                    <a:lnTo>
                      <a:pt x="5" y="518"/>
                    </a:lnTo>
                    <a:lnTo>
                      <a:pt x="9" y="516"/>
                    </a:lnTo>
                    <a:lnTo>
                      <a:pt x="13" y="513"/>
                    </a:lnTo>
                    <a:lnTo>
                      <a:pt x="22" y="508"/>
                    </a:lnTo>
                    <a:lnTo>
                      <a:pt x="32" y="505"/>
                    </a:lnTo>
                    <a:lnTo>
                      <a:pt x="32" y="505"/>
                    </a:lnTo>
                    <a:lnTo>
                      <a:pt x="102" y="531"/>
                    </a:lnTo>
                    <a:lnTo>
                      <a:pt x="121" y="539"/>
                    </a:lnTo>
                    <a:lnTo>
                      <a:pt x="147" y="545"/>
                    </a:lnTo>
                    <a:lnTo>
                      <a:pt x="178" y="551"/>
                    </a:lnTo>
                    <a:lnTo>
                      <a:pt x="209" y="553"/>
                    </a:lnTo>
                    <a:lnTo>
                      <a:pt x="225" y="553"/>
                    </a:lnTo>
                    <a:lnTo>
                      <a:pt x="241" y="553"/>
                    </a:lnTo>
                    <a:lnTo>
                      <a:pt x="256" y="552"/>
                    </a:lnTo>
                    <a:lnTo>
                      <a:pt x="270" y="549"/>
                    </a:lnTo>
                    <a:lnTo>
                      <a:pt x="283" y="547"/>
                    </a:lnTo>
                    <a:lnTo>
                      <a:pt x="295" y="541"/>
                    </a:lnTo>
                    <a:lnTo>
                      <a:pt x="305" y="536"/>
                    </a:lnTo>
                    <a:lnTo>
                      <a:pt x="313" y="528"/>
                    </a:lnTo>
                    <a:lnTo>
                      <a:pt x="321" y="514"/>
                    </a:lnTo>
                    <a:lnTo>
                      <a:pt x="330" y="491"/>
                    </a:lnTo>
                    <a:lnTo>
                      <a:pt x="334" y="481"/>
                    </a:lnTo>
                    <a:lnTo>
                      <a:pt x="339" y="470"/>
                    </a:lnTo>
                    <a:lnTo>
                      <a:pt x="342" y="466"/>
                    </a:lnTo>
                    <a:lnTo>
                      <a:pt x="344" y="464"/>
                    </a:lnTo>
                    <a:lnTo>
                      <a:pt x="347" y="461"/>
                    </a:lnTo>
                    <a:lnTo>
                      <a:pt x="349" y="460"/>
                    </a:lnTo>
                    <a:lnTo>
                      <a:pt x="366" y="471"/>
                    </a:lnTo>
                    <a:lnTo>
                      <a:pt x="402" y="500"/>
                    </a:lnTo>
                    <a:lnTo>
                      <a:pt x="423" y="516"/>
                    </a:lnTo>
                    <a:lnTo>
                      <a:pt x="443" y="530"/>
                    </a:lnTo>
                    <a:lnTo>
                      <a:pt x="458" y="540"/>
                    </a:lnTo>
                    <a:lnTo>
                      <a:pt x="470" y="547"/>
                    </a:lnTo>
                    <a:lnTo>
                      <a:pt x="498" y="558"/>
                    </a:lnTo>
                    <a:lnTo>
                      <a:pt x="520" y="565"/>
                    </a:lnTo>
                    <a:lnTo>
                      <a:pt x="531" y="567"/>
                    </a:lnTo>
                    <a:lnTo>
                      <a:pt x="539" y="569"/>
                    </a:lnTo>
                    <a:lnTo>
                      <a:pt x="546" y="569"/>
                    </a:lnTo>
                    <a:lnTo>
                      <a:pt x="553" y="569"/>
                    </a:lnTo>
                    <a:lnTo>
                      <a:pt x="558" y="567"/>
                    </a:lnTo>
                    <a:lnTo>
                      <a:pt x="563" y="566"/>
                    </a:lnTo>
                    <a:lnTo>
                      <a:pt x="567" y="563"/>
                    </a:lnTo>
                    <a:lnTo>
                      <a:pt x="571" y="560"/>
                    </a:lnTo>
                    <a:lnTo>
                      <a:pt x="576" y="553"/>
                    </a:lnTo>
                    <a:lnTo>
                      <a:pt x="580" y="543"/>
                    </a:lnTo>
                    <a:lnTo>
                      <a:pt x="586" y="521"/>
                    </a:lnTo>
                    <a:lnTo>
                      <a:pt x="594" y="495"/>
                    </a:lnTo>
                    <a:lnTo>
                      <a:pt x="601" y="482"/>
                    </a:lnTo>
                    <a:lnTo>
                      <a:pt x="608" y="470"/>
                    </a:lnTo>
                    <a:lnTo>
                      <a:pt x="614" y="465"/>
                    </a:lnTo>
                    <a:lnTo>
                      <a:pt x="620" y="459"/>
                    </a:lnTo>
                    <a:lnTo>
                      <a:pt x="627" y="453"/>
                    </a:lnTo>
                    <a:lnTo>
                      <a:pt x="636" y="449"/>
                    </a:lnTo>
                    <a:lnTo>
                      <a:pt x="665" y="437"/>
                    </a:lnTo>
                    <a:lnTo>
                      <a:pt x="699" y="424"/>
                    </a:lnTo>
                    <a:lnTo>
                      <a:pt x="715" y="416"/>
                    </a:lnTo>
                    <a:lnTo>
                      <a:pt x="729" y="405"/>
                    </a:lnTo>
                    <a:lnTo>
                      <a:pt x="734" y="399"/>
                    </a:lnTo>
                    <a:lnTo>
                      <a:pt x="739" y="392"/>
                    </a:lnTo>
                    <a:lnTo>
                      <a:pt x="744" y="385"/>
                    </a:lnTo>
                    <a:lnTo>
                      <a:pt x="747" y="377"/>
                    </a:lnTo>
                    <a:lnTo>
                      <a:pt x="750" y="369"/>
                    </a:lnTo>
                    <a:lnTo>
                      <a:pt x="750" y="361"/>
                    </a:lnTo>
                    <a:lnTo>
                      <a:pt x="750" y="352"/>
                    </a:lnTo>
                    <a:lnTo>
                      <a:pt x="747" y="345"/>
                    </a:lnTo>
                    <a:lnTo>
                      <a:pt x="741" y="328"/>
                    </a:lnTo>
                    <a:lnTo>
                      <a:pt x="733" y="311"/>
                    </a:lnTo>
                    <a:lnTo>
                      <a:pt x="724" y="293"/>
                    </a:lnTo>
                    <a:lnTo>
                      <a:pt x="715" y="275"/>
                    </a:lnTo>
                    <a:lnTo>
                      <a:pt x="712" y="266"/>
                    </a:lnTo>
                    <a:lnTo>
                      <a:pt x="710" y="256"/>
                    </a:lnTo>
                    <a:lnTo>
                      <a:pt x="708" y="246"/>
                    </a:lnTo>
                    <a:lnTo>
                      <a:pt x="708" y="236"/>
                    </a:lnTo>
                    <a:lnTo>
                      <a:pt x="715" y="234"/>
                    </a:lnTo>
                    <a:lnTo>
                      <a:pt x="721" y="231"/>
                    </a:lnTo>
                    <a:lnTo>
                      <a:pt x="726" y="227"/>
                    </a:lnTo>
                    <a:lnTo>
                      <a:pt x="732" y="221"/>
                    </a:lnTo>
                    <a:lnTo>
                      <a:pt x="742" y="211"/>
                    </a:lnTo>
                    <a:lnTo>
                      <a:pt x="754" y="201"/>
                    </a:lnTo>
                    <a:lnTo>
                      <a:pt x="763" y="196"/>
                    </a:lnTo>
                    <a:lnTo>
                      <a:pt x="774" y="192"/>
                    </a:lnTo>
                    <a:lnTo>
                      <a:pt x="785" y="188"/>
                    </a:lnTo>
                    <a:lnTo>
                      <a:pt x="796" y="185"/>
                    </a:lnTo>
                    <a:lnTo>
                      <a:pt x="821" y="181"/>
                    </a:lnTo>
                    <a:lnTo>
                      <a:pt x="846" y="177"/>
                    </a:lnTo>
                    <a:lnTo>
                      <a:pt x="858" y="176"/>
                    </a:lnTo>
                    <a:lnTo>
                      <a:pt x="870" y="174"/>
                    </a:lnTo>
                    <a:lnTo>
                      <a:pt x="882" y="171"/>
                    </a:lnTo>
                    <a:lnTo>
                      <a:pt x="892" y="167"/>
                    </a:lnTo>
                    <a:lnTo>
                      <a:pt x="903" y="162"/>
                    </a:lnTo>
                    <a:lnTo>
                      <a:pt x="912" y="155"/>
                    </a:lnTo>
                    <a:lnTo>
                      <a:pt x="921" y="149"/>
                    </a:lnTo>
                    <a:lnTo>
                      <a:pt x="927" y="140"/>
                    </a:lnTo>
                    <a:lnTo>
                      <a:pt x="938" y="123"/>
                    </a:lnTo>
                    <a:lnTo>
                      <a:pt x="945" y="109"/>
                    </a:lnTo>
                    <a:lnTo>
                      <a:pt x="948" y="100"/>
                    </a:lnTo>
                    <a:lnTo>
                      <a:pt x="949" y="92"/>
                    </a:lnTo>
                    <a:lnTo>
                      <a:pt x="950" y="83"/>
                    </a:lnTo>
                    <a:lnTo>
                      <a:pt x="950" y="73"/>
                    </a:lnTo>
                    <a:lnTo>
                      <a:pt x="950" y="61"/>
                    </a:lnTo>
                    <a:lnTo>
                      <a:pt x="952" y="50"/>
                    </a:lnTo>
                    <a:lnTo>
                      <a:pt x="953" y="41"/>
                    </a:lnTo>
                    <a:lnTo>
                      <a:pt x="956" y="34"/>
                    </a:lnTo>
                    <a:lnTo>
                      <a:pt x="962" y="18"/>
                    </a:lnTo>
                    <a:lnTo>
                      <a:pt x="973" y="0"/>
                    </a:lnTo>
                    <a:lnTo>
                      <a:pt x="973" y="0"/>
                    </a:lnTo>
                    <a:lnTo>
                      <a:pt x="983" y="4"/>
                    </a:lnTo>
                    <a:lnTo>
                      <a:pt x="992" y="9"/>
                    </a:lnTo>
                    <a:lnTo>
                      <a:pt x="1000" y="17"/>
                    </a:lnTo>
                    <a:lnTo>
                      <a:pt x="1006" y="26"/>
                    </a:lnTo>
                    <a:lnTo>
                      <a:pt x="1017" y="45"/>
                    </a:lnTo>
                    <a:lnTo>
                      <a:pt x="1027" y="65"/>
                    </a:lnTo>
                    <a:lnTo>
                      <a:pt x="1036" y="80"/>
                    </a:lnTo>
                    <a:lnTo>
                      <a:pt x="1048" y="92"/>
                    </a:lnTo>
                    <a:lnTo>
                      <a:pt x="1059" y="104"/>
                    </a:lnTo>
                    <a:lnTo>
                      <a:pt x="1072" y="114"/>
                    </a:lnTo>
                    <a:lnTo>
                      <a:pt x="1085" y="124"/>
                    </a:lnTo>
                    <a:lnTo>
                      <a:pt x="1097" y="136"/>
                    </a:lnTo>
                    <a:lnTo>
                      <a:pt x="1102" y="142"/>
                    </a:lnTo>
                    <a:lnTo>
                      <a:pt x="1107" y="149"/>
                    </a:lnTo>
                    <a:lnTo>
                      <a:pt x="1111" y="157"/>
                    </a:lnTo>
                    <a:lnTo>
                      <a:pt x="1115" y="164"/>
                    </a:lnTo>
                    <a:lnTo>
                      <a:pt x="1124" y="184"/>
                    </a:lnTo>
                    <a:lnTo>
                      <a:pt x="1136" y="201"/>
                    </a:lnTo>
                    <a:lnTo>
                      <a:pt x="1149" y="215"/>
                    </a:lnTo>
                    <a:lnTo>
                      <a:pt x="1162" y="228"/>
                    </a:lnTo>
                    <a:lnTo>
                      <a:pt x="1177" y="241"/>
                    </a:lnTo>
                    <a:lnTo>
                      <a:pt x="1194" y="251"/>
                    </a:lnTo>
                    <a:lnTo>
                      <a:pt x="1211" y="262"/>
                    </a:lnTo>
                    <a:lnTo>
                      <a:pt x="1229" y="272"/>
                    </a:lnTo>
                    <a:lnTo>
                      <a:pt x="1250" y="293"/>
                    </a:lnTo>
                    <a:lnTo>
                      <a:pt x="1269" y="315"/>
                    </a:lnTo>
                    <a:lnTo>
                      <a:pt x="1280" y="325"/>
                    </a:lnTo>
                    <a:lnTo>
                      <a:pt x="1289" y="335"/>
                    </a:lnTo>
                    <a:lnTo>
                      <a:pt x="1300" y="346"/>
                    </a:lnTo>
                    <a:lnTo>
                      <a:pt x="1311" y="355"/>
                    </a:lnTo>
                    <a:lnTo>
                      <a:pt x="1330" y="368"/>
                    </a:lnTo>
                    <a:lnTo>
                      <a:pt x="1351" y="381"/>
                    </a:lnTo>
                    <a:lnTo>
                      <a:pt x="1373" y="392"/>
                    </a:lnTo>
                    <a:lnTo>
                      <a:pt x="1395" y="404"/>
                    </a:lnTo>
                    <a:lnTo>
                      <a:pt x="1406" y="408"/>
                    </a:lnTo>
                    <a:lnTo>
                      <a:pt x="1418" y="412"/>
                    </a:lnTo>
                    <a:lnTo>
                      <a:pt x="1430" y="416"/>
                    </a:lnTo>
                    <a:lnTo>
                      <a:pt x="1441" y="418"/>
                    </a:lnTo>
                    <a:lnTo>
                      <a:pt x="1453" y="420"/>
                    </a:lnTo>
                    <a:lnTo>
                      <a:pt x="1466" y="420"/>
                    </a:lnTo>
                    <a:lnTo>
                      <a:pt x="1478" y="420"/>
                    </a:lnTo>
                    <a:lnTo>
                      <a:pt x="1489" y="417"/>
                    </a:lnTo>
                    <a:lnTo>
                      <a:pt x="1513" y="413"/>
                    </a:lnTo>
                    <a:lnTo>
                      <a:pt x="1537" y="411"/>
                    </a:lnTo>
                    <a:lnTo>
                      <a:pt x="1563" y="408"/>
                    </a:lnTo>
                    <a:lnTo>
                      <a:pt x="1589" y="405"/>
                    </a:lnTo>
                    <a:lnTo>
                      <a:pt x="1616" y="402"/>
                    </a:lnTo>
                    <a:lnTo>
                      <a:pt x="1641" y="396"/>
                    </a:lnTo>
                    <a:lnTo>
                      <a:pt x="1653" y="392"/>
                    </a:lnTo>
                    <a:lnTo>
                      <a:pt x="1664" y="389"/>
                    </a:lnTo>
                    <a:lnTo>
                      <a:pt x="1676" y="385"/>
                    </a:lnTo>
                    <a:lnTo>
                      <a:pt x="1686" y="380"/>
                    </a:lnTo>
                    <a:lnTo>
                      <a:pt x="1755" y="346"/>
                    </a:lnTo>
                    <a:lnTo>
                      <a:pt x="1754" y="346"/>
                    </a:lnTo>
                    <a:lnTo>
                      <a:pt x="1754" y="357"/>
                    </a:lnTo>
                    <a:lnTo>
                      <a:pt x="1754" y="369"/>
                    </a:lnTo>
                    <a:lnTo>
                      <a:pt x="1752" y="382"/>
                    </a:lnTo>
                    <a:lnTo>
                      <a:pt x="1751" y="395"/>
                    </a:lnTo>
                    <a:lnTo>
                      <a:pt x="1751" y="405"/>
                    </a:lnTo>
                    <a:lnTo>
                      <a:pt x="1752" y="420"/>
                    </a:lnTo>
                    <a:lnTo>
                      <a:pt x="1755" y="435"/>
                    </a:lnTo>
                    <a:lnTo>
                      <a:pt x="1759" y="452"/>
                    </a:lnTo>
                    <a:lnTo>
                      <a:pt x="1764" y="470"/>
                    </a:lnTo>
                    <a:lnTo>
                      <a:pt x="1769" y="486"/>
                    </a:lnTo>
                    <a:lnTo>
                      <a:pt x="1774" y="497"/>
                    </a:lnTo>
                    <a:lnTo>
                      <a:pt x="1781" y="506"/>
                    </a:lnTo>
                    <a:lnTo>
                      <a:pt x="1798" y="518"/>
                    </a:lnTo>
                    <a:lnTo>
                      <a:pt x="1813" y="526"/>
                    </a:lnTo>
                    <a:lnTo>
                      <a:pt x="1820" y="531"/>
                    </a:lnTo>
                    <a:lnTo>
                      <a:pt x="1825" y="538"/>
                    </a:lnTo>
                    <a:lnTo>
                      <a:pt x="1830" y="545"/>
                    </a:lnTo>
                    <a:lnTo>
                      <a:pt x="1833" y="557"/>
                    </a:lnTo>
                    <a:lnTo>
                      <a:pt x="1837" y="578"/>
                    </a:lnTo>
                    <a:lnTo>
                      <a:pt x="1840" y="596"/>
                    </a:lnTo>
                    <a:lnTo>
                      <a:pt x="1846" y="611"/>
                    </a:lnTo>
                    <a:lnTo>
                      <a:pt x="1852" y="626"/>
                    </a:lnTo>
                    <a:lnTo>
                      <a:pt x="1856" y="632"/>
                    </a:lnTo>
                    <a:lnTo>
                      <a:pt x="1861" y="639"/>
                    </a:lnTo>
                    <a:lnTo>
                      <a:pt x="1866" y="644"/>
                    </a:lnTo>
                    <a:lnTo>
                      <a:pt x="1873" y="649"/>
                    </a:lnTo>
                    <a:lnTo>
                      <a:pt x="1881" y="654"/>
                    </a:lnTo>
                    <a:lnTo>
                      <a:pt x="1890" y="659"/>
                    </a:lnTo>
                    <a:lnTo>
                      <a:pt x="1900" y="663"/>
                    </a:lnTo>
                    <a:lnTo>
                      <a:pt x="1912" y="667"/>
                    </a:lnTo>
                    <a:lnTo>
                      <a:pt x="1910" y="675"/>
                    </a:lnTo>
                    <a:lnTo>
                      <a:pt x="1909" y="677"/>
                    </a:lnTo>
                    <a:lnTo>
                      <a:pt x="1908" y="680"/>
                    </a:lnTo>
                    <a:lnTo>
                      <a:pt x="1905" y="684"/>
                    </a:lnTo>
                    <a:lnTo>
                      <a:pt x="1901" y="694"/>
                    </a:lnTo>
                    <a:lnTo>
                      <a:pt x="1899" y="705"/>
                    </a:lnTo>
                    <a:lnTo>
                      <a:pt x="1897" y="710"/>
                    </a:lnTo>
                    <a:lnTo>
                      <a:pt x="1899" y="715"/>
                    </a:lnTo>
                    <a:lnTo>
                      <a:pt x="1899" y="720"/>
                    </a:lnTo>
                    <a:lnTo>
                      <a:pt x="1901" y="725"/>
                    </a:lnTo>
                    <a:lnTo>
                      <a:pt x="1907" y="737"/>
                    </a:lnTo>
                    <a:lnTo>
                      <a:pt x="1910" y="749"/>
                    </a:lnTo>
                    <a:lnTo>
                      <a:pt x="1914" y="760"/>
                    </a:lnTo>
                    <a:lnTo>
                      <a:pt x="1916" y="773"/>
                    </a:lnTo>
                    <a:lnTo>
                      <a:pt x="1921" y="828"/>
                    </a:lnTo>
                    <a:lnTo>
                      <a:pt x="1921" y="828"/>
                    </a:lnTo>
                    <a:lnTo>
                      <a:pt x="1907" y="830"/>
                    </a:lnTo>
                    <a:lnTo>
                      <a:pt x="1888" y="833"/>
                    </a:lnTo>
                    <a:lnTo>
                      <a:pt x="1868" y="834"/>
                    </a:lnTo>
                    <a:lnTo>
                      <a:pt x="1846" y="834"/>
                    </a:lnTo>
                    <a:lnTo>
                      <a:pt x="1825" y="833"/>
                    </a:lnTo>
                    <a:lnTo>
                      <a:pt x="1806" y="829"/>
                    </a:lnTo>
                    <a:lnTo>
                      <a:pt x="1796" y="826"/>
                    </a:lnTo>
                    <a:lnTo>
                      <a:pt x="1789" y="824"/>
                    </a:lnTo>
                    <a:lnTo>
                      <a:pt x="1782" y="820"/>
                    </a:lnTo>
                    <a:lnTo>
                      <a:pt x="1778" y="816"/>
                    </a:lnTo>
                    <a:lnTo>
                      <a:pt x="1772" y="807"/>
                    </a:lnTo>
                    <a:lnTo>
                      <a:pt x="1767" y="799"/>
                    </a:lnTo>
                    <a:lnTo>
                      <a:pt x="1763" y="790"/>
                    </a:lnTo>
                    <a:lnTo>
                      <a:pt x="1760" y="781"/>
                    </a:lnTo>
                    <a:lnTo>
                      <a:pt x="1758" y="763"/>
                    </a:lnTo>
                    <a:lnTo>
                      <a:pt x="1755" y="747"/>
                    </a:lnTo>
                    <a:lnTo>
                      <a:pt x="1754" y="740"/>
                    </a:lnTo>
                    <a:lnTo>
                      <a:pt x="1751" y="733"/>
                    </a:lnTo>
                    <a:lnTo>
                      <a:pt x="1747" y="727"/>
                    </a:lnTo>
                    <a:lnTo>
                      <a:pt x="1743" y="722"/>
                    </a:lnTo>
                    <a:lnTo>
                      <a:pt x="1736" y="718"/>
                    </a:lnTo>
                    <a:lnTo>
                      <a:pt x="1728" y="715"/>
                    </a:lnTo>
                    <a:lnTo>
                      <a:pt x="1716" y="712"/>
                    </a:lnTo>
                    <a:lnTo>
                      <a:pt x="1703" y="712"/>
                    </a:lnTo>
                    <a:lnTo>
                      <a:pt x="1666" y="714"/>
                    </a:lnTo>
                    <a:lnTo>
                      <a:pt x="1627" y="719"/>
                    </a:lnTo>
                    <a:lnTo>
                      <a:pt x="1607" y="720"/>
                    </a:lnTo>
                    <a:lnTo>
                      <a:pt x="1588" y="720"/>
                    </a:lnTo>
                    <a:lnTo>
                      <a:pt x="1579" y="719"/>
                    </a:lnTo>
                    <a:lnTo>
                      <a:pt x="1570" y="718"/>
                    </a:lnTo>
                    <a:lnTo>
                      <a:pt x="1562" y="716"/>
                    </a:lnTo>
                    <a:lnTo>
                      <a:pt x="1554" y="714"/>
                    </a:lnTo>
                    <a:lnTo>
                      <a:pt x="1539" y="709"/>
                    </a:lnTo>
                    <a:lnTo>
                      <a:pt x="1524" y="705"/>
                    </a:lnTo>
                    <a:lnTo>
                      <a:pt x="1517" y="703"/>
                    </a:lnTo>
                    <a:lnTo>
                      <a:pt x="1509" y="703"/>
                    </a:lnTo>
                    <a:lnTo>
                      <a:pt x="1501" y="703"/>
                    </a:lnTo>
                    <a:lnTo>
                      <a:pt x="1493" y="705"/>
                    </a:lnTo>
                    <a:lnTo>
                      <a:pt x="1474" y="712"/>
                    </a:lnTo>
                    <a:lnTo>
                      <a:pt x="1456" y="719"/>
                    </a:lnTo>
                    <a:lnTo>
                      <a:pt x="1447" y="722"/>
                    </a:lnTo>
                    <a:lnTo>
                      <a:pt x="1438" y="722"/>
                    </a:lnTo>
                    <a:lnTo>
                      <a:pt x="1427" y="722"/>
                    </a:lnTo>
                    <a:lnTo>
                      <a:pt x="1414" y="719"/>
                    </a:lnTo>
                    <a:lnTo>
                      <a:pt x="1394" y="710"/>
                    </a:lnTo>
                    <a:lnTo>
                      <a:pt x="1378" y="702"/>
                    </a:lnTo>
                    <a:lnTo>
                      <a:pt x="1370" y="699"/>
                    </a:lnTo>
                    <a:lnTo>
                      <a:pt x="1361" y="698"/>
                    </a:lnTo>
                    <a:lnTo>
                      <a:pt x="1351" y="699"/>
                    </a:lnTo>
                    <a:lnTo>
                      <a:pt x="1338" y="702"/>
                    </a:lnTo>
                    <a:lnTo>
                      <a:pt x="1330" y="703"/>
                    </a:lnTo>
                    <a:lnTo>
                      <a:pt x="1324" y="705"/>
                    </a:lnTo>
                    <a:lnTo>
                      <a:pt x="1318" y="705"/>
                    </a:lnTo>
                    <a:lnTo>
                      <a:pt x="1315" y="703"/>
                    </a:lnTo>
                    <a:lnTo>
                      <a:pt x="1304" y="701"/>
                    </a:lnTo>
                    <a:lnTo>
                      <a:pt x="1292" y="698"/>
                    </a:lnTo>
                    <a:lnTo>
                      <a:pt x="1281" y="692"/>
                    </a:lnTo>
                    <a:lnTo>
                      <a:pt x="1268" y="685"/>
                    </a:lnTo>
                    <a:lnTo>
                      <a:pt x="1252" y="679"/>
                    </a:lnTo>
                    <a:lnTo>
                      <a:pt x="1235" y="674"/>
                    </a:lnTo>
                    <a:lnTo>
                      <a:pt x="1203" y="665"/>
                    </a:lnTo>
                    <a:lnTo>
                      <a:pt x="1176" y="658"/>
                    </a:lnTo>
                    <a:lnTo>
                      <a:pt x="1160" y="654"/>
                    </a:lnTo>
                    <a:lnTo>
                      <a:pt x="1146" y="653"/>
                    </a:lnTo>
                    <a:lnTo>
                      <a:pt x="1133" y="652"/>
                    </a:lnTo>
                    <a:lnTo>
                      <a:pt x="1120" y="652"/>
                    </a:lnTo>
                    <a:lnTo>
                      <a:pt x="1109" y="652"/>
                    </a:lnTo>
                    <a:lnTo>
                      <a:pt x="1097" y="654"/>
                    </a:lnTo>
                    <a:lnTo>
                      <a:pt x="1085" y="657"/>
                    </a:lnTo>
                    <a:lnTo>
                      <a:pt x="1075" y="661"/>
                    </a:lnTo>
                    <a:lnTo>
                      <a:pt x="1063" y="665"/>
                    </a:lnTo>
                    <a:lnTo>
                      <a:pt x="1053" y="670"/>
                    </a:lnTo>
                    <a:lnTo>
                      <a:pt x="1042" y="675"/>
                    </a:lnTo>
                    <a:lnTo>
                      <a:pt x="1032" y="683"/>
                    </a:lnTo>
                    <a:lnTo>
                      <a:pt x="1010" y="697"/>
                    </a:lnTo>
                    <a:lnTo>
                      <a:pt x="988" y="715"/>
                    </a:lnTo>
                    <a:lnTo>
                      <a:pt x="966" y="734"/>
                    </a:lnTo>
                    <a:lnTo>
                      <a:pt x="947" y="749"/>
                    </a:lnTo>
                    <a:lnTo>
                      <a:pt x="941" y="751"/>
                    </a:lnTo>
                    <a:lnTo>
                      <a:pt x="936" y="754"/>
                    </a:lnTo>
                    <a:lnTo>
                      <a:pt x="930" y="755"/>
                    </a:lnTo>
                    <a:lnTo>
                      <a:pt x="923" y="755"/>
                    </a:lnTo>
                    <a:lnTo>
                      <a:pt x="917" y="754"/>
                    </a:lnTo>
                    <a:lnTo>
                      <a:pt x="910" y="753"/>
                    </a:lnTo>
                    <a:lnTo>
                      <a:pt x="903" y="750"/>
                    </a:lnTo>
                    <a:lnTo>
                      <a:pt x="895" y="745"/>
                    </a:lnTo>
                    <a:lnTo>
                      <a:pt x="871" y="725"/>
                    </a:lnTo>
                    <a:lnTo>
                      <a:pt x="840" y="697"/>
                    </a:lnTo>
                    <a:lnTo>
                      <a:pt x="824" y="683"/>
                    </a:lnTo>
                    <a:lnTo>
                      <a:pt x="809" y="672"/>
                    </a:lnTo>
                    <a:lnTo>
                      <a:pt x="803" y="668"/>
                    </a:lnTo>
                    <a:lnTo>
                      <a:pt x="796" y="666"/>
                    </a:lnTo>
                    <a:lnTo>
                      <a:pt x="792" y="665"/>
                    </a:lnTo>
                    <a:lnTo>
                      <a:pt x="789" y="666"/>
                    </a:lnTo>
                    <a:lnTo>
                      <a:pt x="781" y="671"/>
                    </a:lnTo>
                    <a:lnTo>
                      <a:pt x="773" y="679"/>
                    </a:lnTo>
                    <a:lnTo>
                      <a:pt x="767" y="688"/>
                    </a:lnTo>
                    <a:lnTo>
                      <a:pt x="760" y="698"/>
                    </a:lnTo>
                    <a:lnTo>
                      <a:pt x="754" y="709"/>
                    </a:lnTo>
                    <a:lnTo>
                      <a:pt x="748" y="719"/>
                    </a:lnTo>
                    <a:lnTo>
                      <a:pt x="744" y="729"/>
                    </a:lnTo>
                    <a:lnTo>
                      <a:pt x="742" y="738"/>
                    </a:lnTo>
                    <a:lnTo>
                      <a:pt x="737" y="751"/>
                    </a:lnTo>
                    <a:lnTo>
                      <a:pt x="733" y="766"/>
                    </a:lnTo>
                    <a:lnTo>
                      <a:pt x="729" y="779"/>
                    </a:lnTo>
                    <a:lnTo>
                      <a:pt x="726" y="793"/>
                    </a:lnTo>
                    <a:lnTo>
                      <a:pt x="724" y="821"/>
                    </a:lnTo>
                    <a:lnTo>
                      <a:pt x="722" y="850"/>
                    </a:lnTo>
                    <a:lnTo>
                      <a:pt x="724" y="855"/>
                    </a:lnTo>
                    <a:lnTo>
                      <a:pt x="725" y="859"/>
                    </a:lnTo>
                    <a:lnTo>
                      <a:pt x="726" y="864"/>
                    </a:lnTo>
                    <a:lnTo>
                      <a:pt x="729" y="869"/>
                    </a:lnTo>
                    <a:lnTo>
                      <a:pt x="735" y="878"/>
                    </a:lnTo>
                    <a:lnTo>
                      <a:pt x="743" y="886"/>
                    </a:lnTo>
                    <a:lnTo>
                      <a:pt x="761" y="902"/>
                    </a:lnTo>
                    <a:lnTo>
                      <a:pt x="777" y="915"/>
                    </a:lnTo>
                    <a:lnTo>
                      <a:pt x="787" y="925"/>
                    </a:lnTo>
                    <a:lnTo>
                      <a:pt x="795" y="935"/>
                    </a:lnTo>
                    <a:lnTo>
                      <a:pt x="803" y="947"/>
                    </a:lnTo>
                    <a:lnTo>
                      <a:pt x="809" y="957"/>
                    </a:lnTo>
                    <a:lnTo>
                      <a:pt x="814" y="969"/>
                    </a:lnTo>
                    <a:lnTo>
                      <a:pt x="818" y="979"/>
                    </a:lnTo>
                    <a:lnTo>
                      <a:pt x="822" y="991"/>
                    </a:lnTo>
                    <a:lnTo>
                      <a:pt x="825" y="1003"/>
                    </a:lnTo>
                    <a:lnTo>
                      <a:pt x="831" y="1026"/>
                    </a:lnTo>
                    <a:lnTo>
                      <a:pt x="836" y="1051"/>
                    </a:lnTo>
                    <a:lnTo>
                      <a:pt x="843" y="1075"/>
                    </a:lnTo>
                    <a:lnTo>
                      <a:pt x="853" y="1100"/>
                    </a:lnTo>
                    <a:lnTo>
                      <a:pt x="860" y="1114"/>
                    </a:lnTo>
                    <a:lnTo>
                      <a:pt x="869" y="1127"/>
                    </a:lnTo>
                    <a:lnTo>
                      <a:pt x="878" y="1141"/>
                    </a:lnTo>
                    <a:lnTo>
                      <a:pt x="888" y="1155"/>
                    </a:lnTo>
                    <a:lnTo>
                      <a:pt x="897" y="1168"/>
                    </a:lnTo>
                    <a:lnTo>
                      <a:pt x="906" y="1183"/>
                    </a:lnTo>
                    <a:lnTo>
                      <a:pt x="914" y="1196"/>
                    </a:lnTo>
                    <a:lnTo>
                      <a:pt x="919" y="1209"/>
                    </a:lnTo>
                    <a:lnTo>
                      <a:pt x="944" y="1229"/>
                    </a:lnTo>
                    <a:lnTo>
                      <a:pt x="970" y="1250"/>
                    </a:lnTo>
                    <a:lnTo>
                      <a:pt x="983" y="1260"/>
                    </a:lnTo>
                    <a:lnTo>
                      <a:pt x="993" y="1272"/>
                    </a:lnTo>
                    <a:lnTo>
                      <a:pt x="1004" y="1285"/>
                    </a:lnTo>
                    <a:lnTo>
                      <a:pt x="1014" y="1299"/>
                    </a:lnTo>
                    <a:lnTo>
                      <a:pt x="1027" y="1325"/>
                    </a:lnTo>
                    <a:lnTo>
                      <a:pt x="1037" y="1345"/>
                    </a:lnTo>
                    <a:lnTo>
                      <a:pt x="1042" y="1355"/>
                    </a:lnTo>
                    <a:lnTo>
                      <a:pt x="1050" y="1364"/>
                    </a:lnTo>
                    <a:lnTo>
                      <a:pt x="1059" y="1373"/>
                    </a:lnTo>
                    <a:lnTo>
                      <a:pt x="1071" y="1383"/>
                    </a:lnTo>
                    <a:lnTo>
                      <a:pt x="1101" y="1411"/>
                    </a:lnTo>
                    <a:lnTo>
                      <a:pt x="1137" y="1446"/>
                    </a:lnTo>
                    <a:lnTo>
                      <a:pt x="1155" y="1462"/>
                    </a:lnTo>
                    <a:lnTo>
                      <a:pt x="1173" y="1477"/>
                    </a:lnTo>
                    <a:lnTo>
                      <a:pt x="1181" y="1482"/>
                    </a:lnTo>
                    <a:lnTo>
                      <a:pt x="1190" y="1487"/>
                    </a:lnTo>
                    <a:lnTo>
                      <a:pt x="1198" y="1490"/>
                    </a:lnTo>
                    <a:lnTo>
                      <a:pt x="1204" y="1491"/>
                    </a:lnTo>
                    <a:lnTo>
                      <a:pt x="1213" y="1492"/>
                    </a:lnTo>
                    <a:lnTo>
                      <a:pt x="1220" y="1494"/>
                    </a:lnTo>
                    <a:lnTo>
                      <a:pt x="1226" y="1496"/>
                    </a:lnTo>
                    <a:lnTo>
                      <a:pt x="1230" y="1499"/>
                    </a:lnTo>
                    <a:lnTo>
                      <a:pt x="1233" y="1503"/>
                    </a:lnTo>
                    <a:lnTo>
                      <a:pt x="1234" y="1507"/>
                    </a:lnTo>
                    <a:lnTo>
                      <a:pt x="1235" y="1510"/>
                    </a:lnTo>
                    <a:lnTo>
                      <a:pt x="1235" y="1516"/>
                    </a:lnTo>
                    <a:lnTo>
                      <a:pt x="1235" y="1526"/>
                    </a:lnTo>
                    <a:lnTo>
                      <a:pt x="1234" y="1539"/>
                    </a:lnTo>
                    <a:lnTo>
                      <a:pt x="1235" y="1545"/>
                    </a:lnTo>
                    <a:lnTo>
                      <a:pt x="1235" y="1552"/>
                    </a:lnTo>
                    <a:lnTo>
                      <a:pt x="1238" y="1560"/>
                    </a:lnTo>
                    <a:lnTo>
                      <a:pt x="1241" y="1566"/>
                    </a:lnTo>
                    <a:lnTo>
                      <a:pt x="1260" y="1583"/>
                    </a:lnTo>
                    <a:lnTo>
                      <a:pt x="1274" y="1593"/>
                    </a:lnTo>
                    <a:lnTo>
                      <a:pt x="1277" y="1602"/>
                    </a:lnTo>
                    <a:lnTo>
                      <a:pt x="1281" y="1611"/>
                    </a:lnTo>
                    <a:lnTo>
                      <a:pt x="1286" y="1619"/>
                    </a:lnTo>
                    <a:lnTo>
                      <a:pt x="1291" y="1626"/>
                    </a:lnTo>
                    <a:lnTo>
                      <a:pt x="1305" y="1639"/>
                    </a:lnTo>
                    <a:lnTo>
                      <a:pt x="1320" y="1650"/>
                    </a:lnTo>
                    <a:lnTo>
                      <a:pt x="1327" y="1656"/>
                    </a:lnTo>
                    <a:lnTo>
                      <a:pt x="1334" y="1662"/>
                    </a:lnTo>
                    <a:lnTo>
                      <a:pt x="1340" y="1668"/>
                    </a:lnTo>
                    <a:lnTo>
                      <a:pt x="1346" y="1675"/>
                    </a:lnTo>
                    <a:lnTo>
                      <a:pt x="1351" y="1683"/>
                    </a:lnTo>
                    <a:lnTo>
                      <a:pt x="1353" y="1692"/>
                    </a:lnTo>
                    <a:lnTo>
                      <a:pt x="1356" y="1701"/>
                    </a:lnTo>
                    <a:lnTo>
                      <a:pt x="1356" y="1711"/>
                    </a:lnTo>
                    <a:lnTo>
                      <a:pt x="1322" y="1736"/>
                    </a:lnTo>
                    <a:lnTo>
                      <a:pt x="1322" y="1736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23" name="Freeform 142"/>
              <p:cNvSpPr>
                <a:spLocks/>
              </p:cNvSpPr>
              <p:nvPr/>
            </p:nvSpPr>
            <p:spPr bwMode="auto">
              <a:xfrm>
                <a:off x="7486483" y="3827690"/>
                <a:ext cx="892628" cy="512991"/>
              </a:xfrm>
              <a:custGeom>
                <a:avLst/>
                <a:gdLst/>
                <a:ahLst/>
                <a:cxnLst>
                  <a:cxn ang="0">
                    <a:pos x="797" y="88"/>
                  </a:cxn>
                  <a:cxn ang="0">
                    <a:pos x="863" y="67"/>
                  </a:cxn>
                  <a:cxn ang="0">
                    <a:pos x="917" y="59"/>
                  </a:cxn>
                  <a:cxn ang="0">
                    <a:pos x="947" y="94"/>
                  </a:cxn>
                  <a:cxn ang="0">
                    <a:pos x="1008" y="159"/>
                  </a:cxn>
                  <a:cxn ang="0">
                    <a:pos x="1165" y="221"/>
                  </a:cxn>
                  <a:cxn ang="0">
                    <a:pos x="1228" y="257"/>
                  </a:cxn>
                  <a:cxn ang="0">
                    <a:pos x="1202" y="320"/>
                  </a:cxn>
                  <a:cxn ang="0">
                    <a:pos x="1249" y="401"/>
                  </a:cxn>
                  <a:cxn ang="0">
                    <a:pos x="1314" y="475"/>
                  </a:cxn>
                  <a:cxn ang="0">
                    <a:pos x="1333" y="457"/>
                  </a:cxn>
                  <a:cxn ang="0">
                    <a:pos x="1359" y="432"/>
                  </a:cxn>
                  <a:cxn ang="0">
                    <a:pos x="1364" y="375"/>
                  </a:cxn>
                  <a:cxn ang="0">
                    <a:pos x="1389" y="345"/>
                  </a:cxn>
                  <a:cxn ang="0">
                    <a:pos x="1452" y="373"/>
                  </a:cxn>
                  <a:cxn ang="0">
                    <a:pos x="1583" y="378"/>
                  </a:cxn>
                  <a:cxn ang="0">
                    <a:pos x="1633" y="380"/>
                  </a:cxn>
                  <a:cxn ang="0">
                    <a:pos x="1625" y="423"/>
                  </a:cxn>
                  <a:cxn ang="0">
                    <a:pos x="1653" y="488"/>
                  </a:cxn>
                  <a:cxn ang="0">
                    <a:pos x="1688" y="511"/>
                  </a:cxn>
                  <a:cxn ang="0">
                    <a:pos x="1722" y="497"/>
                  </a:cxn>
                  <a:cxn ang="0">
                    <a:pos x="1769" y="542"/>
                  </a:cxn>
                  <a:cxn ang="0">
                    <a:pos x="1839" y="551"/>
                  </a:cxn>
                  <a:cxn ang="0">
                    <a:pos x="1879" y="576"/>
                  </a:cxn>
                  <a:cxn ang="0">
                    <a:pos x="1914" y="664"/>
                  </a:cxn>
                  <a:cxn ang="0">
                    <a:pos x="1805" y="825"/>
                  </a:cxn>
                  <a:cxn ang="0">
                    <a:pos x="1728" y="930"/>
                  </a:cxn>
                  <a:cxn ang="0">
                    <a:pos x="1657" y="1002"/>
                  </a:cxn>
                  <a:cxn ang="0">
                    <a:pos x="1570" y="1036"/>
                  </a:cxn>
                  <a:cxn ang="0">
                    <a:pos x="1424" y="1049"/>
                  </a:cxn>
                  <a:cxn ang="0">
                    <a:pos x="1359" y="1110"/>
                  </a:cxn>
                  <a:cxn ang="0">
                    <a:pos x="1304" y="1095"/>
                  </a:cxn>
                  <a:cxn ang="0">
                    <a:pos x="1202" y="1059"/>
                  </a:cxn>
                  <a:cxn ang="0">
                    <a:pos x="1065" y="1064"/>
                  </a:cxn>
                  <a:cxn ang="0">
                    <a:pos x="981" y="1046"/>
                  </a:cxn>
                  <a:cxn ang="0">
                    <a:pos x="825" y="939"/>
                  </a:cxn>
                  <a:cxn ang="0">
                    <a:pos x="759" y="932"/>
                  </a:cxn>
                  <a:cxn ang="0">
                    <a:pos x="733" y="991"/>
                  </a:cxn>
                  <a:cxn ang="0">
                    <a:pos x="699" y="1031"/>
                  </a:cxn>
                  <a:cxn ang="0">
                    <a:pos x="614" y="1076"/>
                  </a:cxn>
                  <a:cxn ang="0">
                    <a:pos x="542" y="1121"/>
                  </a:cxn>
                  <a:cxn ang="0">
                    <a:pos x="494" y="1111"/>
                  </a:cxn>
                  <a:cxn ang="0">
                    <a:pos x="428" y="1045"/>
                  </a:cxn>
                  <a:cxn ang="0">
                    <a:pos x="334" y="908"/>
                  </a:cxn>
                  <a:cxn ang="0">
                    <a:pos x="280" y="812"/>
                  </a:cxn>
                  <a:cxn ang="0">
                    <a:pos x="227" y="720"/>
                  </a:cxn>
                  <a:cxn ang="0">
                    <a:pos x="94" y="583"/>
                  </a:cxn>
                  <a:cxn ang="0">
                    <a:pos x="49" y="523"/>
                  </a:cxn>
                  <a:cxn ang="0">
                    <a:pos x="56" y="427"/>
                  </a:cxn>
                  <a:cxn ang="0">
                    <a:pos x="40" y="383"/>
                  </a:cxn>
                  <a:cxn ang="0">
                    <a:pos x="3" y="320"/>
                  </a:cxn>
                  <a:cxn ang="0">
                    <a:pos x="48" y="300"/>
                  </a:cxn>
                  <a:cxn ang="0">
                    <a:pos x="81" y="253"/>
                  </a:cxn>
                  <a:cxn ang="0">
                    <a:pos x="152" y="220"/>
                  </a:cxn>
                  <a:cxn ang="0">
                    <a:pos x="255" y="189"/>
                  </a:cxn>
                  <a:cxn ang="0">
                    <a:pos x="366" y="127"/>
                  </a:cxn>
                  <a:cxn ang="0">
                    <a:pos x="493" y="76"/>
                  </a:cxn>
                  <a:cxn ang="0">
                    <a:pos x="582" y="48"/>
                  </a:cxn>
                  <a:cxn ang="0">
                    <a:pos x="654" y="9"/>
                  </a:cxn>
                  <a:cxn ang="0">
                    <a:pos x="695" y="5"/>
                  </a:cxn>
                </a:cxnLst>
                <a:rect l="0" t="0" r="r" b="b"/>
                <a:pathLst>
                  <a:path w="1962" h="1137">
                    <a:moveTo>
                      <a:pt x="745" y="59"/>
                    </a:moveTo>
                    <a:lnTo>
                      <a:pt x="758" y="70"/>
                    </a:lnTo>
                    <a:lnTo>
                      <a:pt x="768" y="77"/>
                    </a:lnTo>
                    <a:lnTo>
                      <a:pt x="779" y="82"/>
                    </a:lnTo>
                    <a:lnTo>
                      <a:pt x="788" y="86"/>
                    </a:lnTo>
                    <a:lnTo>
                      <a:pt x="797" y="88"/>
                    </a:lnTo>
                    <a:lnTo>
                      <a:pt x="805" y="89"/>
                    </a:lnTo>
                    <a:lnTo>
                      <a:pt x="813" y="88"/>
                    </a:lnTo>
                    <a:lnTo>
                      <a:pt x="820" y="86"/>
                    </a:lnTo>
                    <a:lnTo>
                      <a:pt x="837" y="80"/>
                    </a:lnTo>
                    <a:lnTo>
                      <a:pt x="854" y="72"/>
                    </a:lnTo>
                    <a:lnTo>
                      <a:pt x="863" y="67"/>
                    </a:lnTo>
                    <a:lnTo>
                      <a:pt x="873" y="63"/>
                    </a:lnTo>
                    <a:lnTo>
                      <a:pt x="885" y="60"/>
                    </a:lnTo>
                    <a:lnTo>
                      <a:pt x="897" y="58"/>
                    </a:lnTo>
                    <a:lnTo>
                      <a:pt x="904" y="57"/>
                    </a:lnTo>
                    <a:lnTo>
                      <a:pt x="912" y="57"/>
                    </a:lnTo>
                    <a:lnTo>
                      <a:pt x="917" y="59"/>
                    </a:lnTo>
                    <a:lnTo>
                      <a:pt x="924" y="62"/>
                    </a:lnTo>
                    <a:lnTo>
                      <a:pt x="928" y="66"/>
                    </a:lnTo>
                    <a:lnTo>
                      <a:pt x="933" y="70"/>
                    </a:lnTo>
                    <a:lnTo>
                      <a:pt x="937" y="75"/>
                    </a:lnTo>
                    <a:lnTo>
                      <a:pt x="941" y="81"/>
                    </a:lnTo>
                    <a:lnTo>
                      <a:pt x="947" y="94"/>
                    </a:lnTo>
                    <a:lnTo>
                      <a:pt x="955" y="107"/>
                    </a:lnTo>
                    <a:lnTo>
                      <a:pt x="963" y="120"/>
                    </a:lnTo>
                    <a:lnTo>
                      <a:pt x="972" y="130"/>
                    </a:lnTo>
                    <a:lnTo>
                      <a:pt x="984" y="141"/>
                    </a:lnTo>
                    <a:lnTo>
                      <a:pt x="995" y="151"/>
                    </a:lnTo>
                    <a:lnTo>
                      <a:pt x="1008" y="159"/>
                    </a:lnTo>
                    <a:lnTo>
                      <a:pt x="1021" y="168"/>
                    </a:lnTo>
                    <a:lnTo>
                      <a:pt x="1048" y="182"/>
                    </a:lnTo>
                    <a:lnTo>
                      <a:pt x="1077" y="194"/>
                    </a:lnTo>
                    <a:lnTo>
                      <a:pt x="1107" y="204"/>
                    </a:lnTo>
                    <a:lnTo>
                      <a:pt x="1136" y="213"/>
                    </a:lnTo>
                    <a:lnTo>
                      <a:pt x="1165" y="221"/>
                    </a:lnTo>
                    <a:lnTo>
                      <a:pt x="1193" y="229"/>
                    </a:lnTo>
                    <a:lnTo>
                      <a:pt x="1206" y="233"/>
                    </a:lnTo>
                    <a:lnTo>
                      <a:pt x="1217" y="238"/>
                    </a:lnTo>
                    <a:lnTo>
                      <a:pt x="1223" y="244"/>
                    </a:lnTo>
                    <a:lnTo>
                      <a:pt x="1227" y="251"/>
                    </a:lnTo>
                    <a:lnTo>
                      <a:pt x="1228" y="257"/>
                    </a:lnTo>
                    <a:lnTo>
                      <a:pt x="1228" y="265"/>
                    </a:lnTo>
                    <a:lnTo>
                      <a:pt x="1227" y="273"/>
                    </a:lnTo>
                    <a:lnTo>
                      <a:pt x="1224" y="282"/>
                    </a:lnTo>
                    <a:lnTo>
                      <a:pt x="1215" y="298"/>
                    </a:lnTo>
                    <a:lnTo>
                      <a:pt x="1206" y="313"/>
                    </a:lnTo>
                    <a:lnTo>
                      <a:pt x="1202" y="320"/>
                    </a:lnTo>
                    <a:lnTo>
                      <a:pt x="1200" y="326"/>
                    </a:lnTo>
                    <a:lnTo>
                      <a:pt x="1197" y="331"/>
                    </a:lnTo>
                    <a:lnTo>
                      <a:pt x="1196" y="336"/>
                    </a:lnTo>
                    <a:lnTo>
                      <a:pt x="1205" y="351"/>
                    </a:lnTo>
                    <a:lnTo>
                      <a:pt x="1227" y="375"/>
                    </a:lnTo>
                    <a:lnTo>
                      <a:pt x="1249" y="401"/>
                    </a:lnTo>
                    <a:lnTo>
                      <a:pt x="1265" y="422"/>
                    </a:lnTo>
                    <a:lnTo>
                      <a:pt x="1274" y="436"/>
                    </a:lnTo>
                    <a:lnTo>
                      <a:pt x="1291" y="457"/>
                    </a:lnTo>
                    <a:lnTo>
                      <a:pt x="1300" y="466"/>
                    </a:lnTo>
                    <a:lnTo>
                      <a:pt x="1310" y="474"/>
                    </a:lnTo>
                    <a:lnTo>
                      <a:pt x="1314" y="475"/>
                    </a:lnTo>
                    <a:lnTo>
                      <a:pt x="1318" y="476"/>
                    </a:lnTo>
                    <a:lnTo>
                      <a:pt x="1322" y="476"/>
                    </a:lnTo>
                    <a:lnTo>
                      <a:pt x="1324" y="474"/>
                    </a:lnTo>
                    <a:lnTo>
                      <a:pt x="1329" y="469"/>
                    </a:lnTo>
                    <a:lnTo>
                      <a:pt x="1332" y="463"/>
                    </a:lnTo>
                    <a:lnTo>
                      <a:pt x="1333" y="457"/>
                    </a:lnTo>
                    <a:lnTo>
                      <a:pt x="1335" y="452"/>
                    </a:lnTo>
                    <a:lnTo>
                      <a:pt x="1337" y="446"/>
                    </a:lnTo>
                    <a:lnTo>
                      <a:pt x="1340" y="441"/>
                    </a:lnTo>
                    <a:lnTo>
                      <a:pt x="1345" y="437"/>
                    </a:lnTo>
                    <a:lnTo>
                      <a:pt x="1354" y="435"/>
                    </a:lnTo>
                    <a:lnTo>
                      <a:pt x="1359" y="432"/>
                    </a:lnTo>
                    <a:lnTo>
                      <a:pt x="1362" y="430"/>
                    </a:lnTo>
                    <a:lnTo>
                      <a:pt x="1364" y="424"/>
                    </a:lnTo>
                    <a:lnTo>
                      <a:pt x="1364" y="419"/>
                    </a:lnTo>
                    <a:lnTo>
                      <a:pt x="1366" y="405"/>
                    </a:lnTo>
                    <a:lnTo>
                      <a:pt x="1364" y="391"/>
                    </a:lnTo>
                    <a:lnTo>
                      <a:pt x="1364" y="375"/>
                    </a:lnTo>
                    <a:lnTo>
                      <a:pt x="1366" y="362"/>
                    </a:lnTo>
                    <a:lnTo>
                      <a:pt x="1367" y="356"/>
                    </a:lnTo>
                    <a:lnTo>
                      <a:pt x="1371" y="352"/>
                    </a:lnTo>
                    <a:lnTo>
                      <a:pt x="1376" y="348"/>
                    </a:lnTo>
                    <a:lnTo>
                      <a:pt x="1381" y="345"/>
                    </a:lnTo>
                    <a:lnTo>
                      <a:pt x="1389" y="345"/>
                    </a:lnTo>
                    <a:lnTo>
                      <a:pt x="1395" y="345"/>
                    </a:lnTo>
                    <a:lnTo>
                      <a:pt x="1403" y="347"/>
                    </a:lnTo>
                    <a:lnTo>
                      <a:pt x="1410" y="349"/>
                    </a:lnTo>
                    <a:lnTo>
                      <a:pt x="1424" y="356"/>
                    </a:lnTo>
                    <a:lnTo>
                      <a:pt x="1438" y="364"/>
                    </a:lnTo>
                    <a:lnTo>
                      <a:pt x="1452" y="373"/>
                    </a:lnTo>
                    <a:lnTo>
                      <a:pt x="1467" y="380"/>
                    </a:lnTo>
                    <a:lnTo>
                      <a:pt x="1481" y="387"/>
                    </a:lnTo>
                    <a:lnTo>
                      <a:pt x="1494" y="391"/>
                    </a:lnTo>
                    <a:lnTo>
                      <a:pt x="1524" y="387"/>
                    </a:lnTo>
                    <a:lnTo>
                      <a:pt x="1554" y="383"/>
                    </a:lnTo>
                    <a:lnTo>
                      <a:pt x="1583" y="378"/>
                    </a:lnTo>
                    <a:lnTo>
                      <a:pt x="1612" y="375"/>
                    </a:lnTo>
                    <a:lnTo>
                      <a:pt x="1618" y="375"/>
                    </a:lnTo>
                    <a:lnTo>
                      <a:pt x="1623" y="375"/>
                    </a:lnTo>
                    <a:lnTo>
                      <a:pt x="1627" y="377"/>
                    </a:lnTo>
                    <a:lnTo>
                      <a:pt x="1630" y="378"/>
                    </a:lnTo>
                    <a:lnTo>
                      <a:pt x="1633" y="380"/>
                    </a:lnTo>
                    <a:lnTo>
                      <a:pt x="1634" y="383"/>
                    </a:lnTo>
                    <a:lnTo>
                      <a:pt x="1634" y="386"/>
                    </a:lnTo>
                    <a:lnTo>
                      <a:pt x="1634" y="388"/>
                    </a:lnTo>
                    <a:lnTo>
                      <a:pt x="1629" y="402"/>
                    </a:lnTo>
                    <a:lnTo>
                      <a:pt x="1625" y="419"/>
                    </a:lnTo>
                    <a:lnTo>
                      <a:pt x="1625" y="423"/>
                    </a:lnTo>
                    <a:lnTo>
                      <a:pt x="1625" y="430"/>
                    </a:lnTo>
                    <a:lnTo>
                      <a:pt x="1627" y="437"/>
                    </a:lnTo>
                    <a:lnTo>
                      <a:pt x="1630" y="445"/>
                    </a:lnTo>
                    <a:lnTo>
                      <a:pt x="1638" y="462"/>
                    </a:lnTo>
                    <a:lnTo>
                      <a:pt x="1648" y="480"/>
                    </a:lnTo>
                    <a:lnTo>
                      <a:pt x="1653" y="488"/>
                    </a:lnTo>
                    <a:lnTo>
                      <a:pt x="1660" y="494"/>
                    </a:lnTo>
                    <a:lnTo>
                      <a:pt x="1665" y="501"/>
                    </a:lnTo>
                    <a:lnTo>
                      <a:pt x="1671" y="506"/>
                    </a:lnTo>
                    <a:lnTo>
                      <a:pt x="1678" y="509"/>
                    </a:lnTo>
                    <a:lnTo>
                      <a:pt x="1683" y="511"/>
                    </a:lnTo>
                    <a:lnTo>
                      <a:pt x="1688" y="511"/>
                    </a:lnTo>
                    <a:lnTo>
                      <a:pt x="1693" y="509"/>
                    </a:lnTo>
                    <a:lnTo>
                      <a:pt x="1701" y="503"/>
                    </a:lnTo>
                    <a:lnTo>
                      <a:pt x="1708" y="500"/>
                    </a:lnTo>
                    <a:lnTo>
                      <a:pt x="1713" y="498"/>
                    </a:lnTo>
                    <a:lnTo>
                      <a:pt x="1718" y="497"/>
                    </a:lnTo>
                    <a:lnTo>
                      <a:pt x="1722" y="497"/>
                    </a:lnTo>
                    <a:lnTo>
                      <a:pt x="1727" y="498"/>
                    </a:lnTo>
                    <a:lnTo>
                      <a:pt x="1730" y="501"/>
                    </a:lnTo>
                    <a:lnTo>
                      <a:pt x="1734" y="505"/>
                    </a:lnTo>
                    <a:lnTo>
                      <a:pt x="1745" y="520"/>
                    </a:lnTo>
                    <a:lnTo>
                      <a:pt x="1761" y="538"/>
                    </a:lnTo>
                    <a:lnTo>
                      <a:pt x="1769" y="542"/>
                    </a:lnTo>
                    <a:lnTo>
                      <a:pt x="1776" y="546"/>
                    </a:lnTo>
                    <a:lnTo>
                      <a:pt x="1784" y="549"/>
                    </a:lnTo>
                    <a:lnTo>
                      <a:pt x="1793" y="550"/>
                    </a:lnTo>
                    <a:lnTo>
                      <a:pt x="1811" y="551"/>
                    </a:lnTo>
                    <a:lnTo>
                      <a:pt x="1829" y="551"/>
                    </a:lnTo>
                    <a:lnTo>
                      <a:pt x="1839" y="551"/>
                    </a:lnTo>
                    <a:lnTo>
                      <a:pt x="1848" y="553"/>
                    </a:lnTo>
                    <a:lnTo>
                      <a:pt x="1855" y="555"/>
                    </a:lnTo>
                    <a:lnTo>
                      <a:pt x="1862" y="558"/>
                    </a:lnTo>
                    <a:lnTo>
                      <a:pt x="1868" y="563"/>
                    </a:lnTo>
                    <a:lnTo>
                      <a:pt x="1874" y="568"/>
                    </a:lnTo>
                    <a:lnTo>
                      <a:pt x="1879" y="576"/>
                    </a:lnTo>
                    <a:lnTo>
                      <a:pt x="1881" y="585"/>
                    </a:lnTo>
                    <a:lnTo>
                      <a:pt x="1885" y="598"/>
                    </a:lnTo>
                    <a:lnTo>
                      <a:pt x="1890" y="614"/>
                    </a:lnTo>
                    <a:lnTo>
                      <a:pt x="1897" y="630"/>
                    </a:lnTo>
                    <a:lnTo>
                      <a:pt x="1905" y="649"/>
                    </a:lnTo>
                    <a:lnTo>
                      <a:pt x="1914" y="664"/>
                    </a:lnTo>
                    <a:lnTo>
                      <a:pt x="1923" y="680"/>
                    </a:lnTo>
                    <a:lnTo>
                      <a:pt x="1933" y="693"/>
                    </a:lnTo>
                    <a:lnTo>
                      <a:pt x="1943" y="702"/>
                    </a:lnTo>
                    <a:lnTo>
                      <a:pt x="1962" y="750"/>
                    </a:lnTo>
                    <a:lnTo>
                      <a:pt x="1818" y="814"/>
                    </a:lnTo>
                    <a:lnTo>
                      <a:pt x="1805" y="825"/>
                    </a:lnTo>
                    <a:lnTo>
                      <a:pt x="1793" y="835"/>
                    </a:lnTo>
                    <a:lnTo>
                      <a:pt x="1784" y="845"/>
                    </a:lnTo>
                    <a:lnTo>
                      <a:pt x="1774" y="857"/>
                    </a:lnTo>
                    <a:lnTo>
                      <a:pt x="1758" y="880"/>
                    </a:lnTo>
                    <a:lnTo>
                      <a:pt x="1743" y="905"/>
                    </a:lnTo>
                    <a:lnTo>
                      <a:pt x="1728" y="930"/>
                    </a:lnTo>
                    <a:lnTo>
                      <a:pt x="1713" y="953"/>
                    </a:lnTo>
                    <a:lnTo>
                      <a:pt x="1704" y="963"/>
                    </a:lnTo>
                    <a:lnTo>
                      <a:pt x="1695" y="974"/>
                    </a:lnTo>
                    <a:lnTo>
                      <a:pt x="1684" y="984"/>
                    </a:lnTo>
                    <a:lnTo>
                      <a:pt x="1673" y="993"/>
                    </a:lnTo>
                    <a:lnTo>
                      <a:pt x="1657" y="1002"/>
                    </a:lnTo>
                    <a:lnTo>
                      <a:pt x="1643" y="1011"/>
                    </a:lnTo>
                    <a:lnTo>
                      <a:pt x="1629" y="1018"/>
                    </a:lnTo>
                    <a:lnTo>
                      <a:pt x="1614" y="1024"/>
                    </a:lnTo>
                    <a:lnTo>
                      <a:pt x="1600" y="1028"/>
                    </a:lnTo>
                    <a:lnTo>
                      <a:pt x="1586" y="1032"/>
                    </a:lnTo>
                    <a:lnTo>
                      <a:pt x="1570" y="1036"/>
                    </a:lnTo>
                    <a:lnTo>
                      <a:pt x="1556" y="1038"/>
                    </a:lnTo>
                    <a:lnTo>
                      <a:pt x="1526" y="1041"/>
                    </a:lnTo>
                    <a:lnTo>
                      <a:pt x="1495" y="1044"/>
                    </a:lnTo>
                    <a:lnTo>
                      <a:pt x="1464" y="1045"/>
                    </a:lnTo>
                    <a:lnTo>
                      <a:pt x="1432" y="1048"/>
                    </a:lnTo>
                    <a:lnTo>
                      <a:pt x="1424" y="1049"/>
                    </a:lnTo>
                    <a:lnTo>
                      <a:pt x="1416" y="1051"/>
                    </a:lnTo>
                    <a:lnTo>
                      <a:pt x="1410" y="1055"/>
                    </a:lnTo>
                    <a:lnTo>
                      <a:pt x="1403" y="1059"/>
                    </a:lnTo>
                    <a:lnTo>
                      <a:pt x="1390" y="1070"/>
                    </a:lnTo>
                    <a:lnTo>
                      <a:pt x="1379" y="1081"/>
                    </a:lnTo>
                    <a:lnTo>
                      <a:pt x="1359" y="1110"/>
                    </a:lnTo>
                    <a:lnTo>
                      <a:pt x="1341" y="1137"/>
                    </a:lnTo>
                    <a:lnTo>
                      <a:pt x="1331" y="1124"/>
                    </a:lnTo>
                    <a:lnTo>
                      <a:pt x="1320" y="1112"/>
                    </a:lnTo>
                    <a:lnTo>
                      <a:pt x="1315" y="1107"/>
                    </a:lnTo>
                    <a:lnTo>
                      <a:pt x="1310" y="1101"/>
                    </a:lnTo>
                    <a:lnTo>
                      <a:pt x="1304" y="1095"/>
                    </a:lnTo>
                    <a:lnTo>
                      <a:pt x="1297" y="1090"/>
                    </a:lnTo>
                    <a:lnTo>
                      <a:pt x="1280" y="1081"/>
                    </a:lnTo>
                    <a:lnTo>
                      <a:pt x="1262" y="1073"/>
                    </a:lnTo>
                    <a:lnTo>
                      <a:pt x="1244" y="1067"/>
                    </a:lnTo>
                    <a:lnTo>
                      <a:pt x="1224" y="1063"/>
                    </a:lnTo>
                    <a:lnTo>
                      <a:pt x="1202" y="1059"/>
                    </a:lnTo>
                    <a:lnTo>
                      <a:pt x="1180" y="1057"/>
                    </a:lnTo>
                    <a:lnTo>
                      <a:pt x="1157" y="1055"/>
                    </a:lnTo>
                    <a:lnTo>
                      <a:pt x="1134" y="1057"/>
                    </a:lnTo>
                    <a:lnTo>
                      <a:pt x="1110" y="1058"/>
                    </a:lnTo>
                    <a:lnTo>
                      <a:pt x="1087" y="1061"/>
                    </a:lnTo>
                    <a:lnTo>
                      <a:pt x="1065" y="1064"/>
                    </a:lnTo>
                    <a:lnTo>
                      <a:pt x="1043" y="1067"/>
                    </a:lnTo>
                    <a:lnTo>
                      <a:pt x="1031" y="1066"/>
                    </a:lnTo>
                    <a:lnTo>
                      <a:pt x="1021" y="1063"/>
                    </a:lnTo>
                    <a:lnTo>
                      <a:pt x="1011" y="1059"/>
                    </a:lnTo>
                    <a:lnTo>
                      <a:pt x="1000" y="1055"/>
                    </a:lnTo>
                    <a:lnTo>
                      <a:pt x="981" y="1046"/>
                    </a:lnTo>
                    <a:lnTo>
                      <a:pt x="961" y="1035"/>
                    </a:lnTo>
                    <a:lnTo>
                      <a:pt x="925" y="1007"/>
                    </a:lnTo>
                    <a:lnTo>
                      <a:pt x="889" y="981"/>
                    </a:lnTo>
                    <a:lnTo>
                      <a:pt x="859" y="959"/>
                    </a:lnTo>
                    <a:lnTo>
                      <a:pt x="837" y="944"/>
                    </a:lnTo>
                    <a:lnTo>
                      <a:pt x="825" y="939"/>
                    </a:lnTo>
                    <a:lnTo>
                      <a:pt x="811" y="935"/>
                    </a:lnTo>
                    <a:lnTo>
                      <a:pt x="794" y="932"/>
                    </a:lnTo>
                    <a:lnTo>
                      <a:pt x="772" y="930"/>
                    </a:lnTo>
                    <a:lnTo>
                      <a:pt x="767" y="930"/>
                    </a:lnTo>
                    <a:lnTo>
                      <a:pt x="763" y="931"/>
                    </a:lnTo>
                    <a:lnTo>
                      <a:pt x="759" y="932"/>
                    </a:lnTo>
                    <a:lnTo>
                      <a:pt x="756" y="935"/>
                    </a:lnTo>
                    <a:lnTo>
                      <a:pt x="749" y="941"/>
                    </a:lnTo>
                    <a:lnTo>
                      <a:pt x="745" y="949"/>
                    </a:lnTo>
                    <a:lnTo>
                      <a:pt x="739" y="967"/>
                    </a:lnTo>
                    <a:lnTo>
                      <a:pt x="735" y="985"/>
                    </a:lnTo>
                    <a:lnTo>
                      <a:pt x="733" y="991"/>
                    </a:lnTo>
                    <a:lnTo>
                      <a:pt x="731" y="997"/>
                    </a:lnTo>
                    <a:lnTo>
                      <a:pt x="728" y="1002"/>
                    </a:lnTo>
                    <a:lnTo>
                      <a:pt x="726" y="1007"/>
                    </a:lnTo>
                    <a:lnTo>
                      <a:pt x="718" y="1016"/>
                    </a:lnTo>
                    <a:lnTo>
                      <a:pt x="709" y="1024"/>
                    </a:lnTo>
                    <a:lnTo>
                      <a:pt x="699" y="1031"/>
                    </a:lnTo>
                    <a:lnTo>
                      <a:pt x="687" y="1037"/>
                    </a:lnTo>
                    <a:lnTo>
                      <a:pt x="675" y="1042"/>
                    </a:lnTo>
                    <a:lnTo>
                      <a:pt x="662" y="1046"/>
                    </a:lnTo>
                    <a:lnTo>
                      <a:pt x="647" y="1054"/>
                    </a:lnTo>
                    <a:lnTo>
                      <a:pt x="630" y="1064"/>
                    </a:lnTo>
                    <a:lnTo>
                      <a:pt x="614" y="1076"/>
                    </a:lnTo>
                    <a:lnTo>
                      <a:pt x="597" y="1089"/>
                    </a:lnTo>
                    <a:lnTo>
                      <a:pt x="581" y="1101"/>
                    </a:lnTo>
                    <a:lnTo>
                      <a:pt x="565" y="1111"/>
                    </a:lnTo>
                    <a:lnTo>
                      <a:pt x="557" y="1115"/>
                    </a:lnTo>
                    <a:lnTo>
                      <a:pt x="550" y="1119"/>
                    </a:lnTo>
                    <a:lnTo>
                      <a:pt x="542" y="1121"/>
                    </a:lnTo>
                    <a:lnTo>
                      <a:pt x="535" y="1123"/>
                    </a:lnTo>
                    <a:lnTo>
                      <a:pt x="528" y="1124"/>
                    </a:lnTo>
                    <a:lnTo>
                      <a:pt x="518" y="1123"/>
                    </a:lnTo>
                    <a:lnTo>
                      <a:pt x="511" y="1120"/>
                    </a:lnTo>
                    <a:lnTo>
                      <a:pt x="502" y="1116"/>
                    </a:lnTo>
                    <a:lnTo>
                      <a:pt x="494" y="1111"/>
                    </a:lnTo>
                    <a:lnTo>
                      <a:pt x="485" y="1106"/>
                    </a:lnTo>
                    <a:lnTo>
                      <a:pt x="477" y="1099"/>
                    </a:lnTo>
                    <a:lnTo>
                      <a:pt x="469" y="1092"/>
                    </a:lnTo>
                    <a:lnTo>
                      <a:pt x="454" y="1076"/>
                    </a:lnTo>
                    <a:lnTo>
                      <a:pt x="439" y="1061"/>
                    </a:lnTo>
                    <a:lnTo>
                      <a:pt x="428" y="1045"/>
                    </a:lnTo>
                    <a:lnTo>
                      <a:pt x="417" y="1032"/>
                    </a:lnTo>
                    <a:lnTo>
                      <a:pt x="376" y="943"/>
                    </a:lnTo>
                    <a:lnTo>
                      <a:pt x="375" y="937"/>
                    </a:lnTo>
                    <a:lnTo>
                      <a:pt x="373" y="934"/>
                    </a:lnTo>
                    <a:lnTo>
                      <a:pt x="353" y="919"/>
                    </a:lnTo>
                    <a:lnTo>
                      <a:pt x="334" y="908"/>
                    </a:lnTo>
                    <a:lnTo>
                      <a:pt x="322" y="897"/>
                    </a:lnTo>
                    <a:lnTo>
                      <a:pt x="311" y="886"/>
                    </a:lnTo>
                    <a:lnTo>
                      <a:pt x="302" y="873"/>
                    </a:lnTo>
                    <a:lnTo>
                      <a:pt x="294" y="857"/>
                    </a:lnTo>
                    <a:lnTo>
                      <a:pt x="288" y="838"/>
                    </a:lnTo>
                    <a:lnTo>
                      <a:pt x="280" y="812"/>
                    </a:lnTo>
                    <a:lnTo>
                      <a:pt x="276" y="798"/>
                    </a:lnTo>
                    <a:lnTo>
                      <a:pt x="268" y="782"/>
                    </a:lnTo>
                    <a:lnTo>
                      <a:pt x="261" y="768"/>
                    </a:lnTo>
                    <a:lnTo>
                      <a:pt x="250" y="752"/>
                    </a:lnTo>
                    <a:lnTo>
                      <a:pt x="240" y="735"/>
                    </a:lnTo>
                    <a:lnTo>
                      <a:pt x="227" y="720"/>
                    </a:lnTo>
                    <a:lnTo>
                      <a:pt x="214" y="704"/>
                    </a:lnTo>
                    <a:lnTo>
                      <a:pt x="201" y="687"/>
                    </a:lnTo>
                    <a:lnTo>
                      <a:pt x="173" y="658"/>
                    </a:lnTo>
                    <a:lnTo>
                      <a:pt x="144" y="629"/>
                    </a:lnTo>
                    <a:lnTo>
                      <a:pt x="117" y="603"/>
                    </a:lnTo>
                    <a:lnTo>
                      <a:pt x="94" y="583"/>
                    </a:lnTo>
                    <a:lnTo>
                      <a:pt x="75" y="566"/>
                    </a:lnTo>
                    <a:lnTo>
                      <a:pt x="62" y="551"/>
                    </a:lnTo>
                    <a:lnTo>
                      <a:pt x="57" y="544"/>
                    </a:lnTo>
                    <a:lnTo>
                      <a:pt x="55" y="537"/>
                    </a:lnTo>
                    <a:lnTo>
                      <a:pt x="52" y="531"/>
                    </a:lnTo>
                    <a:lnTo>
                      <a:pt x="49" y="523"/>
                    </a:lnTo>
                    <a:lnTo>
                      <a:pt x="48" y="509"/>
                    </a:lnTo>
                    <a:lnTo>
                      <a:pt x="49" y="492"/>
                    </a:lnTo>
                    <a:lnTo>
                      <a:pt x="52" y="472"/>
                    </a:lnTo>
                    <a:lnTo>
                      <a:pt x="55" y="449"/>
                    </a:lnTo>
                    <a:lnTo>
                      <a:pt x="56" y="437"/>
                    </a:lnTo>
                    <a:lnTo>
                      <a:pt x="56" y="427"/>
                    </a:lnTo>
                    <a:lnTo>
                      <a:pt x="56" y="419"/>
                    </a:lnTo>
                    <a:lnTo>
                      <a:pt x="53" y="410"/>
                    </a:lnTo>
                    <a:lnTo>
                      <a:pt x="51" y="402"/>
                    </a:lnTo>
                    <a:lnTo>
                      <a:pt x="48" y="396"/>
                    </a:lnTo>
                    <a:lnTo>
                      <a:pt x="44" y="389"/>
                    </a:lnTo>
                    <a:lnTo>
                      <a:pt x="40" y="383"/>
                    </a:lnTo>
                    <a:lnTo>
                      <a:pt x="30" y="371"/>
                    </a:lnTo>
                    <a:lnTo>
                      <a:pt x="20" y="358"/>
                    </a:lnTo>
                    <a:lnTo>
                      <a:pt x="9" y="345"/>
                    </a:lnTo>
                    <a:lnTo>
                      <a:pt x="0" y="329"/>
                    </a:lnTo>
                    <a:lnTo>
                      <a:pt x="2" y="323"/>
                    </a:lnTo>
                    <a:lnTo>
                      <a:pt x="3" y="320"/>
                    </a:lnTo>
                    <a:lnTo>
                      <a:pt x="7" y="316"/>
                    </a:lnTo>
                    <a:lnTo>
                      <a:pt x="9" y="313"/>
                    </a:lnTo>
                    <a:lnTo>
                      <a:pt x="18" y="310"/>
                    </a:lnTo>
                    <a:lnTo>
                      <a:pt x="27" y="308"/>
                    </a:lnTo>
                    <a:lnTo>
                      <a:pt x="38" y="305"/>
                    </a:lnTo>
                    <a:lnTo>
                      <a:pt x="48" y="300"/>
                    </a:lnTo>
                    <a:lnTo>
                      <a:pt x="53" y="296"/>
                    </a:lnTo>
                    <a:lnTo>
                      <a:pt x="57" y="292"/>
                    </a:lnTo>
                    <a:lnTo>
                      <a:pt x="62" y="286"/>
                    </a:lnTo>
                    <a:lnTo>
                      <a:pt x="66" y="278"/>
                    </a:lnTo>
                    <a:lnTo>
                      <a:pt x="73" y="265"/>
                    </a:lnTo>
                    <a:lnTo>
                      <a:pt x="81" y="253"/>
                    </a:lnTo>
                    <a:lnTo>
                      <a:pt x="91" y="246"/>
                    </a:lnTo>
                    <a:lnTo>
                      <a:pt x="101" y="238"/>
                    </a:lnTo>
                    <a:lnTo>
                      <a:pt x="113" y="231"/>
                    </a:lnTo>
                    <a:lnTo>
                      <a:pt x="125" y="228"/>
                    </a:lnTo>
                    <a:lnTo>
                      <a:pt x="138" y="224"/>
                    </a:lnTo>
                    <a:lnTo>
                      <a:pt x="152" y="220"/>
                    </a:lnTo>
                    <a:lnTo>
                      <a:pt x="179" y="215"/>
                    </a:lnTo>
                    <a:lnTo>
                      <a:pt x="206" y="209"/>
                    </a:lnTo>
                    <a:lnTo>
                      <a:pt x="219" y="206"/>
                    </a:lnTo>
                    <a:lnTo>
                      <a:pt x="232" y="202"/>
                    </a:lnTo>
                    <a:lnTo>
                      <a:pt x="244" y="196"/>
                    </a:lnTo>
                    <a:lnTo>
                      <a:pt x="255" y="189"/>
                    </a:lnTo>
                    <a:lnTo>
                      <a:pt x="274" y="177"/>
                    </a:lnTo>
                    <a:lnTo>
                      <a:pt x="292" y="165"/>
                    </a:lnTo>
                    <a:lnTo>
                      <a:pt x="310" y="154"/>
                    </a:lnTo>
                    <a:lnTo>
                      <a:pt x="328" y="145"/>
                    </a:lnTo>
                    <a:lnTo>
                      <a:pt x="346" y="134"/>
                    </a:lnTo>
                    <a:lnTo>
                      <a:pt x="366" y="127"/>
                    </a:lnTo>
                    <a:lnTo>
                      <a:pt x="386" y="120"/>
                    </a:lnTo>
                    <a:lnTo>
                      <a:pt x="407" y="114"/>
                    </a:lnTo>
                    <a:lnTo>
                      <a:pt x="430" y="106"/>
                    </a:lnTo>
                    <a:lnTo>
                      <a:pt x="452" y="97"/>
                    </a:lnTo>
                    <a:lnTo>
                      <a:pt x="473" y="86"/>
                    </a:lnTo>
                    <a:lnTo>
                      <a:pt x="493" y="76"/>
                    </a:lnTo>
                    <a:lnTo>
                      <a:pt x="513" y="66"/>
                    </a:lnTo>
                    <a:lnTo>
                      <a:pt x="534" y="57"/>
                    </a:lnTo>
                    <a:lnTo>
                      <a:pt x="546" y="54"/>
                    </a:lnTo>
                    <a:lnTo>
                      <a:pt x="557" y="50"/>
                    </a:lnTo>
                    <a:lnTo>
                      <a:pt x="569" y="49"/>
                    </a:lnTo>
                    <a:lnTo>
                      <a:pt x="582" y="48"/>
                    </a:lnTo>
                    <a:lnTo>
                      <a:pt x="591" y="46"/>
                    </a:lnTo>
                    <a:lnTo>
                      <a:pt x="600" y="42"/>
                    </a:lnTo>
                    <a:lnTo>
                      <a:pt x="609" y="38"/>
                    </a:lnTo>
                    <a:lnTo>
                      <a:pt x="618" y="32"/>
                    </a:lnTo>
                    <a:lnTo>
                      <a:pt x="636" y="20"/>
                    </a:lnTo>
                    <a:lnTo>
                      <a:pt x="654" y="9"/>
                    </a:lnTo>
                    <a:lnTo>
                      <a:pt x="664" y="3"/>
                    </a:lnTo>
                    <a:lnTo>
                      <a:pt x="673" y="1"/>
                    </a:lnTo>
                    <a:lnTo>
                      <a:pt x="680" y="0"/>
                    </a:lnTo>
                    <a:lnTo>
                      <a:pt x="687" y="1"/>
                    </a:lnTo>
                    <a:lnTo>
                      <a:pt x="691" y="2"/>
                    </a:lnTo>
                    <a:lnTo>
                      <a:pt x="695" y="5"/>
                    </a:lnTo>
                    <a:lnTo>
                      <a:pt x="697" y="7"/>
                    </a:lnTo>
                    <a:lnTo>
                      <a:pt x="700" y="11"/>
                    </a:lnTo>
                    <a:lnTo>
                      <a:pt x="705" y="22"/>
                    </a:lnTo>
                    <a:lnTo>
                      <a:pt x="710" y="35"/>
                    </a:lnTo>
                    <a:lnTo>
                      <a:pt x="745" y="59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24" name="Freeform 143"/>
              <p:cNvSpPr>
                <a:spLocks/>
              </p:cNvSpPr>
              <p:nvPr/>
            </p:nvSpPr>
            <p:spPr bwMode="auto">
              <a:xfrm>
                <a:off x="7486483" y="3827690"/>
                <a:ext cx="892628" cy="512991"/>
              </a:xfrm>
              <a:custGeom>
                <a:avLst/>
                <a:gdLst/>
                <a:ahLst/>
                <a:cxnLst>
                  <a:cxn ang="0">
                    <a:pos x="797" y="88"/>
                  </a:cxn>
                  <a:cxn ang="0">
                    <a:pos x="863" y="67"/>
                  </a:cxn>
                  <a:cxn ang="0">
                    <a:pos x="917" y="59"/>
                  </a:cxn>
                  <a:cxn ang="0">
                    <a:pos x="947" y="94"/>
                  </a:cxn>
                  <a:cxn ang="0">
                    <a:pos x="1008" y="159"/>
                  </a:cxn>
                  <a:cxn ang="0">
                    <a:pos x="1165" y="221"/>
                  </a:cxn>
                  <a:cxn ang="0">
                    <a:pos x="1228" y="257"/>
                  </a:cxn>
                  <a:cxn ang="0">
                    <a:pos x="1202" y="320"/>
                  </a:cxn>
                  <a:cxn ang="0">
                    <a:pos x="1249" y="401"/>
                  </a:cxn>
                  <a:cxn ang="0">
                    <a:pos x="1314" y="475"/>
                  </a:cxn>
                  <a:cxn ang="0">
                    <a:pos x="1333" y="457"/>
                  </a:cxn>
                  <a:cxn ang="0">
                    <a:pos x="1359" y="432"/>
                  </a:cxn>
                  <a:cxn ang="0">
                    <a:pos x="1364" y="375"/>
                  </a:cxn>
                  <a:cxn ang="0">
                    <a:pos x="1389" y="345"/>
                  </a:cxn>
                  <a:cxn ang="0">
                    <a:pos x="1452" y="373"/>
                  </a:cxn>
                  <a:cxn ang="0">
                    <a:pos x="1583" y="378"/>
                  </a:cxn>
                  <a:cxn ang="0">
                    <a:pos x="1633" y="380"/>
                  </a:cxn>
                  <a:cxn ang="0">
                    <a:pos x="1625" y="423"/>
                  </a:cxn>
                  <a:cxn ang="0">
                    <a:pos x="1653" y="488"/>
                  </a:cxn>
                  <a:cxn ang="0">
                    <a:pos x="1688" y="511"/>
                  </a:cxn>
                  <a:cxn ang="0">
                    <a:pos x="1722" y="497"/>
                  </a:cxn>
                  <a:cxn ang="0">
                    <a:pos x="1769" y="542"/>
                  </a:cxn>
                  <a:cxn ang="0">
                    <a:pos x="1839" y="551"/>
                  </a:cxn>
                  <a:cxn ang="0">
                    <a:pos x="1879" y="576"/>
                  </a:cxn>
                  <a:cxn ang="0">
                    <a:pos x="1914" y="664"/>
                  </a:cxn>
                  <a:cxn ang="0">
                    <a:pos x="1818" y="814"/>
                  </a:cxn>
                  <a:cxn ang="0">
                    <a:pos x="1743" y="905"/>
                  </a:cxn>
                  <a:cxn ang="0">
                    <a:pos x="1673" y="993"/>
                  </a:cxn>
                  <a:cxn ang="0">
                    <a:pos x="1586" y="1032"/>
                  </a:cxn>
                  <a:cxn ang="0">
                    <a:pos x="1432" y="1048"/>
                  </a:cxn>
                  <a:cxn ang="0">
                    <a:pos x="1379" y="1081"/>
                  </a:cxn>
                  <a:cxn ang="0">
                    <a:pos x="1315" y="1107"/>
                  </a:cxn>
                  <a:cxn ang="0">
                    <a:pos x="1244" y="1067"/>
                  </a:cxn>
                  <a:cxn ang="0">
                    <a:pos x="1110" y="1058"/>
                  </a:cxn>
                  <a:cxn ang="0">
                    <a:pos x="1011" y="1059"/>
                  </a:cxn>
                  <a:cxn ang="0">
                    <a:pos x="859" y="959"/>
                  </a:cxn>
                  <a:cxn ang="0">
                    <a:pos x="767" y="930"/>
                  </a:cxn>
                  <a:cxn ang="0">
                    <a:pos x="739" y="967"/>
                  </a:cxn>
                  <a:cxn ang="0">
                    <a:pos x="718" y="1016"/>
                  </a:cxn>
                  <a:cxn ang="0">
                    <a:pos x="647" y="1054"/>
                  </a:cxn>
                  <a:cxn ang="0">
                    <a:pos x="557" y="1115"/>
                  </a:cxn>
                  <a:cxn ang="0">
                    <a:pos x="511" y="1120"/>
                  </a:cxn>
                  <a:cxn ang="0">
                    <a:pos x="454" y="1076"/>
                  </a:cxn>
                  <a:cxn ang="0">
                    <a:pos x="375" y="937"/>
                  </a:cxn>
                  <a:cxn ang="0">
                    <a:pos x="302" y="873"/>
                  </a:cxn>
                  <a:cxn ang="0">
                    <a:pos x="261" y="768"/>
                  </a:cxn>
                  <a:cxn ang="0">
                    <a:pos x="173" y="658"/>
                  </a:cxn>
                  <a:cxn ang="0">
                    <a:pos x="57" y="544"/>
                  </a:cxn>
                  <a:cxn ang="0">
                    <a:pos x="52" y="472"/>
                  </a:cxn>
                  <a:cxn ang="0">
                    <a:pos x="51" y="402"/>
                  </a:cxn>
                  <a:cxn ang="0">
                    <a:pos x="9" y="345"/>
                  </a:cxn>
                  <a:cxn ang="0">
                    <a:pos x="18" y="310"/>
                  </a:cxn>
                  <a:cxn ang="0">
                    <a:pos x="62" y="286"/>
                  </a:cxn>
                  <a:cxn ang="0">
                    <a:pos x="113" y="231"/>
                  </a:cxn>
                  <a:cxn ang="0">
                    <a:pos x="219" y="206"/>
                  </a:cxn>
                  <a:cxn ang="0">
                    <a:pos x="310" y="154"/>
                  </a:cxn>
                  <a:cxn ang="0">
                    <a:pos x="430" y="106"/>
                  </a:cxn>
                  <a:cxn ang="0">
                    <a:pos x="546" y="54"/>
                  </a:cxn>
                  <a:cxn ang="0">
                    <a:pos x="609" y="38"/>
                  </a:cxn>
                  <a:cxn ang="0">
                    <a:pos x="680" y="0"/>
                  </a:cxn>
                  <a:cxn ang="0">
                    <a:pos x="705" y="22"/>
                  </a:cxn>
                </a:cxnLst>
                <a:rect l="0" t="0" r="r" b="b"/>
                <a:pathLst>
                  <a:path w="1962" h="1137">
                    <a:moveTo>
                      <a:pt x="745" y="59"/>
                    </a:moveTo>
                    <a:lnTo>
                      <a:pt x="758" y="70"/>
                    </a:lnTo>
                    <a:lnTo>
                      <a:pt x="768" y="77"/>
                    </a:lnTo>
                    <a:lnTo>
                      <a:pt x="779" y="82"/>
                    </a:lnTo>
                    <a:lnTo>
                      <a:pt x="788" y="86"/>
                    </a:lnTo>
                    <a:lnTo>
                      <a:pt x="797" y="88"/>
                    </a:lnTo>
                    <a:lnTo>
                      <a:pt x="805" y="89"/>
                    </a:lnTo>
                    <a:lnTo>
                      <a:pt x="813" y="88"/>
                    </a:lnTo>
                    <a:lnTo>
                      <a:pt x="820" y="86"/>
                    </a:lnTo>
                    <a:lnTo>
                      <a:pt x="837" y="80"/>
                    </a:lnTo>
                    <a:lnTo>
                      <a:pt x="854" y="72"/>
                    </a:lnTo>
                    <a:lnTo>
                      <a:pt x="863" y="67"/>
                    </a:lnTo>
                    <a:lnTo>
                      <a:pt x="873" y="63"/>
                    </a:lnTo>
                    <a:lnTo>
                      <a:pt x="885" y="60"/>
                    </a:lnTo>
                    <a:lnTo>
                      <a:pt x="897" y="58"/>
                    </a:lnTo>
                    <a:lnTo>
                      <a:pt x="904" y="57"/>
                    </a:lnTo>
                    <a:lnTo>
                      <a:pt x="912" y="57"/>
                    </a:lnTo>
                    <a:lnTo>
                      <a:pt x="917" y="59"/>
                    </a:lnTo>
                    <a:lnTo>
                      <a:pt x="924" y="62"/>
                    </a:lnTo>
                    <a:lnTo>
                      <a:pt x="928" y="66"/>
                    </a:lnTo>
                    <a:lnTo>
                      <a:pt x="933" y="70"/>
                    </a:lnTo>
                    <a:lnTo>
                      <a:pt x="937" y="75"/>
                    </a:lnTo>
                    <a:lnTo>
                      <a:pt x="941" y="81"/>
                    </a:lnTo>
                    <a:lnTo>
                      <a:pt x="947" y="94"/>
                    </a:lnTo>
                    <a:lnTo>
                      <a:pt x="955" y="107"/>
                    </a:lnTo>
                    <a:lnTo>
                      <a:pt x="963" y="120"/>
                    </a:lnTo>
                    <a:lnTo>
                      <a:pt x="972" y="130"/>
                    </a:lnTo>
                    <a:lnTo>
                      <a:pt x="984" y="141"/>
                    </a:lnTo>
                    <a:lnTo>
                      <a:pt x="995" y="151"/>
                    </a:lnTo>
                    <a:lnTo>
                      <a:pt x="1008" y="159"/>
                    </a:lnTo>
                    <a:lnTo>
                      <a:pt x="1021" y="168"/>
                    </a:lnTo>
                    <a:lnTo>
                      <a:pt x="1048" y="182"/>
                    </a:lnTo>
                    <a:lnTo>
                      <a:pt x="1077" y="194"/>
                    </a:lnTo>
                    <a:lnTo>
                      <a:pt x="1107" y="204"/>
                    </a:lnTo>
                    <a:lnTo>
                      <a:pt x="1136" y="213"/>
                    </a:lnTo>
                    <a:lnTo>
                      <a:pt x="1165" y="221"/>
                    </a:lnTo>
                    <a:lnTo>
                      <a:pt x="1193" y="229"/>
                    </a:lnTo>
                    <a:lnTo>
                      <a:pt x="1206" y="233"/>
                    </a:lnTo>
                    <a:lnTo>
                      <a:pt x="1217" y="238"/>
                    </a:lnTo>
                    <a:lnTo>
                      <a:pt x="1223" y="244"/>
                    </a:lnTo>
                    <a:lnTo>
                      <a:pt x="1227" y="251"/>
                    </a:lnTo>
                    <a:lnTo>
                      <a:pt x="1228" y="257"/>
                    </a:lnTo>
                    <a:lnTo>
                      <a:pt x="1228" y="265"/>
                    </a:lnTo>
                    <a:lnTo>
                      <a:pt x="1227" y="273"/>
                    </a:lnTo>
                    <a:lnTo>
                      <a:pt x="1224" y="282"/>
                    </a:lnTo>
                    <a:lnTo>
                      <a:pt x="1215" y="298"/>
                    </a:lnTo>
                    <a:lnTo>
                      <a:pt x="1206" y="313"/>
                    </a:lnTo>
                    <a:lnTo>
                      <a:pt x="1202" y="320"/>
                    </a:lnTo>
                    <a:lnTo>
                      <a:pt x="1200" y="326"/>
                    </a:lnTo>
                    <a:lnTo>
                      <a:pt x="1197" y="331"/>
                    </a:lnTo>
                    <a:lnTo>
                      <a:pt x="1196" y="336"/>
                    </a:lnTo>
                    <a:lnTo>
                      <a:pt x="1205" y="351"/>
                    </a:lnTo>
                    <a:lnTo>
                      <a:pt x="1227" y="375"/>
                    </a:lnTo>
                    <a:lnTo>
                      <a:pt x="1249" y="401"/>
                    </a:lnTo>
                    <a:lnTo>
                      <a:pt x="1265" y="422"/>
                    </a:lnTo>
                    <a:lnTo>
                      <a:pt x="1274" y="436"/>
                    </a:lnTo>
                    <a:lnTo>
                      <a:pt x="1291" y="457"/>
                    </a:lnTo>
                    <a:lnTo>
                      <a:pt x="1300" y="466"/>
                    </a:lnTo>
                    <a:lnTo>
                      <a:pt x="1310" y="474"/>
                    </a:lnTo>
                    <a:lnTo>
                      <a:pt x="1314" y="475"/>
                    </a:lnTo>
                    <a:lnTo>
                      <a:pt x="1318" y="476"/>
                    </a:lnTo>
                    <a:lnTo>
                      <a:pt x="1322" y="476"/>
                    </a:lnTo>
                    <a:lnTo>
                      <a:pt x="1324" y="474"/>
                    </a:lnTo>
                    <a:lnTo>
                      <a:pt x="1329" y="469"/>
                    </a:lnTo>
                    <a:lnTo>
                      <a:pt x="1332" y="463"/>
                    </a:lnTo>
                    <a:lnTo>
                      <a:pt x="1333" y="457"/>
                    </a:lnTo>
                    <a:lnTo>
                      <a:pt x="1335" y="452"/>
                    </a:lnTo>
                    <a:lnTo>
                      <a:pt x="1337" y="446"/>
                    </a:lnTo>
                    <a:lnTo>
                      <a:pt x="1340" y="441"/>
                    </a:lnTo>
                    <a:lnTo>
                      <a:pt x="1345" y="437"/>
                    </a:lnTo>
                    <a:lnTo>
                      <a:pt x="1354" y="435"/>
                    </a:lnTo>
                    <a:lnTo>
                      <a:pt x="1359" y="432"/>
                    </a:lnTo>
                    <a:lnTo>
                      <a:pt x="1362" y="430"/>
                    </a:lnTo>
                    <a:lnTo>
                      <a:pt x="1364" y="424"/>
                    </a:lnTo>
                    <a:lnTo>
                      <a:pt x="1364" y="419"/>
                    </a:lnTo>
                    <a:lnTo>
                      <a:pt x="1366" y="405"/>
                    </a:lnTo>
                    <a:lnTo>
                      <a:pt x="1364" y="391"/>
                    </a:lnTo>
                    <a:lnTo>
                      <a:pt x="1364" y="375"/>
                    </a:lnTo>
                    <a:lnTo>
                      <a:pt x="1366" y="362"/>
                    </a:lnTo>
                    <a:lnTo>
                      <a:pt x="1367" y="356"/>
                    </a:lnTo>
                    <a:lnTo>
                      <a:pt x="1371" y="352"/>
                    </a:lnTo>
                    <a:lnTo>
                      <a:pt x="1376" y="348"/>
                    </a:lnTo>
                    <a:lnTo>
                      <a:pt x="1381" y="345"/>
                    </a:lnTo>
                    <a:lnTo>
                      <a:pt x="1389" y="345"/>
                    </a:lnTo>
                    <a:lnTo>
                      <a:pt x="1395" y="345"/>
                    </a:lnTo>
                    <a:lnTo>
                      <a:pt x="1403" y="347"/>
                    </a:lnTo>
                    <a:lnTo>
                      <a:pt x="1410" y="349"/>
                    </a:lnTo>
                    <a:lnTo>
                      <a:pt x="1424" y="356"/>
                    </a:lnTo>
                    <a:lnTo>
                      <a:pt x="1438" y="364"/>
                    </a:lnTo>
                    <a:lnTo>
                      <a:pt x="1452" y="373"/>
                    </a:lnTo>
                    <a:lnTo>
                      <a:pt x="1467" y="380"/>
                    </a:lnTo>
                    <a:lnTo>
                      <a:pt x="1481" y="387"/>
                    </a:lnTo>
                    <a:lnTo>
                      <a:pt x="1494" y="391"/>
                    </a:lnTo>
                    <a:lnTo>
                      <a:pt x="1524" y="387"/>
                    </a:lnTo>
                    <a:lnTo>
                      <a:pt x="1554" y="383"/>
                    </a:lnTo>
                    <a:lnTo>
                      <a:pt x="1583" y="378"/>
                    </a:lnTo>
                    <a:lnTo>
                      <a:pt x="1612" y="375"/>
                    </a:lnTo>
                    <a:lnTo>
                      <a:pt x="1618" y="375"/>
                    </a:lnTo>
                    <a:lnTo>
                      <a:pt x="1623" y="375"/>
                    </a:lnTo>
                    <a:lnTo>
                      <a:pt x="1627" y="377"/>
                    </a:lnTo>
                    <a:lnTo>
                      <a:pt x="1630" y="378"/>
                    </a:lnTo>
                    <a:lnTo>
                      <a:pt x="1633" y="380"/>
                    </a:lnTo>
                    <a:lnTo>
                      <a:pt x="1634" y="383"/>
                    </a:lnTo>
                    <a:lnTo>
                      <a:pt x="1634" y="386"/>
                    </a:lnTo>
                    <a:lnTo>
                      <a:pt x="1634" y="388"/>
                    </a:lnTo>
                    <a:lnTo>
                      <a:pt x="1629" y="402"/>
                    </a:lnTo>
                    <a:lnTo>
                      <a:pt x="1625" y="419"/>
                    </a:lnTo>
                    <a:lnTo>
                      <a:pt x="1625" y="423"/>
                    </a:lnTo>
                    <a:lnTo>
                      <a:pt x="1625" y="430"/>
                    </a:lnTo>
                    <a:lnTo>
                      <a:pt x="1627" y="437"/>
                    </a:lnTo>
                    <a:lnTo>
                      <a:pt x="1630" y="445"/>
                    </a:lnTo>
                    <a:lnTo>
                      <a:pt x="1638" y="462"/>
                    </a:lnTo>
                    <a:lnTo>
                      <a:pt x="1648" y="480"/>
                    </a:lnTo>
                    <a:lnTo>
                      <a:pt x="1653" y="488"/>
                    </a:lnTo>
                    <a:lnTo>
                      <a:pt x="1660" y="494"/>
                    </a:lnTo>
                    <a:lnTo>
                      <a:pt x="1665" y="501"/>
                    </a:lnTo>
                    <a:lnTo>
                      <a:pt x="1671" y="506"/>
                    </a:lnTo>
                    <a:lnTo>
                      <a:pt x="1678" y="509"/>
                    </a:lnTo>
                    <a:lnTo>
                      <a:pt x="1683" y="511"/>
                    </a:lnTo>
                    <a:lnTo>
                      <a:pt x="1688" y="511"/>
                    </a:lnTo>
                    <a:lnTo>
                      <a:pt x="1693" y="509"/>
                    </a:lnTo>
                    <a:lnTo>
                      <a:pt x="1701" y="503"/>
                    </a:lnTo>
                    <a:lnTo>
                      <a:pt x="1708" y="500"/>
                    </a:lnTo>
                    <a:lnTo>
                      <a:pt x="1713" y="498"/>
                    </a:lnTo>
                    <a:lnTo>
                      <a:pt x="1718" y="497"/>
                    </a:lnTo>
                    <a:lnTo>
                      <a:pt x="1722" y="497"/>
                    </a:lnTo>
                    <a:lnTo>
                      <a:pt x="1727" y="498"/>
                    </a:lnTo>
                    <a:lnTo>
                      <a:pt x="1730" y="501"/>
                    </a:lnTo>
                    <a:lnTo>
                      <a:pt x="1734" y="505"/>
                    </a:lnTo>
                    <a:lnTo>
                      <a:pt x="1745" y="520"/>
                    </a:lnTo>
                    <a:lnTo>
                      <a:pt x="1761" y="538"/>
                    </a:lnTo>
                    <a:lnTo>
                      <a:pt x="1769" y="542"/>
                    </a:lnTo>
                    <a:lnTo>
                      <a:pt x="1776" y="546"/>
                    </a:lnTo>
                    <a:lnTo>
                      <a:pt x="1784" y="549"/>
                    </a:lnTo>
                    <a:lnTo>
                      <a:pt x="1793" y="550"/>
                    </a:lnTo>
                    <a:lnTo>
                      <a:pt x="1811" y="551"/>
                    </a:lnTo>
                    <a:lnTo>
                      <a:pt x="1829" y="551"/>
                    </a:lnTo>
                    <a:lnTo>
                      <a:pt x="1839" y="551"/>
                    </a:lnTo>
                    <a:lnTo>
                      <a:pt x="1848" y="553"/>
                    </a:lnTo>
                    <a:lnTo>
                      <a:pt x="1855" y="555"/>
                    </a:lnTo>
                    <a:lnTo>
                      <a:pt x="1862" y="558"/>
                    </a:lnTo>
                    <a:lnTo>
                      <a:pt x="1868" y="563"/>
                    </a:lnTo>
                    <a:lnTo>
                      <a:pt x="1874" y="568"/>
                    </a:lnTo>
                    <a:lnTo>
                      <a:pt x="1879" y="576"/>
                    </a:lnTo>
                    <a:lnTo>
                      <a:pt x="1881" y="585"/>
                    </a:lnTo>
                    <a:lnTo>
                      <a:pt x="1885" y="598"/>
                    </a:lnTo>
                    <a:lnTo>
                      <a:pt x="1890" y="614"/>
                    </a:lnTo>
                    <a:lnTo>
                      <a:pt x="1897" y="630"/>
                    </a:lnTo>
                    <a:lnTo>
                      <a:pt x="1905" y="649"/>
                    </a:lnTo>
                    <a:lnTo>
                      <a:pt x="1914" y="664"/>
                    </a:lnTo>
                    <a:lnTo>
                      <a:pt x="1923" y="680"/>
                    </a:lnTo>
                    <a:lnTo>
                      <a:pt x="1933" y="693"/>
                    </a:lnTo>
                    <a:lnTo>
                      <a:pt x="1943" y="702"/>
                    </a:lnTo>
                    <a:lnTo>
                      <a:pt x="1962" y="750"/>
                    </a:lnTo>
                    <a:lnTo>
                      <a:pt x="1962" y="750"/>
                    </a:lnTo>
                    <a:lnTo>
                      <a:pt x="1818" y="814"/>
                    </a:lnTo>
                    <a:lnTo>
                      <a:pt x="1805" y="825"/>
                    </a:lnTo>
                    <a:lnTo>
                      <a:pt x="1793" y="835"/>
                    </a:lnTo>
                    <a:lnTo>
                      <a:pt x="1784" y="845"/>
                    </a:lnTo>
                    <a:lnTo>
                      <a:pt x="1774" y="857"/>
                    </a:lnTo>
                    <a:lnTo>
                      <a:pt x="1758" y="880"/>
                    </a:lnTo>
                    <a:lnTo>
                      <a:pt x="1743" y="905"/>
                    </a:lnTo>
                    <a:lnTo>
                      <a:pt x="1728" y="930"/>
                    </a:lnTo>
                    <a:lnTo>
                      <a:pt x="1713" y="953"/>
                    </a:lnTo>
                    <a:lnTo>
                      <a:pt x="1704" y="963"/>
                    </a:lnTo>
                    <a:lnTo>
                      <a:pt x="1695" y="974"/>
                    </a:lnTo>
                    <a:lnTo>
                      <a:pt x="1684" y="984"/>
                    </a:lnTo>
                    <a:lnTo>
                      <a:pt x="1673" y="993"/>
                    </a:lnTo>
                    <a:lnTo>
                      <a:pt x="1657" y="1002"/>
                    </a:lnTo>
                    <a:lnTo>
                      <a:pt x="1643" y="1011"/>
                    </a:lnTo>
                    <a:lnTo>
                      <a:pt x="1629" y="1018"/>
                    </a:lnTo>
                    <a:lnTo>
                      <a:pt x="1614" y="1024"/>
                    </a:lnTo>
                    <a:lnTo>
                      <a:pt x="1600" y="1028"/>
                    </a:lnTo>
                    <a:lnTo>
                      <a:pt x="1586" y="1032"/>
                    </a:lnTo>
                    <a:lnTo>
                      <a:pt x="1570" y="1036"/>
                    </a:lnTo>
                    <a:lnTo>
                      <a:pt x="1556" y="1038"/>
                    </a:lnTo>
                    <a:lnTo>
                      <a:pt x="1526" y="1041"/>
                    </a:lnTo>
                    <a:lnTo>
                      <a:pt x="1495" y="1044"/>
                    </a:lnTo>
                    <a:lnTo>
                      <a:pt x="1464" y="1045"/>
                    </a:lnTo>
                    <a:lnTo>
                      <a:pt x="1432" y="1048"/>
                    </a:lnTo>
                    <a:lnTo>
                      <a:pt x="1424" y="1049"/>
                    </a:lnTo>
                    <a:lnTo>
                      <a:pt x="1416" y="1051"/>
                    </a:lnTo>
                    <a:lnTo>
                      <a:pt x="1410" y="1055"/>
                    </a:lnTo>
                    <a:lnTo>
                      <a:pt x="1403" y="1059"/>
                    </a:lnTo>
                    <a:lnTo>
                      <a:pt x="1390" y="1070"/>
                    </a:lnTo>
                    <a:lnTo>
                      <a:pt x="1379" y="1081"/>
                    </a:lnTo>
                    <a:lnTo>
                      <a:pt x="1359" y="1110"/>
                    </a:lnTo>
                    <a:lnTo>
                      <a:pt x="1341" y="1137"/>
                    </a:lnTo>
                    <a:lnTo>
                      <a:pt x="1341" y="1137"/>
                    </a:lnTo>
                    <a:lnTo>
                      <a:pt x="1331" y="1124"/>
                    </a:lnTo>
                    <a:lnTo>
                      <a:pt x="1320" y="1112"/>
                    </a:lnTo>
                    <a:lnTo>
                      <a:pt x="1315" y="1107"/>
                    </a:lnTo>
                    <a:lnTo>
                      <a:pt x="1310" y="1101"/>
                    </a:lnTo>
                    <a:lnTo>
                      <a:pt x="1304" y="1095"/>
                    </a:lnTo>
                    <a:lnTo>
                      <a:pt x="1297" y="1090"/>
                    </a:lnTo>
                    <a:lnTo>
                      <a:pt x="1280" y="1081"/>
                    </a:lnTo>
                    <a:lnTo>
                      <a:pt x="1262" y="1073"/>
                    </a:lnTo>
                    <a:lnTo>
                      <a:pt x="1244" y="1067"/>
                    </a:lnTo>
                    <a:lnTo>
                      <a:pt x="1224" y="1063"/>
                    </a:lnTo>
                    <a:lnTo>
                      <a:pt x="1202" y="1059"/>
                    </a:lnTo>
                    <a:lnTo>
                      <a:pt x="1180" y="1057"/>
                    </a:lnTo>
                    <a:lnTo>
                      <a:pt x="1157" y="1055"/>
                    </a:lnTo>
                    <a:lnTo>
                      <a:pt x="1134" y="1057"/>
                    </a:lnTo>
                    <a:lnTo>
                      <a:pt x="1110" y="1058"/>
                    </a:lnTo>
                    <a:lnTo>
                      <a:pt x="1087" y="1061"/>
                    </a:lnTo>
                    <a:lnTo>
                      <a:pt x="1065" y="1064"/>
                    </a:lnTo>
                    <a:lnTo>
                      <a:pt x="1043" y="1067"/>
                    </a:lnTo>
                    <a:lnTo>
                      <a:pt x="1031" y="1066"/>
                    </a:lnTo>
                    <a:lnTo>
                      <a:pt x="1021" y="1063"/>
                    </a:lnTo>
                    <a:lnTo>
                      <a:pt x="1011" y="1059"/>
                    </a:lnTo>
                    <a:lnTo>
                      <a:pt x="1000" y="1055"/>
                    </a:lnTo>
                    <a:lnTo>
                      <a:pt x="981" y="1046"/>
                    </a:lnTo>
                    <a:lnTo>
                      <a:pt x="961" y="1035"/>
                    </a:lnTo>
                    <a:lnTo>
                      <a:pt x="925" y="1007"/>
                    </a:lnTo>
                    <a:lnTo>
                      <a:pt x="889" y="981"/>
                    </a:lnTo>
                    <a:lnTo>
                      <a:pt x="859" y="959"/>
                    </a:lnTo>
                    <a:lnTo>
                      <a:pt x="837" y="944"/>
                    </a:lnTo>
                    <a:lnTo>
                      <a:pt x="825" y="939"/>
                    </a:lnTo>
                    <a:lnTo>
                      <a:pt x="811" y="935"/>
                    </a:lnTo>
                    <a:lnTo>
                      <a:pt x="794" y="932"/>
                    </a:lnTo>
                    <a:lnTo>
                      <a:pt x="772" y="930"/>
                    </a:lnTo>
                    <a:lnTo>
                      <a:pt x="767" y="930"/>
                    </a:lnTo>
                    <a:lnTo>
                      <a:pt x="763" y="931"/>
                    </a:lnTo>
                    <a:lnTo>
                      <a:pt x="759" y="932"/>
                    </a:lnTo>
                    <a:lnTo>
                      <a:pt x="756" y="935"/>
                    </a:lnTo>
                    <a:lnTo>
                      <a:pt x="749" y="941"/>
                    </a:lnTo>
                    <a:lnTo>
                      <a:pt x="745" y="949"/>
                    </a:lnTo>
                    <a:lnTo>
                      <a:pt x="739" y="967"/>
                    </a:lnTo>
                    <a:lnTo>
                      <a:pt x="735" y="985"/>
                    </a:lnTo>
                    <a:lnTo>
                      <a:pt x="733" y="991"/>
                    </a:lnTo>
                    <a:lnTo>
                      <a:pt x="731" y="997"/>
                    </a:lnTo>
                    <a:lnTo>
                      <a:pt x="728" y="1002"/>
                    </a:lnTo>
                    <a:lnTo>
                      <a:pt x="726" y="1007"/>
                    </a:lnTo>
                    <a:lnTo>
                      <a:pt x="718" y="1016"/>
                    </a:lnTo>
                    <a:lnTo>
                      <a:pt x="709" y="1024"/>
                    </a:lnTo>
                    <a:lnTo>
                      <a:pt x="699" y="1031"/>
                    </a:lnTo>
                    <a:lnTo>
                      <a:pt x="687" y="1037"/>
                    </a:lnTo>
                    <a:lnTo>
                      <a:pt x="675" y="1042"/>
                    </a:lnTo>
                    <a:lnTo>
                      <a:pt x="662" y="1046"/>
                    </a:lnTo>
                    <a:lnTo>
                      <a:pt x="647" y="1054"/>
                    </a:lnTo>
                    <a:lnTo>
                      <a:pt x="630" y="1064"/>
                    </a:lnTo>
                    <a:lnTo>
                      <a:pt x="614" y="1076"/>
                    </a:lnTo>
                    <a:lnTo>
                      <a:pt x="597" y="1089"/>
                    </a:lnTo>
                    <a:lnTo>
                      <a:pt x="581" y="1101"/>
                    </a:lnTo>
                    <a:lnTo>
                      <a:pt x="565" y="1111"/>
                    </a:lnTo>
                    <a:lnTo>
                      <a:pt x="557" y="1115"/>
                    </a:lnTo>
                    <a:lnTo>
                      <a:pt x="550" y="1119"/>
                    </a:lnTo>
                    <a:lnTo>
                      <a:pt x="542" y="1121"/>
                    </a:lnTo>
                    <a:lnTo>
                      <a:pt x="535" y="1123"/>
                    </a:lnTo>
                    <a:lnTo>
                      <a:pt x="528" y="1124"/>
                    </a:lnTo>
                    <a:lnTo>
                      <a:pt x="518" y="1123"/>
                    </a:lnTo>
                    <a:lnTo>
                      <a:pt x="511" y="1120"/>
                    </a:lnTo>
                    <a:lnTo>
                      <a:pt x="502" y="1116"/>
                    </a:lnTo>
                    <a:lnTo>
                      <a:pt x="494" y="1111"/>
                    </a:lnTo>
                    <a:lnTo>
                      <a:pt x="485" y="1106"/>
                    </a:lnTo>
                    <a:lnTo>
                      <a:pt x="477" y="1099"/>
                    </a:lnTo>
                    <a:lnTo>
                      <a:pt x="469" y="1092"/>
                    </a:lnTo>
                    <a:lnTo>
                      <a:pt x="454" y="1076"/>
                    </a:lnTo>
                    <a:lnTo>
                      <a:pt x="439" y="1061"/>
                    </a:lnTo>
                    <a:lnTo>
                      <a:pt x="428" y="1045"/>
                    </a:lnTo>
                    <a:lnTo>
                      <a:pt x="417" y="1032"/>
                    </a:lnTo>
                    <a:lnTo>
                      <a:pt x="417" y="1032"/>
                    </a:lnTo>
                    <a:lnTo>
                      <a:pt x="376" y="943"/>
                    </a:lnTo>
                    <a:lnTo>
                      <a:pt x="375" y="937"/>
                    </a:lnTo>
                    <a:lnTo>
                      <a:pt x="373" y="934"/>
                    </a:lnTo>
                    <a:lnTo>
                      <a:pt x="353" y="919"/>
                    </a:lnTo>
                    <a:lnTo>
                      <a:pt x="334" y="908"/>
                    </a:lnTo>
                    <a:lnTo>
                      <a:pt x="322" y="897"/>
                    </a:lnTo>
                    <a:lnTo>
                      <a:pt x="311" y="886"/>
                    </a:lnTo>
                    <a:lnTo>
                      <a:pt x="302" y="873"/>
                    </a:lnTo>
                    <a:lnTo>
                      <a:pt x="294" y="857"/>
                    </a:lnTo>
                    <a:lnTo>
                      <a:pt x="288" y="838"/>
                    </a:lnTo>
                    <a:lnTo>
                      <a:pt x="280" y="812"/>
                    </a:lnTo>
                    <a:lnTo>
                      <a:pt x="276" y="798"/>
                    </a:lnTo>
                    <a:lnTo>
                      <a:pt x="268" y="782"/>
                    </a:lnTo>
                    <a:lnTo>
                      <a:pt x="261" y="768"/>
                    </a:lnTo>
                    <a:lnTo>
                      <a:pt x="250" y="752"/>
                    </a:lnTo>
                    <a:lnTo>
                      <a:pt x="240" y="735"/>
                    </a:lnTo>
                    <a:lnTo>
                      <a:pt x="227" y="720"/>
                    </a:lnTo>
                    <a:lnTo>
                      <a:pt x="214" y="704"/>
                    </a:lnTo>
                    <a:lnTo>
                      <a:pt x="201" y="687"/>
                    </a:lnTo>
                    <a:lnTo>
                      <a:pt x="173" y="658"/>
                    </a:lnTo>
                    <a:lnTo>
                      <a:pt x="144" y="629"/>
                    </a:lnTo>
                    <a:lnTo>
                      <a:pt x="117" y="603"/>
                    </a:lnTo>
                    <a:lnTo>
                      <a:pt x="94" y="583"/>
                    </a:lnTo>
                    <a:lnTo>
                      <a:pt x="75" y="566"/>
                    </a:lnTo>
                    <a:lnTo>
                      <a:pt x="62" y="551"/>
                    </a:lnTo>
                    <a:lnTo>
                      <a:pt x="57" y="544"/>
                    </a:lnTo>
                    <a:lnTo>
                      <a:pt x="55" y="537"/>
                    </a:lnTo>
                    <a:lnTo>
                      <a:pt x="52" y="531"/>
                    </a:lnTo>
                    <a:lnTo>
                      <a:pt x="49" y="523"/>
                    </a:lnTo>
                    <a:lnTo>
                      <a:pt x="48" y="509"/>
                    </a:lnTo>
                    <a:lnTo>
                      <a:pt x="49" y="492"/>
                    </a:lnTo>
                    <a:lnTo>
                      <a:pt x="52" y="472"/>
                    </a:lnTo>
                    <a:lnTo>
                      <a:pt x="55" y="449"/>
                    </a:lnTo>
                    <a:lnTo>
                      <a:pt x="56" y="437"/>
                    </a:lnTo>
                    <a:lnTo>
                      <a:pt x="56" y="427"/>
                    </a:lnTo>
                    <a:lnTo>
                      <a:pt x="56" y="419"/>
                    </a:lnTo>
                    <a:lnTo>
                      <a:pt x="53" y="410"/>
                    </a:lnTo>
                    <a:lnTo>
                      <a:pt x="51" y="402"/>
                    </a:lnTo>
                    <a:lnTo>
                      <a:pt x="48" y="396"/>
                    </a:lnTo>
                    <a:lnTo>
                      <a:pt x="44" y="389"/>
                    </a:lnTo>
                    <a:lnTo>
                      <a:pt x="40" y="383"/>
                    </a:lnTo>
                    <a:lnTo>
                      <a:pt x="30" y="371"/>
                    </a:lnTo>
                    <a:lnTo>
                      <a:pt x="20" y="358"/>
                    </a:lnTo>
                    <a:lnTo>
                      <a:pt x="9" y="345"/>
                    </a:lnTo>
                    <a:lnTo>
                      <a:pt x="0" y="329"/>
                    </a:lnTo>
                    <a:lnTo>
                      <a:pt x="2" y="323"/>
                    </a:lnTo>
                    <a:lnTo>
                      <a:pt x="3" y="320"/>
                    </a:lnTo>
                    <a:lnTo>
                      <a:pt x="7" y="316"/>
                    </a:lnTo>
                    <a:lnTo>
                      <a:pt x="9" y="313"/>
                    </a:lnTo>
                    <a:lnTo>
                      <a:pt x="18" y="310"/>
                    </a:lnTo>
                    <a:lnTo>
                      <a:pt x="27" y="308"/>
                    </a:lnTo>
                    <a:lnTo>
                      <a:pt x="38" y="305"/>
                    </a:lnTo>
                    <a:lnTo>
                      <a:pt x="48" y="300"/>
                    </a:lnTo>
                    <a:lnTo>
                      <a:pt x="53" y="296"/>
                    </a:lnTo>
                    <a:lnTo>
                      <a:pt x="57" y="292"/>
                    </a:lnTo>
                    <a:lnTo>
                      <a:pt x="62" y="286"/>
                    </a:lnTo>
                    <a:lnTo>
                      <a:pt x="66" y="278"/>
                    </a:lnTo>
                    <a:lnTo>
                      <a:pt x="73" y="265"/>
                    </a:lnTo>
                    <a:lnTo>
                      <a:pt x="81" y="253"/>
                    </a:lnTo>
                    <a:lnTo>
                      <a:pt x="91" y="246"/>
                    </a:lnTo>
                    <a:lnTo>
                      <a:pt x="101" y="238"/>
                    </a:lnTo>
                    <a:lnTo>
                      <a:pt x="113" y="231"/>
                    </a:lnTo>
                    <a:lnTo>
                      <a:pt x="125" y="228"/>
                    </a:lnTo>
                    <a:lnTo>
                      <a:pt x="138" y="224"/>
                    </a:lnTo>
                    <a:lnTo>
                      <a:pt x="152" y="220"/>
                    </a:lnTo>
                    <a:lnTo>
                      <a:pt x="179" y="215"/>
                    </a:lnTo>
                    <a:lnTo>
                      <a:pt x="206" y="209"/>
                    </a:lnTo>
                    <a:lnTo>
                      <a:pt x="219" y="206"/>
                    </a:lnTo>
                    <a:lnTo>
                      <a:pt x="232" y="202"/>
                    </a:lnTo>
                    <a:lnTo>
                      <a:pt x="244" y="196"/>
                    </a:lnTo>
                    <a:lnTo>
                      <a:pt x="255" y="189"/>
                    </a:lnTo>
                    <a:lnTo>
                      <a:pt x="274" y="177"/>
                    </a:lnTo>
                    <a:lnTo>
                      <a:pt x="292" y="165"/>
                    </a:lnTo>
                    <a:lnTo>
                      <a:pt x="310" y="154"/>
                    </a:lnTo>
                    <a:lnTo>
                      <a:pt x="328" y="145"/>
                    </a:lnTo>
                    <a:lnTo>
                      <a:pt x="346" y="134"/>
                    </a:lnTo>
                    <a:lnTo>
                      <a:pt x="366" y="127"/>
                    </a:lnTo>
                    <a:lnTo>
                      <a:pt x="386" y="120"/>
                    </a:lnTo>
                    <a:lnTo>
                      <a:pt x="407" y="114"/>
                    </a:lnTo>
                    <a:lnTo>
                      <a:pt x="430" y="106"/>
                    </a:lnTo>
                    <a:lnTo>
                      <a:pt x="452" y="97"/>
                    </a:lnTo>
                    <a:lnTo>
                      <a:pt x="473" y="86"/>
                    </a:lnTo>
                    <a:lnTo>
                      <a:pt x="493" y="76"/>
                    </a:lnTo>
                    <a:lnTo>
                      <a:pt x="513" y="66"/>
                    </a:lnTo>
                    <a:lnTo>
                      <a:pt x="534" y="57"/>
                    </a:lnTo>
                    <a:lnTo>
                      <a:pt x="546" y="54"/>
                    </a:lnTo>
                    <a:lnTo>
                      <a:pt x="557" y="50"/>
                    </a:lnTo>
                    <a:lnTo>
                      <a:pt x="569" y="49"/>
                    </a:lnTo>
                    <a:lnTo>
                      <a:pt x="582" y="48"/>
                    </a:lnTo>
                    <a:lnTo>
                      <a:pt x="591" y="46"/>
                    </a:lnTo>
                    <a:lnTo>
                      <a:pt x="600" y="42"/>
                    </a:lnTo>
                    <a:lnTo>
                      <a:pt x="609" y="38"/>
                    </a:lnTo>
                    <a:lnTo>
                      <a:pt x="618" y="32"/>
                    </a:lnTo>
                    <a:lnTo>
                      <a:pt x="636" y="20"/>
                    </a:lnTo>
                    <a:lnTo>
                      <a:pt x="654" y="9"/>
                    </a:lnTo>
                    <a:lnTo>
                      <a:pt x="664" y="3"/>
                    </a:lnTo>
                    <a:lnTo>
                      <a:pt x="673" y="1"/>
                    </a:lnTo>
                    <a:lnTo>
                      <a:pt x="680" y="0"/>
                    </a:lnTo>
                    <a:lnTo>
                      <a:pt x="687" y="1"/>
                    </a:lnTo>
                    <a:lnTo>
                      <a:pt x="691" y="2"/>
                    </a:lnTo>
                    <a:lnTo>
                      <a:pt x="695" y="5"/>
                    </a:lnTo>
                    <a:lnTo>
                      <a:pt x="697" y="7"/>
                    </a:lnTo>
                    <a:lnTo>
                      <a:pt x="700" y="11"/>
                    </a:lnTo>
                    <a:lnTo>
                      <a:pt x="705" y="22"/>
                    </a:lnTo>
                    <a:lnTo>
                      <a:pt x="710" y="35"/>
                    </a:lnTo>
                    <a:lnTo>
                      <a:pt x="745" y="59"/>
                    </a:lnTo>
                    <a:lnTo>
                      <a:pt x="745" y="59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25" name="Freeform 144"/>
              <p:cNvSpPr>
                <a:spLocks/>
              </p:cNvSpPr>
              <p:nvPr/>
            </p:nvSpPr>
            <p:spPr bwMode="auto">
              <a:xfrm>
                <a:off x="7991092" y="4351518"/>
                <a:ext cx="954566" cy="610531"/>
              </a:xfrm>
              <a:custGeom>
                <a:avLst/>
                <a:gdLst/>
                <a:ahLst/>
                <a:cxnLst>
                  <a:cxn ang="0">
                    <a:pos x="584" y="437"/>
                  </a:cxn>
                  <a:cxn ang="0">
                    <a:pos x="737" y="423"/>
                  </a:cxn>
                  <a:cxn ang="0">
                    <a:pos x="831" y="415"/>
                  </a:cxn>
                  <a:cxn ang="0">
                    <a:pos x="828" y="328"/>
                  </a:cxn>
                  <a:cxn ang="0">
                    <a:pos x="843" y="218"/>
                  </a:cxn>
                  <a:cxn ang="0">
                    <a:pos x="868" y="196"/>
                  </a:cxn>
                  <a:cxn ang="0">
                    <a:pos x="931" y="215"/>
                  </a:cxn>
                  <a:cxn ang="0">
                    <a:pos x="1047" y="191"/>
                  </a:cxn>
                  <a:cxn ang="0">
                    <a:pos x="1088" y="147"/>
                  </a:cxn>
                  <a:cxn ang="0">
                    <a:pos x="1118" y="132"/>
                  </a:cxn>
                  <a:cxn ang="0">
                    <a:pos x="1185" y="158"/>
                  </a:cxn>
                  <a:cxn ang="0">
                    <a:pos x="1245" y="153"/>
                  </a:cxn>
                  <a:cxn ang="0">
                    <a:pos x="1320" y="75"/>
                  </a:cxn>
                  <a:cxn ang="0">
                    <a:pos x="1389" y="13"/>
                  </a:cxn>
                  <a:cxn ang="0">
                    <a:pos x="1509" y="9"/>
                  </a:cxn>
                  <a:cxn ang="0">
                    <a:pos x="1627" y="0"/>
                  </a:cxn>
                  <a:cxn ang="0">
                    <a:pos x="1680" y="20"/>
                  </a:cxn>
                  <a:cxn ang="0">
                    <a:pos x="1728" y="73"/>
                  </a:cxn>
                  <a:cxn ang="0">
                    <a:pos x="1872" y="90"/>
                  </a:cxn>
                  <a:cxn ang="0">
                    <a:pos x="1921" y="140"/>
                  </a:cxn>
                  <a:cxn ang="0">
                    <a:pos x="2027" y="210"/>
                  </a:cxn>
                  <a:cxn ang="0">
                    <a:pos x="2092" y="280"/>
                  </a:cxn>
                  <a:cxn ang="0">
                    <a:pos x="2070" y="336"/>
                  </a:cxn>
                  <a:cxn ang="0">
                    <a:pos x="1977" y="338"/>
                  </a:cxn>
                  <a:cxn ang="0">
                    <a:pos x="1920" y="366"/>
                  </a:cxn>
                  <a:cxn ang="0">
                    <a:pos x="1858" y="480"/>
                  </a:cxn>
                  <a:cxn ang="0">
                    <a:pos x="1819" y="529"/>
                  </a:cxn>
                  <a:cxn ang="0">
                    <a:pos x="1782" y="546"/>
                  </a:cxn>
                  <a:cxn ang="0">
                    <a:pos x="1793" y="605"/>
                  </a:cxn>
                  <a:cxn ang="0">
                    <a:pos x="1775" y="683"/>
                  </a:cxn>
                  <a:cxn ang="0">
                    <a:pos x="1697" y="785"/>
                  </a:cxn>
                  <a:cxn ang="0">
                    <a:pos x="1605" y="894"/>
                  </a:cxn>
                  <a:cxn ang="0">
                    <a:pos x="1557" y="998"/>
                  </a:cxn>
                  <a:cxn ang="0">
                    <a:pos x="1501" y="1091"/>
                  </a:cxn>
                  <a:cxn ang="0">
                    <a:pos x="1386" y="1142"/>
                  </a:cxn>
                  <a:cxn ang="0">
                    <a:pos x="1319" y="1179"/>
                  </a:cxn>
                  <a:cxn ang="0">
                    <a:pos x="1126" y="1142"/>
                  </a:cxn>
                  <a:cxn ang="0">
                    <a:pos x="1044" y="1145"/>
                  </a:cxn>
                  <a:cxn ang="0">
                    <a:pos x="990" y="1199"/>
                  </a:cxn>
                  <a:cxn ang="0">
                    <a:pos x="935" y="1246"/>
                  </a:cxn>
                  <a:cxn ang="0">
                    <a:pos x="803" y="1279"/>
                  </a:cxn>
                  <a:cxn ang="0">
                    <a:pos x="664" y="1335"/>
                  </a:cxn>
                  <a:cxn ang="0">
                    <a:pos x="526" y="1353"/>
                  </a:cxn>
                  <a:cxn ang="0">
                    <a:pos x="454" y="1341"/>
                  </a:cxn>
                  <a:cxn ang="0">
                    <a:pos x="348" y="1279"/>
                  </a:cxn>
                  <a:cxn ang="0">
                    <a:pos x="259" y="1195"/>
                  </a:cxn>
                  <a:cxn ang="0">
                    <a:pos x="172" y="1117"/>
                  </a:cxn>
                  <a:cxn ang="0">
                    <a:pos x="133" y="1057"/>
                  </a:cxn>
                  <a:cxn ang="0">
                    <a:pos x="65" y="978"/>
                  </a:cxn>
                  <a:cxn ang="0">
                    <a:pos x="0" y="825"/>
                  </a:cxn>
                  <a:cxn ang="0">
                    <a:pos x="48" y="675"/>
                  </a:cxn>
                  <a:cxn ang="0">
                    <a:pos x="74" y="631"/>
                  </a:cxn>
                  <a:cxn ang="0">
                    <a:pos x="97" y="587"/>
                  </a:cxn>
                  <a:cxn ang="0">
                    <a:pos x="124" y="520"/>
                  </a:cxn>
                  <a:cxn ang="0">
                    <a:pos x="120" y="467"/>
                  </a:cxn>
                  <a:cxn ang="0">
                    <a:pos x="128" y="438"/>
                  </a:cxn>
                  <a:cxn ang="0">
                    <a:pos x="212" y="425"/>
                  </a:cxn>
                </a:cxnLst>
                <a:rect l="0" t="0" r="r" b="b"/>
                <a:pathLst>
                  <a:path w="2092" h="1353">
                    <a:moveTo>
                      <a:pt x="283" y="268"/>
                    </a:moveTo>
                    <a:lnTo>
                      <a:pt x="346" y="360"/>
                    </a:lnTo>
                    <a:lnTo>
                      <a:pt x="505" y="426"/>
                    </a:lnTo>
                    <a:lnTo>
                      <a:pt x="531" y="432"/>
                    </a:lnTo>
                    <a:lnTo>
                      <a:pt x="558" y="436"/>
                    </a:lnTo>
                    <a:lnTo>
                      <a:pt x="584" y="437"/>
                    </a:lnTo>
                    <a:lnTo>
                      <a:pt x="610" y="437"/>
                    </a:lnTo>
                    <a:lnTo>
                      <a:pt x="636" y="436"/>
                    </a:lnTo>
                    <a:lnTo>
                      <a:pt x="660" y="433"/>
                    </a:lnTo>
                    <a:lnTo>
                      <a:pt x="684" y="430"/>
                    </a:lnTo>
                    <a:lnTo>
                      <a:pt x="706" y="428"/>
                    </a:lnTo>
                    <a:lnTo>
                      <a:pt x="737" y="423"/>
                    </a:lnTo>
                    <a:lnTo>
                      <a:pt x="767" y="419"/>
                    </a:lnTo>
                    <a:lnTo>
                      <a:pt x="781" y="417"/>
                    </a:lnTo>
                    <a:lnTo>
                      <a:pt x="797" y="417"/>
                    </a:lnTo>
                    <a:lnTo>
                      <a:pt x="812" y="419"/>
                    </a:lnTo>
                    <a:lnTo>
                      <a:pt x="829" y="423"/>
                    </a:lnTo>
                    <a:lnTo>
                      <a:pt x="831" y="415"/>
                    </a:lnTo>
                    <a:lnTo>
                      <a:pt x="833" y="407"/>
                    </a:lnTo>
                    <a:lnTo>
                      <a:pt x="833" y="397"/>
                    </a:lnTo>
                    <a:lnTo>
                      <a:pt x="831" y="385"/>
                    </a:lnTo>
                    <a:lnTo>
                      <a:pt x="829" y="363"/>
                    </a:lnTo>
                    <a:lnTo>
                      <a:pt x="826" y="345"/>
                    </a:lnTo>
                    <a:lnTo>
                      <a:pt x="828" y="328"/>
                    </a:lnTo>
                    <a:lnTo>
                      <a:pt x="830" y="312"/>
                    </a:lnTo>
                    <a:lnTo>
                      <a:pt x="833" y="297"/>
                    </a:lnTo>
                    <a:lnTo>
                      <a:pt x="834" y="280"/>
                    </a:lnTo>
                    <a:lnTo>
                      <a:pt x="835" y="258"/>
                    </a:lnTo>
                    <a:lnTo>
                      <a:pt x="842" y="226"/>
                    </a:lnTo>
                    <a:lnTo>
                      <a:pt x="843" y="218"/>
                    </a:lnTo>
                    <a:lnTo>
                      <a:pt x="846" y="211"/>
                    </a:lnTo>
                    <a:lnTo>
                      <a:pt x="850" y="205"/>
                    </a:lnTo>
                    <a:lnTo>
                      <a:pt x="854" y="200"/>
                    </a:lnTo>
                    <a:lnTo>
                      <a:pt x="857" y="197"/>
                    </a:lnTo>
                    <a:lnTo>
                      <a:pt x="861" y="196"/>
                    </a:lnTo>
                    <a:lnTo>
                      <a:pt x="868" y="196"/>
                    </a:lnTo>
                    <a:lnTo>
                      <a:pt x="873" y="200"/>
                    </a:lnTo>
                    <a:lnTo>
                      <a:pt x="883" y="205"/>
                    </a:lnTo>
                    <a:lnTo>
                      <a:pt x="894" y="210"/>
                    </a:lnTo>
                    <a:lnTo>
                      <a:pt x="907" y="213"/>
                    </a:lnTo>
                    <a:lnTo>
                      <a:pt x="918" y="215"/>
                    </a:lnTo>
                    <a:lnTo>
                      <a:pt x="931" y="215"/>
                    </a:lnTo>
                    <a:lnTo>
                      <a:pt x="944" y="215"/>
                    </a:lnTo>
                    <a:lnTo>
                      <a:pt x="957" y="214"/>
                    </a:lnTo>
                    <a:lnTo>
                      <a:pt x="971" y="213"/>
                    </a:lnTo>
                    <a:lnTo>
                      <a:pt x="997" y="208"/>
                    </a:lnTo>
                    <a:lnTo>
                      <a:pt x="1023" y="200"/>
                    </a:lnTo>
                    <a:lnTo>
                      <a:pt x="1047" y="191"/>
                    </a:lnTo>
                    <a:lnTo>
                      <a:pt x="1066" y="180"/>
                    </a:lnTo>
                    <a:lnTo>
                      <a:pt x="1072" y="174"/>
                    </a:lnTo>
                    <a:lnTo>
                      <a:pt x="1078" y="167"/>
                    </a:lnTo>
                    <a:lnTo>
                      <a:pt x="1082" y="161"/>
                    </a:lnTo>
                    <a:lnTo>
                      <a:pt x="1084" y="153"/>
                    </a:lnTo>
                    <a:lnTo>
                      <a:pt x="1088" y="147"/>
                    </a:lnTo>
                    <a:lnTo>
                      <a:pt x="1092" y="140"/>
                    </a:lnTo>
                    <a:lnTo>
                      <a:pt x="1094" y="138"/>
                    </a:lnTo>
                    <a:lnTo>
                      <a:pt x="1098" y="136"/>
                    </a:lnTo>
                    <a:lnTo>
                      <a:pt x="1102" y="134"/>
                    </a:lnTo>
                    <a:lnTo>
                      <a:pt x="1106" y="134"/>
                    </a:lnTo>
                    <a:lnTo>
                      <a:pt x="1118" y="132"/>
                    </a:lnTo>
                    <a:lnTo>
                      <a:pt x="1127" y="132"/>
                    </a:lnTo>
                    <a:lnTo>
                      <a:pt x="1136" y="135"/>
                    </a:lnTo>
                    <a:lnTo>
                      <a:pt x="1145" y="138"/>
                    </a:lnTo>
                    <a:lnTo>
                      <a:pt x="1161" y="145"/>
                    </a:lnTo>
                    <a:lnTo>
                      <a:pt x="1177" y="154"/>
                    </a:lnTo>
                    <a:lnTo>
                      <a:pt x="1185" y="158"/>
                    </a:lnTo>
                    <a:lnTo>
                      <a:pt x="1193" y="161"/>
                    </a:lnTo>
                    <a:lnTo>
                      <a:pt x="1202" y="163"/>
                    </a:lnTo>
                    <a:lnTo>
                      <a:pt x="1212" y="163"/>
                    </a:lnTo>
                    <a:lnTo>
                      <a:pt x="1221" y="162"/>
                    </a:lnTo>
                    <a:lnTo>
                      <a:pt x="1233" y="158"/>
                    </a:lnTo>
                    <a:lnTo>
                      <a:pt x="1245" y="153"/>
                    </a:lnTo>
                    <a:lnTo>
                      <a:pt x="1258" y="144"/>
                    </a:lnTo>
                    <a:lnTo>
                      <a:pt x="1275" y="131"/>
                    </a:lnTo>
                    <a:lnTo>
                      <a:pt x="1287" y="118"/>
                    </a:lnTo>
                    <a:lnTo>
                      <a:pt x="1299" y="104"/>
                    </a:lnTo>
                    <a:lnTo>
                      <a:pt x="1310" y="90"/>
                    </a:lnTo>
                    <a:lnTo>
                      <a:pt x="1320" y="75"/>
                    </a:lnTo>
                    <a:lnTo>
                      <a:pt x="1330" y="61"/>
                    </a:lnTo>
                    <a:lnTo>
                      <a:pt x="1342" y="47"/>
                    </a:lnTo>
                    <a:lnTo>
                      <a:pt x="1356" y="33"/>
                    </a:lnTo>
                    <a:lnTo>
                      <a:pt x="1368" y="24"/>
                    </a:lnTo>
                    <a:lnTo>
                      <a:pt x="1378" y="17"/>
                    </a:lnTo>
                    <a:lnTo>
                      <a:pt x="1389" y="13"/>
                    </a:lnTo>
                    <a:lnTo>
                      <a:pt x="1399" y="12"/>
                    </a:lnTo>
                    <a:lnTo>
                      <a:pt x="1420" y="12"/>
                    </a:lnTo>
                    <a:lnTo>
                      <a:pt x="1446" y="13"/>
                    </a:lnTo>
                    <a:lnTo>
                      <a:pt x="1468" y="13"/>
                    </a:lnTo>
                    <a:lnTo>
                      <a:pt x="1488" y="12"/>
                    </a:lnTo>
                    <a:lnTo>
                      <a:pt x="1509" y="9"/>
                    </a:lnTo>
                    <a:lnTo>
                      <a:pt x="1530" y="7"/>
                    </a:lnTo>
                    <a:lnTo>
                      <a:pt x="1550" y="4"/>
                    </a:lnTo>
                    <a:lnTo>
                      <a:pt x="1571" y="2"/>
                    </a:lnTo>
                    <a:lnTo>
                      <a:pt x="1592" y="0"/>
                    </a:lnTo>
                    <a:lnTo>
                      <a:pt x="1613" y="0"/>
                    </a:lnTo>
                    <a:lnTo>
                      <a:pt x="1627" y="0"/>
                    </a:lnTo>
                    <a:lnTo>
                      <a:pt x="1640" y="2"/>
                    </a:lnTo>
                    <a:lnTo>
                      <a:pt x="1650" y="4"/>
                    </a:lnTo>
                    <a:lnTo>
                      <a:pt x="1659" y="7"/>
                    </a:lnTo>
                    <a:lnTo>
                      <a:pt x="1667" y="11"/>
                    </a:lnTo>
                    <a:lnTo>
                      <a:pt x="1674" y="16"/>
                    </a:lnTo>
                    <a:lnTo>
                      <a:pt x="1680" y="20"/>
                    </a:lnTo>
                    <a:lnTo>
                      <a:pt x="1685" y="26"/>
                    </a:lnTo>
                    <a:lnTo>
                      <a:pt x="1696" y="38"/>
                    </a:lnTo>
                    <a:lnTo>
                      <a:pt x="1707" y="51"/>
                    </a:lnTo>
                    <a:lnTo>
                      <a:pt x="1714" y="59"/>
                    </a:lnTo>
                    <a:lnTo>
                      <a:pt x="1720" y="65"/>
                    </a:lnTo>
                    <a:lnTo>
                      <a:pt x="1728" y="73"/>
                    </a:lnTo>
                    <a:lnTo>
                      <a:pt x="1738" y="79"/>
                    </a:lnTo>
                    <a:lnTo>
                      <a:pt x="1834" y="75"/>
                    </a:lnTo>
                    <a:lnTo>
                      <a:pt x="1846" y="79"/>
                    </a:lnTo>
                    <a:lnTo>
                      <a:pt x="1856" y="82"/>
                    </a:lnTo>
                    <a:lnTo>
                      <a:pt x="1865" y="86"/>
                    </a:lnTo>
                    <a:lnTo>
                      <a:pt x="1872" y="90"/>
                    </a:lnTo>
                    <a:lnTo>
                      <a:pt x="1878" y="94"/>
                    </a:lnTo>
                    <a:lnTo>
                      <a:pt x="1885" y="100"/>
                    </a:lnTo>
                    <a:lnTo>
                      <a:pt x="1891" y="106"/>
                    </a:lnTo>
                    <a:lnTo>
                      <a:pt x="1899" y="117"/>
                    </a:lnTo>
                    <a:lnTo>
                      <a:pt x="1909" y="129"/>
                    </a:lnTo>
                    <a:lnTo>
                      <a:pt x="1921" y="140"/>
                    </a:lnTo>
                    <a:lnTo>
                      <a:pt x="1933" y="151"/>
                    </a:lnTo>
                    <a:lnTo>
                      <a:pt x="1946" y="160"/>
                    </a:lnTo>
                    <a:lnTo>
                      <a:pt x="1973" y="176"/>
                    </a:lnTo>
                    <a:lnTo>
                      <a:pt x="2000" y="193"/>
                    </a:lnTo>
                    <a:lnTo>
                      <a:pt x="2014" y="201"/>
                    </a:lnTo>
                    <a:lnTo>
                      <a:pt x="2027" y="210"/>
                    </a:lnTo>
                    <a:lnTo>
                      <a:pt x="2040" y="219"/>
                    </a:lnTo>
                    <a:lnTo>
                      <a:pt x="2052" y="230"/>
                    </a:lnTo>
                    <a:lnTo>
                      <a:pt x="2064" y="240"/>
                    </a:lnTo>
                    <a:lnTo>
                      <a:pt x="2074" y="253"/>
                    </a:lnTo>
                    <a:lnTo>
                      <a:pt x="2084" y="266"/>
                    </a:lnTo>
                    <a:lnTo>
                      <a:pt x="2092" y="280"/>
                    </a:lnTo>
                    <a:lnTo>
                      <a:pt x="2092" y="294"/>
                    </a:lnTo>
                    <a:lnTo>
                      <a:pt x="2089" y="307"/>
                    </a:lnTo>
                    <a:lnTo>
                      <a:pt x="2086" y="316"/>
                    </a:lnTo>
                    <a:lnTo>
                      <a:pt x="2082" y="324"/>
                    </a:lnTo>
                    <a:lnTo>
                      <a:pt x="2076" y="331"/>
                    </a:lnTo>
                    <a:lnTo>
                      <a:pt x="2070" y="336"/>
                    </a:lnTo>
                    <a:lnTo>
                      <a:pt x="2062" y="338"/>
                    </a:lnTo>
                    <a:lnTo>
                      <a:pt x="2054" y="341"/>
                    </a:lnTo>
                    <a:lnTo>
                      <a:pt x="2036" y="342"/>
                    </a:lnTo>
                    <a:lnTo>
                      <a:pt x="2017" y="341"/>
                    </a:lnTo>
                    <a:lnTo>
                      <a:pt x="1997" y="340"/>
                    </a:lnTo>
                    <a:lnTo>
                      <a:pt x="1977" y="338"/>
                    </a:lnTo>
                    <a:lnTo>
                      <a:pt x="1970" y="340"/>
                    </a:lnTo>
                    <a:lnTo>
                      <a:pt x="1962" y="341"/>
                    </a:lnTo>
                    <a:lnTo>
                      <a:pt x="1955" y="344"/>
                    </a:lnTo>
                    <a:lnTo>
                      <a:pt x="1948" y="346"/>
                    </a:lnTo>
                    <a:lnTo>
                      <a:pt x="1933" y="355"/>
                    </a:lnTo>
                    <a:lnTo>
                      <a:pt x="1920" y="366"/>
                    </a:lnTo>
                    <a:lnTo>
                      <a:pt x="1907" y="377"/>
                    </a:lnTo>
                    <a:lnTo>
                      <a:pt x="1895" y="390"/>
                    </a:lnTo>
                    <a:lnTo>
                      <a:pt x="1886" y="404"/>
                    </a:lnTo>
                    <a:lnTo>
                      <a:pt x="1878" y="416"/>
                    </a:lnTo>
                    <a:lnTo>
                      <a:pt x="1869" y="445"/>
                    </a:lnTo>
                    <a:lnTo>
                      <a:pt x="1858" y="480"/>
                    </a:lnTo>
                    <a:lnTo>
                      <a:pt x="1851" y="496"/>
                    </a:lnTo>
                    <a:lnTo>
                      <a:pt x="1842" y="512"/>
                    </a:lnTo>
                    <a:lnTo>
                      <a:pt x="1837" y="517"/>
                    </a:lnTo>
                    <a:lnTo>
                      <a:pt x="1832" y="522"/>
                    </a:lnTo>
                    <a:lnTo>
                      <a:pt x="1825" y="526"/>
                    </a:lnTo>
                    <a:lnTo>
                      <a:pt x="1819" y="529"/>
                    </a:lnTo>
                    <a:lnTo>
                      <a:pt x="1801" y="534"/>
                    </a:lnTo>
                    <a:lnTo>
                      <a:pt x="1788" y="537"/>
                    </a:lnTo>
                    <a:lnTo>
                      <a:pt x="1785" y="538"/>
                    </a:lnTo>
                    <a:lnTo>
                      <a:pt x="1784" y="540"/>
                    </a:lnTo>
                    <a:lnTo>
                      <a:pt x="1782" y="543"/>
                    </a:lnTo>
                    <a:lnTo>
                      <a:pt x="1782" y="546"/>
                    </a:lnTo>
                    <a:lnTo>
                      <a:pt x="1782" y="555"/>
                    </a:lnTo>
                    <a:lnTo>
                      <a:pt x="1786" y="566"/>
                    </a:lnTo>
                    <a:lnTo>
                      <a:pt x="1789" y="575"/>
                    </a:lnTo>
                    <a:lnTo>
                      <a:pt x="1791" y="586"/>
                    </a:lnTo>
                    <a:lnTo>
                      <a:pt x="1793" y="596"/>
                    </a:lnTo>
                    <a:lnTo>
                      <a:pt x="1793" y="605"/>
                    </a:lnTo>
                    <a:lnTo>
                      <a:pt x="1793" y="616"/>
                    </a:lnTo>
                    <a:lnTo>
                      <a:pt x="1793" y="626"/>
                    </a:lnTo>
                    <a:lnTo>
                      <a:pt x="1791" y="635"/>
                    </a:lnTo>
                    <a:lnTo>
                      <a:pt x="1789" y="645"/>
                    </a:lnTo>
                    <a:lnTo>
                      <a:pt x="1782" y="664"/>
                    </a:lnTo>
                    <a:lnTo>
                      <a:pt x="1775" y="683"/>
                    </a:lnTo>
                    <a:lnTo>
                      <a:pt x="1764" y="701"/>
                    </a:lnTo>
                    <a:lnTo>
                      <a:pt x="1754" y="719"/>
                    </a:lnTo>
                    <a:lnTo>
                      <a:pt x="1741" y="736"/>
                    </a:lnTo>
                    <a:lnTo>
                      <a:pt x="1727" y="753"/>
                    </a:lnTo>
                    <a:lnTo>
                      <a:pt x="1712" y="770"/>
                    </a:lnTo>
                    <a:lnTo>
                      <a:pt x="1697" y="785"/>
                    </a:lnTo>
                    <a:lnTo>
                      <a:pt x="1667" y="815"/>
                    </a:lnTo>
                    <a:lnTo>
                      <a:pt x="1639" y="841"/>
                    </a:lnTo>
                    <a:lnTo>
                      <a:pt x="1632" y="855"/>
                    </a:lnTo>
                    <a:lnTo>
                      <a:pt x="1623" y="868"/>
                    </a:lnTo>
                    <a:lnTo>
                      <a:pt x="1614" y="881"/>
                    </a:lnTo>
                    <a:lnTo>
                      <a:pt x="1605" y="894"/>
                    </a:lnTo>
                    <a:lnTo>
                      <a:pt x="1596" y="907"/>
                    </a:lnTo>
                    <a:lnTo>
                      <a:pt x="1587" y="920"/>
                    </a:lnTo>
                    <a:lnTo>
                      <a:pt x="1580" y="936"/>
                    </a:lnTo>
                    <a:lnTo>
                      <a:pt x="1574" y="951"/>
                    </a:lnTo>
                    <a:lnTo>
                      <a:pt x="1566" y="973"/>
                    </a:lnTo>
                    <a:lnTo>
                      <a:pt x="1557" y="998"/>
                    </a:lnTo>
                    <a:lnTo>
                      <a:pt x="1545" y="1022"/>
                    </a:lnTo>
                    <a:lnTo>
                      <a:pt x="1532" y="1048"/>
                    </a:lnTo>
                    <a:lnTo>
                      <a:pt x="1526" y="1060"/>
                    </a:lnTo>
                    <a:lnTo>
                      <a:pt x="1518" y="1070"/>
                    </a:lnTo>
                    <a:lnTo>
                      <a:pt x="1510" y="1082"/>
                    </a:lnTo>
                    <a:lnTo>
                      <a:pt x="1501" y="1091"/>
                    </a:lnTo>
                    <a:lnTo>
                      <a:pt x="1492" y="1100"/>
                    </a:lnTo>
                    <a:lnTo>
                      <a:pt x="1483" y="1108"/>
                    </a:lnTo>
                    <a:lnTo>
                      <a:pt x="1473" y="1114"/>
                    </a:lnTo>
                    <a:lnTo>
                      <a:pt x="1461" y="1118"/>
                    </a:lnTo>
                    <a:lnTo>
                      <a:pt x="1425" y="1130"/>
                    </a:lnTo>
                    <a:lnTo>
                      <a:pt x="1386" y="1142"/>
                    </a:lnTo>
                    <a:lnTo>
                      <a:pt x="1367" y="1149"/>
                    </a:lnTo>
                    <a:lnTo>
                      <a:pt x="1348" y="1157"/>
                    </a:lnTo>
                    <a:lnTo>
                      <a:pt x="1341" y="1162"/>
                    </a:lnTo>
                    <a:lnTo>
                      <a:pt x="1333" y="1167"/>
                    </a:lnTo>
                    <a:lnTo>
                      <a:pt x="1325" y="1173"/>
                    </a:lnTo>
                    <a:lnTo>
                      <a:pt x="1319" y="1179"/>
                    </a:lnTo>
                    <a:lnTo>
                      <a:pt x="1265" y="1175"/>
                    </a:lnTo>
                    <a:lnTo>
                      <a:pt x="1176" y="1157"/>
                    </a:lnTo>
                    <a:lnTo>
                      <a:pt x="1164" y="1153"/>
                    </a:lnTo>
                    <a:lnTo>
                      <a:pt x="1153" y="1148"/>
                    </a:lnTo>
                    <a:lnTo>
                      <a:pt x="1140" y="1144"/>
                    </a:lnTo>
                    <a:lnTo>
                      <a:pt x="1126" y="1142"/>
                    </a:lnTo>
                    <a:lnTo>
                      <a:pt x="1111" y="1140"/>
                    </a:lnTo>
                    <a:lnTo>
                      <a:pt x="1098" y="1139"/>
                    </a:lnTo>
                    <a:lnTo>
                      <a:pt x="1084" y="1139"/>
                    </a:lnTo>
                    <a:lnTo>
                      <a:pt x="1070" y="1140"/>
                    </a:lnTo>
                    <a:lnTo>
                      <a:pt x="1057" y="1142"/>
                    </a:lnTo>
                    <a:lnTo>
                      <a:pt x="1044" y="1145"/>
                    </a:lnTo>
                    <a:lnTo>
                      <a:pt x="1032" y="1151"/>
                    </a:lnTo>
                    <a:lnTo>
                      <a:pt x="1021" y="1157"/>
                    </a:lnTo>
                    <a:lnTo>
                      <a:pt x="1012" y="1165"/>
                    </a:lnTo>
                    <a:lnTo>
                      <a:pt x="1002" y="1174"/>
                    </a:lnTo>
                    <a:lnTo>
                      <a:pt x="995" y="1186"/>
                    </a:lnTo>
                    <a:lnTo>
                      <a:pt x="990" y="1199"/>
                    </a:lnTo>
                    <a:lnTo>
                      <a:pt x="984" y="1210"/>
                    </a:lnTo>
                    <a:lnTo>
                      <a:pt x="977" y="1221"/>
                    </a:lnTo>
                    <a:lnTo>
                      <a:pt x="969" y="1228"/>
                    </a:lnTo>
                    <a:lnTo>
                      <a:pt x="958" y="1235"/>
                    </a:lnTo>
                    <a:lnTo>
                      <a:pt x="948" y="1241"/>
                    </a:lnTo>
                    <a:lnTo>
                      <a:pt x="935" y="1246"/>
                    </a:lnTo>
                    <a:lnTo>
                      <a:pt x="922" y="1250"/>
                    </a:lnTo>
                    <a:lnTo>
                      <a:pt x="909" y="1254"/>
                    </a:lnTo>
                    <a:lnTo>
                      <a:pt x="881" y="1259"/>
                    </a:lnTo>
                    <a:lnTo>
                      <a:pt x="854" y="1265"/>
                    </a:lnTo>
                    <a:lnTo>
                      <a:pt x="826" y="1271"/>
                    </a:lnTo>
                    <a:lnTo>
                      <a:pt x="803" y="1279"/>
                    </a:lnTo>
                    <a:lnTo>
                      <a:pt x="734" y="1313"/>
                    </a:lnTo>
                    <a:lnTo>
                      <a:pt x="724" y="1318"/>
                    </a:lnTo>
                    <a:lnTo>
                      <a:pt x="712" y="1322"/>
                    </a:lnTo>
                    <a:lnTo>
                      <a:pt x="701" y="1325"/>
                    </a:lnTo>
                    <a:lnTo>
                      <a:pt x="689" y="1329"/>
                    </a:lnTo>
                    <a:lnTo>
                      <a:pt x="664" y="1335"/>
                    </a:lnTo>
                    <a:lnTo>
                      <a:pt x="637" y="1338"/>
                    </a:lnTo>
                    <a:lnTo>
                      <a:pt x="611" y="1341"/>
                    </a:lnTo>
                    <a:lnTo>
                      <a:pt x="585" y="1344"/>
                    </a:lnTo>
                    <a:lnTo>
                      <a:pt x="561" y="1346"/>
                    </a:lnTo>
                    <a:lnTo>
                      <a:pt x="537" y="1350"/>
                    </a:lnTo>
                    <a:lnTo>
                      <a:pt x="526" y="1353"/>
                    </a:lnTo>
                    <a:lnTo>
                      <a:pt x="514" y="1353"/>
                    </a:lnTo>
                    <a:lnTo>
                      <a:pt x="501" y="1353"/>
                    </a:lnTo>
                    <a:lnTo>
                      <a:pt x="489" y="1351"/>
                    </a:lnTo>
                    <a:lnTo>
                      <a:pt x="478" y="1349"/>
                    </a:lnTo>
                    <a:lnTo>
                      <a:pt x="466" y="1345"/>
                    </a:lnTo>
                    <a:lnTo>
                      <a:pt x="454" y="1341"/>
                    </a:lnTo>
                    <a:lnTo>
                      <a:pt x="443" y="1337"/>
                    </a:lnTo>
                    <a:lnTo>
                      <a:pt x="421" y="1325"/>
                    </a:lnTo>
                    <a:lnTo>
                      <a:pt x="399" y="1314"/>
                    </a:lnTo>
                    <a:lnTo>
                      <a:pt x="378" y="1301"/>
                    </a:lnTo>
                    <a:lnTo>
                      <a:pt x="359" y="1288"/>
                    </a:lnTo>
                    <a:lnTo>
                      <a:pt x="348" y="1279"/>
                    </a:lnTo>
                    <a:lnTo>
                      <a:pt x="337" y="1268"/>
                    </a:lnTo>
                    <a:lnTo>
                      <a:pt x="328" y="1258"/>
                    </a:lnTo>
                    <a:lnTo>
                      <a:pt x="317" y="1248"/>
                    </a:lnTo>
                    <a:lnTo>
                      <a:pt x="298" y="1226"/>
                    </a:lnTo>
                    <a:lnTo>
                      <a:pt x="277" y="1205"/>
                    </a:lnTo>
                    <a:lnTo>
                      <a:pt x="259" y="1195"/>
                    </a:lnTo>
                    <a:lnTo>
                      <a:pt x="242" y="1184"/>
                    </a:lnTo>
                    <a:lnTo>
                      <a:pt x="225" y="1174"/>
                    </a:lnTo>
                    <a:lnTo>
                      <a:pt x="210" y="1161"/>
                    </a:lnTo>
                    <a:lnTo>
                      <a:pt x="197" y="1148"/>
                    </a:lnTo>
                    <a:lnTo>
                      <a:pt x="184" y="1134"/>
                    </a:lnTo>
                    <a:lnTo>
                      <a:pt x="172" y="1117"/>
                    </a:lnTo>
                    <a:lnTo>
                      <a:pt x="163" y="1097"/>
                    </a:lnTo>
                    <a:lnTo>
                      <a:pt x="159" y="1090"/>
                    </a:lnTo>
                    <a:lnTo>
                      <a:pt x="155" y="1082"/>
                    </a:lnTo>
                    <a:lnTo>
                      <a:pt x="150" y="1075"/>
                    </a:lnTo>
                    <a:lnTo>
                      <a:pt x="145" y="1069"/>
                    </a:lnTo>
                    <a:lnTo>
                      <a:pt x="133" y="1057"/>
                    </a:lnTo>
                    <a:lnTo>
                      <a:pt x="120" y="1047"/>
                    </a:lnTo>
                    <a:lnTo>
                      <a:pt x="107" y="1037"/>
                    </a:lnTo>
                    <a:lnTo>
                      <a:pt x="96" y="1025"/>
                    </a:lnTo>
                    <a:lnTo>
                      <a:pt x="84" y="1013"/>
                    </a:lnTo>
                    <a:lnTo>
                      <a:pt x="75" y="998"/>
                    </a:lnTo>
                    <a:lnTo>
                      <a:pt x="65" y="978"/>
                    </a:lnTo>
                    <a:lnTo>
                      <a:pt x="54" y="959"/>
                    </a:lnTo>
                    <a:lnTo>
                      <a:pt x="48" y="950"/>
                    </a:lnTo>
                    <a:lnTo>
                      <a:pt x="40" y="942"/>
                    </a:lnTo>
                    <a:lnTo>
                      <a:pt x="31" y="937"/>
                    </a:lnTo>
                    <a:lnTo>
                      <a:pt x="21" y="933"/>
                    </a:lnTo>
                    <a:lnTo>
                      <a:pt x="0" y="825"/>
                    </a:lnTo>
                    <a:lnTo>
                      <a:pt x="14" y="789"/>
                    </a:lnTo>
                    <a:lnTo>
                      <a:pt x="28" y="752"/>
                    </a:lnTo>
                    <a:lnTo>
                      <a:pt x="35" y="733"/>
                    </a:lnTo>
                    <a:lnTo>
                      <a:pt x="40" y="714"/>
                    </a:lnTo>
                    <a:lnTo>
                      <a:pt x="45" y="695"/>
                    </a:lnTo>
                    <a:lnTo>
                      <a:pt x="48" y="675"/>
                    </a:lnTo>
                    <a:lnTo>
                      <a:pt x="49" y="669"/>
                    </a:lnTo>
                    <a:lnTo>
                      <a:pt x="52" y="662"/>
                    </a:lnTo>
                    <a:lnTo>
                      <a:pt x="54" y="657"/>
                    </a:lnTo>
                    <a:lnTo>
                      <a:pt x="58" y="652"/>
                    </a:lnTo>
                    <a:lnTo>
                      <a:pt x="66" y="641"/>
                    </a:lnTo>
                    <a:lnTo>
                      <a:pt x="74" y="631"/>
                    </a:lnTo>
                    <a:lnTo>
                      <a:pt x="83" y="621"/>
                    </a:lnTo>
                    <a:lnTo>
                      <a:pt x="89" y="610"/>
                    </a:lnTo>
                    <a:lnTo>
                      <a:pt x="92" y="605"/>
                    </a:lnTo>
                    <a:lnTo>
                      <a:pt x="94" y="600"/>
                    </a:lnTo>
                    <a:lnTo>
                      <a:pt x="96" y="594"/>
                    </a:lnTo>
                    <a:lnTo>
                      <a:pt x="97" y="587"/>
                    </a:lnTo>
                    <a:lnTo>
                      <a:pt x="98" y="577"/>
                    </a:lnTo>
                    <a:lnTo>
                      <a:pt x="101" y="568"/>
                    </a:lnTo>
                    <a:lnTo>
                      <a:pt x="103" y="559"/>
                    </a:lnTo>
                    <a:lnTo>
                      <a:pt x="107" y="552"/>
                    </a:lnTo>
                    <a:lnTo>
                      <a:pt x="116" y="537"/>
                    </a:lnTo>
                    <a:lnTo>
                      <a:pt x="124" y="520"/>
                    </a:lnTo>
                    <a:lnTo>
                      <a:pt x="125" y="513"/>
                    </a:lnTo>
                    <a:lnTo>
                      <a:pt x="127" y="507"/>
                    </a:lnTo>
                    <a:lnTo>
                      <a:pt x="125" y="500"/>
                    </a:lnTo>
                    <a:lnTo>
                      <a:pt x="125" y="494"/>
                    </a:lnTo>
                    <a:lnTo>
                      <a:pt x="123" y="480"/>
                    </a:lnTo>
                    <a:lnTo>
                      <a:pt x="120" y="467"/>
                    </a:lnTo>
                    <a:lnTo>
                      <a:pt x="119" y="460"/>
                    </a:lnTo>
                    <a:lnTo>
                      <a:pt x="119" y="454"/>
                    </a:lnTo>
                    <a:lnTo>
                      <a:pt x="120" y="448"/>
                    </a:lnTo>
                    <a:lnTo>
                      <a:pt x="122" y="445"/>
                    </a:lnTo>
                    <a:lnTo>
                      <a:pt x="124" y="441"/>
                    </a:lnTo>
                    <a:lnTo>
                      <a:pt x="128" y="438"/>
                    </a:lnTo>
                    <a:lnTo>
                      <a:pt x="133" y="437"/>
                    </a:lnTo>
                    <a:lnTo>
                      <a:pt x="140" y="436"/>
                    </a:lnTo>
                    <a:lnTo>
                      <a:pt x="159" y="436"/>
                    </a:lnTo>
                    <a:lnTo>
                      <a:pt x="179" y="433"/>
                    </a:lnTo>
                    <a:lnTo>
                      <a:pt x="195" y="429"/>
                    </a:lnTo>
                    <a:lnTo>
                      <a:pt x="212" y="425"/>
                    </a:lnTo>
                    <a:lnTo>
                      <a:pt x="228" y="419"/>
                    </a:lnTo>
                    <a:lnTo>
                      <a:pt x="243" y="410"/>
                    </a:lnTo>
                    <a:lnTo>
                      <a:pt x="260" y="401"/>
                    </a:lnTo>
                    <a:lnTo>
                      <a:pt x="276" y="389"/>
                    </a:lnTo>
                    <a:lnTo>
                      <a:pt x="283" y="26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26" name="Freeform 145"/>
              <p:cNvSpPr>
                <a:spLocks/>
              </p:cNvSpPr>
              <p:nvPr/>
            </p:nvSpPr>
            <p:spPr bwMode="auto">
              <a:xfrm>
                <a:off x="7991092" y="4351518"/>
                <a:ext cx="954566" cy="610531"/>
              </a:xfrm>
              <a:custGeom>
                <a:avLst/>
                <a:gdLst/>
                <a:ahLst/>
                <a:cxnLst>
                  <a:cxn ang="0">
                    <a:pos x="584" y="437"/>
                  </a:cxn>
                  <a:cxn ang="0">
                    <a:pos x="737" y="423"/>
                  </a:cxn>
                  <a:cxn ang="0">
                    <a:pos x="831" y="415"/>
                  </a:cxn>
                  <a:cxn ang="0">
                    <a:pos x="828" y="328"/>
                  </a:cxn>
                  <a:cxn ang="0">
                    <a:pos x="843" y="218"/>
                  </a:cxn>
                  <a:cxn ang="0">
                    <a:pos x="868" y="196"/>
                  </a:cxn>
                  <a:cxn ang="0">
                    <a:pos x="931" y="215"/>
                  </a:cxn>
                  <a:cxn ang="0">
                    <a:pos x="1047" y="191"/>
                  </a:cxn>
                  <a:cxn ang="0">
                    <a:pos x="1088" y="147"/>
                  </a:cxn>
                  <a:cxn ang="0">
                    <a:pos x="1118" y="132"/>
                  </a:cxn>
                  <a:cxn ang="0">
                    <a:pos x="1185" y="158"/>
                  </a:cxn>
                  <a:cxn ang="0">
                    <a:pos x="1245" y="153"/>
                  </a:cxn>
                  <a:cxn ang="0">
                    <a:pos x="1320" y="75"/>
                  </a:cxn>
                  <a:cxn ang="0">
                    <a:pos x="1389" y="13"/>
                  </a:cxn>
                  <a:cxn ang="0">
                    <a:pos x="1509" y="9"/>
                  </a:cxn>
                  <a:cxn ang="0">
                    <a:pos x="1627" y="0"/>
                  </a:cxn>
                  <a:cxn ang="0">
                    <a:pos x="1680" y="20"/>
                  </a:cxn>
                  <a:cxn ang="0">
                    <a:pos x="1728" y="73"/>
                  </a:cxn>
                  <a:cxn ang="0">
                    <a:pos x="1865" y="86"/>
                  </a:cxn>
                  <a:cxn ang="0">
                    <a:pos x="1909" y="129"/>
                  </a:cxn>
                  <a:cxn ang="0">
                    <a:pos x="2014" y="201"/>
                  </a:cxn>
                  <a:cxn ang="0">
                    <a:pos x="2084" y="266"/>
                  </a:cxn>
                  <a:cxn ang="0">
                    <a:pos x="2082" y="324"/>
                  </a:cxn>
                  <a:cxn ang="0">
                    <a:pos x="2017" y="341"/>
                  </a:cxn>
                  <a:cxn ang="0">
                    <a:pos x="1948" y="346"/>
                  </a:cxn>
                  <a:cxn ang="0">
                    <a:pos x="1878" y="416"/>
                  </a:cxn>
                  <a:cxn ang="0">
                    <a:pos x="1832" y="522"/>
                  </a:cxn>
                  <a:cxn ang="0">
                    <a:pos x="1784" y="540"/>
                  </a:cxn>
                  <a:cxn ang="0">
                    <a:pos x="1791" y="586"/>
                  </a:cxn>
                  <a:cxn ang="0">
                    <a:pos x="1789" y="645"/>
                  </a:cxn>
                  <a:cxn ang="0">
                    <a:pos x="1727" y="753"/>
                  </a:cxn>
                  <a:cxn ang="0">
                    <a:pos x="1623" y="868"/>
                  </a:cxn>
                  <a:cxn ang="0">
                    <a:pos x="1574" y="951"/>
                  </a:cxn>
                  <a:cxn ang="0">
                    <a:pos x="1518" y="1070"/>
                  </a:cxn>
                  <a:cxn ang="0">
                    <a:pos x="1461" y="1118"/>
                  </a:cxn>
                  <a:cxn ang="0">
                    <a:pos x="1333" y="1167"/>
                  </a:cxn>
                  <a:cxn ang="0">
                    <a:pos x="1164" y="1153"/>
                  </a:cxn>
                  <a:cxn ang="0">
                    <a:pos x="1084" y="1139"/>
                  </a:cxn>
                  <a:cxn ang="0">
                    <a:pos x="1012" y="1165"/>
                  </a:cxn>
                  <a:cxn ang="0">
                    <a:pos x="969" y="1228"/>
                  </a:cxn>
                  <a:cxn ang="0">
                    <a:pos x="881" y="1259"/>
                  </a:cxn>
                  <a:cxn ang="0">
                    <a:pos x="724" y="1318"/>
                  </a:cxn>
                  <a:cxn ang="0">
                    <a:pos x="611" y="1341"/>
                  </a:cxn>
                  <a:cxn ang="0">
                    <a:pos x="501" y="1353"/>
                  </a:cxn>
                  <a:cxn ang="0">
                    <a:pos x="421" y="1325"/>
                  </a:cxn>
                  <a:cxn ang="0">
                    <a:pos x="328" y="1258"/>
                  </a:cxn>
                  <a:cxn ang="0">
                    <a:pos x="225" y="1174"/>
                  </a:cxn>
                  <a:cxn ang="0">
                    <a:pos x="159" y="1090"/>
                  </a:cxn>
                  <a:cxn ang="0">
                    <a:pos x="107" y="1037"/>
                  </a:cxn>
                  <a:cxn ang="0">
                    <a:pos x="48" y="950"/>
                  </a:cxn>
                  <a:cxn ang="0">
                    <a:pos x="0" y="825"/>
                  </a:cxn>
                  <a:cxn ang="0">
                    <a:pos x="48" y="675"/>
                  </a:cxn>
                  <a:cxn ang="0">
                    <a:pos x="74" y="631"/>
                  </a:cxn>
                  <a:cxn ang="0">
                    <a:pos x="97" y="587"/>
                  </a:cxn>
                  <a:cxn ang="0">
                    <a:pos x="124" y="520"/>
                  </a:cxn>
                  <a:cxn ang="0">
                    <a:pos x="120" y="467"/>
                  </a:cxn>
                  <a:cxn ang="0">
                    <a:pos x="128" y="438"/>
                  </a:cxn>
                  <a:cxn ang="0">
                    <a:pos x="212" y="425"/>
                  </a:cxn>
                  <a:cxn ang="0">
                    <a:pos x="283" y="268"/>
                  </a:cxn>
                </a:cxnLst>
                <a:rect l="0" t="0" r="r" b="b"/>
                <a:pathLst>
                  <a:path w="2092" h="1353">
                    <a:moveTo>
                      <a:pt x="283" y="268"/>
                    </a:moveTo>
                    <a:lnTo>
                      <a:pt x="346" y="360"/>
                    </a:lnTo>
                    <a:lnTo>
                      <a:pt x="505" y="426"/>
                    </a:lnTo>
                    <a:lnTo>
                      <a:pt x="531" y="432"/>
                    </a:lnTo>
                    <a:lnTo>
                      <a:pt x="558" y="436"/>
                    </a:lnTo>
                    <a:lnTo>
                      <a:pt x="584" y="437"/>
                    </a:lnTo>
                    <a:lnTo>
                      <a:pt x="610" y="437"/>
                    </a:lnTo>
                    <a:lnTo>
                      <a:pt x="636" y="436"/>
                    </a:lnTo>
                    <a:lnTo>
                      <a:pt x="660" y="433"/>
                    </a:lnTo>
                    <a:lnTo>
                      <a:pt x="684" y="430"/>
                    </a:lnTo>
                    <a:lnTo>
                      <a:pt x="706" y="428"/>
                    </a:lnTo>
                    <a:lnTo>
                      <a:pt x="737" y="423"/>
                    </a:lnTo>
                    <a:lnTo>
                      <a:pt x="767" y="419"/>
                    </a:lnTo>
                    <a:lnTo>
                      <a:pt x="781" y="417"/>
                    </a:lnTo>
                    <a:lnTo>
                      <a:pt x="797" y="417"/>
                    </a:lnTo>
                    <a:lnTo>
                      <a:pt x="812" y="419"/>
                    </a:lnTo>
                    <a:lnTo>
                      <a:pt x="829" y="423"/>
                    </a:lnTo>
                    <a:lnTo>
                      <a:pt x="831" y="415"/>
                    </a:lnTo>
                    <a:lnTo>
                      <a:pt x="833" y="407"/>
                    </a:lnTo>
                    <a:lnTo>
                      <a:pt x="833" y="397"/>
                    </a:lnTo>
                    <a:lnTo>
                      <a:pt x="831" y="385"/>
                    </a:lnTo>
                    <a:lnTo>
                      <a:pt x="829" y="363"/>
                    </a:lnTo>
                    <a:lnTo>
                      <a:pt x="826" y="345"/>
                    </a:lnTo>
                    <a:lnTo>
                      <a:pt x="828" y="328"/>
                    </a:lnTo>
                    <a:lnTo>
                      <a:pt x="830" y="312"/>
                    </a:lnTo>
                    <a:lnTo>
                      <a:pt x="833" y="297"/>
                    </a:lnTo>
                    <a:lnTo>
                      <a:pt x="834" y="280"/>
                    </a:lnTo>
                    <a:lnTo>
                      <a:pt x="835" y="258"/>
                    </a:lnTo>
                    <a:lnTo>
                      <a:pt x="842" y="226"/>
                    </a:lnTo>
                    <a:lnTo>
                      <a:pt x="843" y="218"/>
                    </a:lnTo>
                    <a:lnTo>
                      <a:pt x="846" y="211"/>
                    </a:lnTo>
                    <a:lnTo>
                      <a:pt x="850" y="205"/>
                    </a:lnTo>
                    <a:lnTo>
                      <a:pt x="854" y="200"/>
                    </a:lnTo>
                    <a:lnTo>
                      <a:pt x="857" y="197"/>
                    </a:lnTo>
                    <a:lnTo>
                      <a:pt x="861" y="196"/>
                    </a:lnTo>
                    <a:lnTo>
                      <a:pt x="868" y="196"/>
                    </a:lnTo>
                    <a:lnTo>
                      <a:pt x="873" y="200"/>
                    </a:lnTo>
                    <a:lnTo>
                      <a:pt x="883" y="205"/>
                    </a:lnTo>
                    <a:lnTo>
                      <a:pt x="894" y="210"/>
                    </a:lnTo>
                    <a:lnTo>
                      <a:pt x="907" y="213"/>
                    </a:lnTo>
                    <a:lnTo>
                      <a:pt x="918" y="215"/>
                    </a:lnTo>
                    <a:lnTo>
                      <a:pt x="931" y="215"/>
                    </a:lnTo>
                    <a:lnTo>
                      <a:pt x="944" y="215"/>
                    </a:lnTo>
                    <a:lnTo>
                      <a:pt x="957" y="214"/>
                    </a:lnTo>
                    <a:lnTo>
                      <a:pt x="971" y="213"/>
                    </a:lnTo>
                    <a:lnTo>
                      <a:pt x="997" y="208"/>
                    </a:lnTo>
                    <a:lnTo>
                      <a:pt x="1023" y="200"/>
                    </a:lnTo>
                    <a:lnTo>
                      <a:pt x="1047" y="191"/>
                    </a:lnTo>
                    <a:lnTo>
                      <a:pt x="1066" y="180"/>
                    </a:lnTo>
                    <a:lnTo>
                      <a:pt x="1072" y="174"/>
                    </a:lnTo>
                    <a:lnTo>
                      <a:pt x="1078" y="167"/>
                    </a:lnTo>
                    <a:lnTo>
                      <a:pt x="1082" y="161"/>
                    </a:lnTo>
                    <a:lnTo>
                      <a:pt x="1084" y="153"/>
                    </a:lnTo>
                    <a:lnTo>
                      <a:pt x="1088" y="147"/>
                    </a:lnTo>
                    <a:lnTo>
                      <a:pt x="1092" y="140"/>
                    </a:lnTo>
                    <a:lnTo>
                      <a:pt x="1094" y="138"/>
                    </a:lnTo>
                    <a:lnTo>
                      <a:pt x="1098" y="136"/>
                    </a:lnTo>
                    <a:lnTo>
                      <a:pt x="1102" y="134"/>
                    </a:lnTo>
                    <a:lnTo>
                      <a:pt x="1106" y="134"/>
                    </a:lnTo>
                    <a:lnTo>
                      <a:pt x="1118" y="132"/>
                    </a:lnTo>
                    <a:lnTo>
                      <a:pt x="1127" y="132"/>
                    </a:lnTo>
                    <a:lnTo>
                      <a:pt x="1136" y="135"/>
                    </a:lnTo>
                    <a:lnTo>
                      <a:pt x="1145" y="138"/>
                    </a:lnTo>
                    <a:lnTo>
                      <a:pt x="1161" y="145"/>
                    </a:lnTo>
                    <a:lnTo>
                      <a:pt x="1177" y="154"/>
                    </a:lnTo>
                    <a:lnTo>
                      <a:pt x="1185" y="158"/>
                    </a:lnTo>
                    <a:lnTo>
                      <a:pt x="1193" y="161"/>
                    </a:lnTo>
                    <a:lnTo>
                      <a:pt x="1202" y="163"/>
                    </a:lnTo>
                    <a:lnTo>
                      <a:pt x="1212" y="163"/>
                    </a:lnTo>
                    <a:lnTo>
                      <a:pt x="1221" y="162"/>
                    </a:lnTo>
                    <a:lnTo>
                      <a:pt x="1233" y="158"/>
                    </a:lnTo>
                    <a:lnTo>
                      <a:pt x="1245" y="153"/>
                    </a:lnTo>
                    <a:lnTo>
                      <a:pt x="1258" y="144"/>
                    </a:lnTo>
                    <a:lnTo>
                      <a:pt x="1275" y="131"/>
                    </a:lnTo>
                    <a:lnTo>
                      <a:pt x="1287" y="118"/>
                    </a:lnTo>
                    <a:lnTo>
                      <a:pt x="1299" y="104"/>
                    </a:lnTo>
                    <a:lnTo>
                      <a:pt x="1310" y="90"/>
                    </a:lnTo>
                    <a:lnTo>
                      <a:pt x="1320" y="75"/>
                    </a:lnTo>
                    <a:lnTo>
                      <a:pt x="1330" y="61"/>
                    </a:lnTo>
                    <a:lnTo>
                      <a:pt x="1342" y="47"/>
                    </a:lnTo>
                    <a:lnTo>
                      <a:pt x="1356" y="33"/>
                    </a:lnTo>
                    <a:lnTo>
                      <a:pt x="1368" y="24"/>
                    </a:lnTo>
                    <a:lnTo>
                      <a:pt x="1378" y="17"/>
                    </a:lnTo>
                    <a:lnTo>
                      <a:pt x="1389" y="13"/>
                    </a:lnTo>
                    <a:lnTo>
                      <a:pt x="1399" y="12"/>
                    </a:lnTo>
                    <a:lnTo>
                      <a:pt x="1420" y="12"/>
                    </a:lnTo>
                    <a:lnTo>
                      <a:pt x="1446" y="13"/>
                    </a:lnTo>
                    <a:lnTo>
                      <a:pt x="1468" y="13"/>
                    </a:lnTo>
                    <a:lnTo>
                      <a:pt x="1488" y="12"/>
                    </a:lnTo>
                    <a:lnTo>
                      <a:pt x="1509" y="9"/>
                    </a:lnTo>
                    <a:lnTo>
                      <a:pt x="1530" y="7"/>
                    </a:lnTo>
                    <a:lnTo>
                      <a:pt x="1550" y="4"/>
                    </a:lnTo>
                    <a:lnTo>
                      <a:pt x="1571" y="2"/>
                    </a:lnTo>
                    <a:lnTo>
                      <a:pt x="1592" y="0"/>
                    </a:lnTo>
                    <a:lnTo>
                      <a:pt x="1613" y="0"/>
                    </a:lnTo>
                    <a:lnTo>
                      <a:pt x="1627" y="0"/>
                    </a:lnTo>
                    <a:lnTo>
                      <a:pt x="1640" y="2"/>
                    </a:lnTo>
                    <a:lnTo>
                      <a:pt x="1650" y="4"/>
                    </a:lnTo>
                    <a:lnTo>
                      <a:pt x="1659" y="7"/>
                    </a:lnTo>
                    <a:lnTo>
                      <a:pt x="1667" y="11"/>
                    </a:lnTo>
                    <a:lnTo>
                      <a:pt x="1674" y="16"/>
                    </a:lnTo>
                    <a:lnTo>
                      <a:pt x="1680" y="20"/>
                    </a:lnTo>
                    <a:lnTo>
                      <a:pt x="1685" y="26"/>
                    </a:lnTo>
                    <a:lnTo>
                      <a:pt x="1696" y="38"/>
                    </a:lnTo>
                    <a:lnTo>
                      <a:pt x="1707" y="51"/>
                    </a:lnTo>
                    <a:lnTo>
                      <a:pt x="1714" y="59"/>
                    </a:lnTo>
                    <a:lnTo>
                      <a:pt x="1720" y="65"/>
                    </a:lnTo>
                    <a:lnTo>
                      <a:pt x="1728" y="73"/>
                    </a:lnTo>
                    <a:lnTo>
                      <a:pt x="1738" y="79"/>
                    </a:lnTo>
                    <a:lnTo>
                      <a:pt x="1834" y="75"/>
                    </a:lnTo>
                    <a:lnTo>
                      <a:pt x="1834" y="75"/>
                    </a:lnTo>
                    <a:lnTo>
                      <a:pt x="1846" y="79"/>
                    </a:lnTo>
                    <a:lnTo>
                      <a:pt x="1856" y="82"/>
                    </a:lnTo>
                    <a:lnTo>
                      <a:pt x="1865" y="86"/>
                    </a:lnTo>
                    <a:lnTo>
                      <a:pt x="1872" y="90"/>
                    </a:lnTo>
                    <a:lnTo>
                      <a:pt x="1878" y="94"/>
                    </a:lnTo>
                    <a:lnTo>
                      <a:pt x="1885" y="100"/>
                    </a:lnTo>
                    <a:lnTo>
                      <a:pt x="1891" y="106"/>
                    </a:lnTo>
                    <a:lnTo>
                      <a:pt x="1899" y="117"/>
                    </a:lnTo>
                    <a:lnTo>
                      <a:pt x="1909" y="129"/>
                    </a:lnTo>
                    <a:lnTo>
                      <a:pt x="1921" y="140"/>
                    </a:lnTo>
                    <a:lnTo>
                      <a:pt x="1933" y="151"/>
                    </a:lnTo>
                    <a:lnTo>
                      <a:pt x="1946" y="160"/>
                    </a:lnTo>
                    <a:lnTo>
                      <a:pt x="1973" y="176"/>
                    </a:lnTo>
                    <a:lnTo>
                      <a:pt x="2000" y="193"/>
                    </a:lnTo>
                    <a:lnTo>
                      <a:pt x="2014" y="201"/>
                    </a:lnTo>
                    <a:lnTo>
                      <a:pt x="2027" y="210"/>
                    </a:lnTo>
                    <a:lnTo>
                      <a:pt x="2040" y="219"/>
                    </a:lnTo>
                    <a:lnTo>
                      <a:pt x="2052" y="230"/>
                    </a:lnTo>
                    <a:lnTo>
                      <a:pt x="2064" y="240"/>
                    </a:lnTo>
                    <a:lnTo>
                      <a:pt x="2074" y="253"/>
                    </a:lnTo>
                    <a:lnTo>
                      <a:pt x="2084" y="266"/>
                    </a:lnTo>
                    <a:lnTo>
                      <a:pt x="2092" y="280"/>
                    </a:lnTo>
                    <a:lnTo>
                      <a:pt x="2092" y="280"/>
                    </a:lnTo>
                    <a:lnTo>
                      <a:pt x="2092" y="294"/>
                    </a:lnTo>
                    <a:lnTo>
                      <a:pt x="2089" y="307"/>
                    </a:lnTo>
                    <a:lnTo>
                      <a:pt x="2086" y="316"/>
                    </a:lnTo>
                    <a:lnTo>
                      <a:pt x="2082" y="324"/>
                    </a:lnTo>
                    <a:lnTo>
                      <a:pt x="2076" y="331"/>
                    </a:lnTo>
                    <a:lnTo>
                      <a:pt x="2070" y="336"/>
                    </a:lnTo>
                    <a:lnTo>
                      <a:pt x="2062" y="338"/>
                    </a:lnTo>
                    <a:lnTo>
                      <a:pt x="2054" y="341"/>
                    </a:lnTo>
                    <a:lnTo>
                      <a:pt x="2036" y="342"/>
                    </a:lnTo>
                    <a:lnTo>
                      <a:pt x="2017" y="341"/>
                    </a:lnTo>
                    <a:lnTo>
                      <a:pt x="1997" y="340"/>
                    </a:lnTo>
                    <a:lnTo>
                      <a:pt x="1977" y="338"/>
                    </a:lnTo>
                    <a:lnTo>
                      <a:pt x="1970" y="340"/>
                    </a:lnTo>
                    <a:lnTo>
                      <a:pt x="1962" y="341"/>
                    </a:lnTo>
                    <a:lnTo>
                      <a:pt x="1955" y="344"/>
                    </a:lnTo>
                    <a:lnTo>
                      <a:pt x="1948" y="346"/>
                    </a:lnTo>
                    <a:lnTo>
                      <a:pt x="1933" y="355"/>
                    </a:lnTo>
                    <a:lnTo>
                      <a:pt x="1920" y="366"/>
                    </a:lnTo>
                    <a:lnTo>
                      <a:pt x="1907" y="377"/>
                    </a:lnTo>
                    <a:lnTo>
                      <a:pt x="1895" y="390"/>
                    </a:lnTo>
                    <a:lnTo>
                      <a:pt x="1886" y="404"/>
                    </a:lnTo>
                    <a:lnTo>
                      <a:pt x="1878" y="416"/>
                    </a:lnTo>
                    <a:lnTo>
                      <a:pt x="1869" y="445"/>
                    </a:lnTo>
                    <a:lnTo>
                      <a:pt x="1858" y="480"/>
                    </a:lnTo>
                    <a:lnTo>
                      <a:pt x="1851" y="496"/>
                    </a:lnTo>
                    <a:lnTo>
                      <a:pt x="1842" y="512"/>
                    </a:lnTo>
                    <a:lnTo>
                      <a:pt x="1837" y="517"/>
                    </a:lnTo>
                    <a:lnTo>
                      <a:pt x="1832" y="522"/>
                    </a:lnTo>
                    <a:lnTo>
                      <a:pt x="1825" y="526"/>
                    </a:lnTo>
                    <a:lnTo>
                      <a:pt x="1819" y="529"/>
                    </a:lnTo>
                    <a:lnTo>
                      <a:pt x="1801" y="534"/>
                    </a:lnTo>
                    <a:lnTo>
                      <a:pt x="1788" y="537"/>
                    </a:lnTo>
                    <a:lnTo>
                      <a:pt x="1785" y="538"/>
                    </a:lnTo>
                    <a:lnTo>
                      <a:pt x="1784" y="540"/>
                    </a:lnTo>
                    <a:lnTo>
                      <a:pt x="1782" y="543"/>
                    </a:lnTo>
                    <a:lnTo>
                      <a:pt x="1782" y="546"/>
                    </a:lnTo>
                    <a:lnTo>
                      <a:pt x="1782" y="555"/>
                    </a:lnTo>
                    <a:lnTo>
                      <a:pt x="1786" y="566"/>
                    </a:lnTo>
                    <a:lnTo>
                      <a:pt x="1789" y="575"/>
                    </a:lnTo>
                    <a:lnTo>
                      <a:pt x="1791" y="586"/>
                    </a:lnTo>
                    <a:lnTo>
                      <a:pt x="1793" y="596"/>
                    </a:lnTo>
                    <a:lnTo>
                      <a:pt x="1793" y="605"/>
                    </a:lnTo>
                    <a:lnTo>
                      <a:pt x="1793" y="616"/>
                    </a:lnTo>
                    <a:lnTo>
                      <a:pt x="1793" y="626"/>
                    </a:lnTo>
                    <a:lnTo>
                      <a:pt x="1791" y="635"/>
                    </a:lnTo>
                    <a:lnTo>
                      <a:pt x="1789" y="645"/>
                    </a:lnTo>
                    <a:lnTo>
                      <a:pt x="1782" y="664"/>
                    </a:lnTo>
                    <a:lnTo>
                      <a:pt x="1775" y="683"/>
                    </a:lnTo>
                    <a:lnTo>
                      <a:pt x="1764" y="701"/>
                    </a:lnTo>
                    <a:lnTo>
                      <a:pt x="1754" y="719"/>
                    </a:lnTo>
                    <a:lnTo>
                      <a:pt x="1741" y="736"/>
                    </a:lnTo>
                    <a:lnTo>
                      <a:pt x="1727" y="753"/>
                    </a:lnTo>
                    <a:lnTo>
                      <a:pt x="1712" y="770"/>
                    </a:lnTo>
                    <a:lnTo>
                      <a:pt x="1697" y="785"/>
                    </a:lnTo>
                    <a:lnTo>
                      <a:pt x="1667" y="815"/>
                    </a:lnTo>
                    <a:lnTo>
                      <a:pt x="1639" y="841"/>
                    </a:lnTo>
                    <a:lnTo>
                      <a:pt x="1632" y="855"/>
                    </a:lnTo>
                    <a:lnTo>
                      <a:pt x="1623" y="868"/>
                    </a:lnTo>
                    <a:lnTo>
                      <a:pt x="1614" y="881"/>
                    </a:lnTo>
                    <a:lnTo>
                      <a:pt x="1605" y="894"/>
                    </a:lnTo>
                    <a:lnTo>
                      <a:pt x="1596" y="907"/>
                    </a:lnTo>
                    <a:lnTo>
                      <a:pt x="1587" y="920"/>
                    </a:lnTo>
                    <a:lnTo>
                      <a:pt x="1580" y="936"/>
                    </a:lnTo>
                    <a:lnTo>
                      <a:pt x="1574" y="951"/>
                    </a:lnTo>
                    <a:lnTo>
                      <a:pt x="1566" y="973"/>
                    </a:lnTo>
                    <a:lnTo>
                      <a:pt x="1557" y="998"/>
                    </a:lnTo>
                    <a:lnTo>
                      <a:pt x="1545" y="1022"/>
                    </a:lnTo>
                    <a:lnTo>
                      <a:pt x="1532" y="1048"/>
                    </a:lnTo>
                    <a:lnTo>
                      <a:pt x="1526" y="1060"/>
                    </a:lnTo>
                    <a:lnTo>
                      <a:pt x="1518" y="1070"/>
                    </a:lnTo>
                    <a:lnTo>
                      <a:pt x="1510" y="1082"/>
                    </a:lnTo>
                    <a:lnTo>
                      <a:pt x="1501" y="1091"/>
                    </a:lnTo>
                    <a:lnTo>
                      <a:pt x="1492" y="1100"/>
                    </a:lnTo>
                    <a:lnTo>
                      <a:pt x="1483" y="1108"/>
                    </a:lnTo>
                    <a:lnTo>
                      <a:pt x="1473" y="1114"/>
                    </a:lnTo>
                    <a:lnTo>
                      <a:pt x="1461" y="1118"/>
                    </a:lnTo>
                    <a:lnTo>
                      <a:pt x="1425" y="1130"/>
                    </a:lnTo>
                    <a:lnTo>
                      <a:pt x="1386" y="1142"/>
                    </a:lnTo>
                    <a:lnTo>
                      <a:pt x="1367" y="1149"/>
                    </a:lnTo>
                    <a:lnTo>
                      <a:pt x="1348" y="1157"/>
                    </a:lnTo>
                    <a:lnTo>
                      <a:pt x="1341" y="1162"/>
                    </a:lnTo>
                    <a:lnTo>
                      <a:pt x="1333" y="1167"/>
                    </a:lnTo>
                    <a:lnTo>
                      <a:pt x="1325" y="1173"/>
                    </a:lnTo>
                    <a:lnTo>
                      <a:pt x="1319" y="1179"/>
                    </a:lnTo>
                    <a:lnTo>
                      <a:pt x="1319" y="1179"/>
                    </a:lnTo>
                    <a:lnTo>
                      <a:pt x="1265" y="1175"/>
                    </a:lnTo>
                    <a:lnTo>
                      <a:pt x="1176" y="1157"/>
                    </a:lnTo>
                    <a:lnTo>
                      <a:pt x="1164" y="1153"/>
                    </a:lnTo>
                    <a:lnTo>
                      <a:pt x="1153" y="1148"/>
                    </a:lnTo>
                    <a:lnTo>
                      <a:pt x="1140" y="1144"/>
                    </a:lnTo>
                    <a:lnTo>
                      <a:pt x="1126" y="1142"/>
                    </a:lnTo>
                    <a:lnTo>
                      <a:pt x="1111" y="1140"/>
                    </a:lnTo>
                    <a:lnTo>
                      <a:pt x="1098" y="1139"/>
                    </a:lnTo>
                    <a:lnTo>
                      <a:pt x="1084" y="1139"/>
                    </a:lnTo>
                    <a:lnTo>
                      <a:pt x="1070" y="1140"/>
                    </a:lnTo>
                    <a:lnTo>
                      <a:pt x="1057" y="1142"/>
                    </a:lnTo>
                    <a:lnTo>
                      <a:pt x="1044" y="1145"/>
                    </a:lnTo>
                    <a:lnTo>
                      <a:pt x="1032" y="1151"/>
                    </a:lnTo>
                    <a:lnTo>
                      <a:pt x="1021" y="1157"/>
                    </a:lnTo>
                    <a:lnTo>
                      <a:pt x="1012" y="1165"/>
                    </a:lnTo>
                    <a:lnTo>
                      <a:pt x="1002" y="1174"/>
                    </a:lnTo>
                    <a:lnTo>
                      <a:pt x="995" y="1186"/>
                    </a:lnTo>
                    <a:lnTo>
                      <a:pt x="990" y="1199"/>
                    </a:lnTo>
                    <a:lnTo>
                      <a:pt x="984" y="1210"/>
                    </a:lnTo>
                    <a:lnTo>
                      <a:pt x="977" y="1221"/>
                    </a:lnTo>
                    <a:lnTo>
                      <a:pt x="969" y="1228"/>
                    </a:lnTo>
                    <a:lnTo>
                      <a:pt x="958" y="1235"/>
                    </a:lnTo>
                    <a:lnTo>
                      <a:pt x="948" y="1241"/>
                    </a:lnTo>
                    <a:lnTo>
                      <a:pt x="935" y="1246"/>
                    </a:lnTo>
                    <a:lnTo>
                      <a:pt x="922" y="1250"/>
                    </a:lnTo>
                    <a:lnTo>
                      <a:pt x="909" y="1254"/>
                    </a:lnTo>
                    <a:lnTo>
                      <a:pt x="881" y="1259"/>
                    </a:lnTo>
                    <a:lnTo>
                      <a:pt x="854" y="1265"/>
                    </a:lnTo>
                    <a:lnTo>
                      <a:pt x="826" y="1271"/>
                    </a:lnTo>
                    <a:lnTo>
                      <a:pt x="803" y="1279"/>
                    </a:lnTo>
                    <a:lnTo>
                      <a:pt x="803" y="1279"/>
                    </a:lnTo>
                    <a:lnTo>
                      <a:pt x="734" y="1313"/>
                    </a:lnTo>
                    <a:lnTo>
                      <a:pt x="724" y="1318"/>
                    </a:lnTo>
                    <a:lnTo>
                      <a:pt x="712" y="1322"/>
                    </a:lnTo>
                    <a:lnTo>
                      <a:pt x="701" y="1325"/>
                    </a:lnTo>
                    <a:lnTo>
                      <a:pt x="689" y="1329"/>
                    </a:lnTo>
                    <a:lnTo>
                      <a:pt x="664" y="1335"/>
                    </a:lnTo>
                    <a:lnTo>
                      <a:pt x="637" y="1338"/>
                    </a:lnTo>
                    <a:lnTo>
                      <a:pt x="611" y="1341"/>
                    </a:lnTo>
                    <a:lnTo>
                      <a:pt x="585" y="1344"/>
                    </a:lnTo>
                    <a:lnTo>
                      <a:pt x="561" y="1346"/>
                    </a:lnTo>
                    <a:lnTo>
                      <a:pt x="537" y="1350"/>
                    </a:lnTo>
                    <a:lnTo>
                      <a:pt x="526" y="1353"/>
                    </a:lnTo>
                    <a:lnTo>
                      <a:pt x="514" y="1353"/>
                    </a:lnTo>
                    <a:lnTo>
                      <a:pt x="501" y="1353"/>
                    </a:lnTo>
                    <a:lnTo>
                      <a:pt x="489" y="1351"/>
                    </a:lnTo>
                    <a:lnTo>
                      <a:pt x="478" y="1349"/>
                    </a:lnTo>
                    <a:lnTo>
                      <a:pt x="466" y="1345"/>
                    </a:lnTo>
                    <a:lnTo>
                      <a:pt x="454" y="1341"/>
                    </a:lnTo>
                    <a:lnTo>
                      <a:pt x="443" y="1337"/>
                    </a:lnTo>
                    <a:lnTo>
                      <a:pt x="421" y="1325"/>
                    </a:lnTo>
                    <a:lnTo>
                      <a:pt x="399" y="1314"/>
                    </a:lnTo>
                    <a:lnTo>
                      <a:pt x="378" y="1301"/>
                    </a:lnTo>
                    <a:lnTo>
                      <a:pt x="359" y="1288"/>
                    </a:lnTo>
                    <a:lnTo>
                      <a:pt x="348" y="1279"/>
                    </a:lnTo>
                    <a:lnTo>
                      <a:pt x="337" y="1268"/>
                    </a:lnTo>
                    <a:lnTo>
                      <a:pt x="328" y="1258"/>
                    </a:lnTo>
                    <a:lnTo>
                      <a:pt x="317" y="1248"/>
                    </a:lnTo>
                    <a:lnTo>
                      <a:pt x="298" y="1226"/>
                    </a:lnTo>
                    <a:lnTo>
                      <a:pt x="277" y="1205"/>
                    </a:lnTo>
                    <a:lnTo>
                      <a:pt x="259" y="1195"/>
                    </a:lnTo>
                    <a:lnTo>
                      <a:pt x="242" y="1184"/>
                    </a:lnTo>
                    <a:lnTo>
                      <a:pt x="225" y="1174"/>
                    </a:lnTo>
                    <a:lnTo>
                      <a:pt x="210" y="1161"/>
                    </a:lnTo>
                    <a:lnTo>
                      <a:pt x="197" y="1148"/>
                    </a:lnTo>
                    <a:lnTo>
                      <a:pt x="184" y="1134"/>
                    </a:lnTo>
                    <a:lnTo>
                      <a:pt x="172" y="1117"/>
                    </a:lnTo>
                    <a:lnTo>
                      <a:pt x="163" y="1097"/>
                    </a:lnTo>
                    <a:lnTo>
                      <a:pt x="159" y="1090"/>
                    </a:lnTo>
                    <a:lnTo>
                      <a:pt x="155" y="1082"/>
                    </a:lnTo>
                    <a:lnTo>
                      <a:pt x="150" y="1075"/>
                    </a:lnTo>
                    <a:lnTo>
                      <a:pt x="145" y="1069"/>
                    </a:lnTo>
                    <a:lnTo>
                      <a:pt x="133" y="1057"/>
                    </a:lnTo>
                    <a:lnTo>
                      <a:pt x="120" y="1047"/>
                    </a:lnTo>
                    <a:lnTo>
                      <a:pt x="107" y="1037"/>
                    </a:lnTo>
                    <a:lnTo>
                      <a:pt x="96" y="1025"/>
                    </a:lnTo>
                    <a:lnTo>
                      <a:pt x="84" y="1013"/>
                    </a:lnTo>
                    <a:lnTo>
                      <a:pt x="75" y="998"/>
                    </a:lnTo>
                    <a:lnTo>
                      <a:pt x="65" y="978"/>
                    </a:lnTo>
                    <a:lnTo>
                      <a:pt x="54" y="959"/>
                    </a:lnTo>
                    <a:lnTo>
                      <a:pt x="48" y="950"/>
                    </a:lnTo>
                    <a:lnTo>
                      <a:pt x="40" y="942"/>
                    </a:lnTo>
                    <a:lnTo>
                      <a:pt x="31" y="937"/>
                    </a:lnTo>
                    <a:lnTo>
                      <a:pt x="21" y="933"/>
                    </a:lnTo>
                    <a:lnTo>
                      <a:pt x="21" y="933"/>
                    </a:lnTo>
                    <a:lnTo>
                      <a:pt x="0" y="825"/>
                    </a:lnTo>
                    <a:lnTo>
                      <a:pt x="0" y="825"/>
                    </a:lnTo>
                    <a:lnTo>
                      <a:pt x="14" y="789"/>
                    </a:lnTo>
                    <a:lnTo>
                      <a:pt x="28" y="752"/>
                    </a:lnTo>
                    <a:lnTo>
                      <a:pt x="35" y="733"/>
                    </a:lnTo>
                    <a:lnTo>
                      <a:pt x="40" y="714"/>
                    </a:lnTo>
                    <a:lnTo>
                      <a:pt x="45" y="695"/>
                    </a:lnTo>
                    <a:lnTo>
                      <a:pt x="48" y="675"/>
                    </a:lnTo>
                    <a:lnTo>
                      <a:pt x="49" y="669"/>
                    </a:lnTo>
                    <a:lnTo>
                      <a:pt x="52" y="662"/>
                    </a:lnTo>
                    <a:lnTo>
                      <a:pt x="54" y="657"/>
                    </a:lnTo>
                    <a:lnTo>
                      <a:pt x="58" y="652"/>
                    </a:lnTo>
                    <a:lnTo>
                      <a:pt x="66" y="641"/>
                    </a:lnTo>
                    <a:lnTo>
                      <a:pt x="74" y="631"/>
                    </a:lnTo>
                    <a:lnTo>
                      <a:pt x="83" y="621"/>
                    </a:lnTo>
                    <a:lnTo>
                      <a:pt x="89" y="610"/>
                    </a:lnTo>
                    <a:lnTo>
                      <a:pt x="92" y="605"/>
                    </a:lnTo>
                    <a:lnTo>
                      <a:pt x="94" y="600"/>
                    </a:lnTo>
                    <a:lnTo>
                      <a:pt x="96" y="594"/>
                    </a:lnTo>
                    <a:lnTo>
                      <a:pt x="97" y="587"/>
                    </a:lnTo>
                    <a:lnTo>
                      <a:pt x="98" y="577"/>
                    </a:lnTo>
                    <a:lnTo>
                      <a:pt x="101" y="568"/>
                    </a:lnTo>
                    <a:lnTo>
                      <a:pt x="103" y="559"/>
                    </a:lnTo>
                    <a:lnTo>
                      <a:pt x="107" y="552"/>
                    </a:lnTo>
                    <a:lnTo>
                      <a:pt x="116" y="537"/>
                    </a:lnTo>
                    <a:lnTo>
                      <a:pt x="124" y="520"/>
                    </a:lnTo>
                    <a:lnTo>
                      <a:pt x="125" y="513"/>
                    </a:lnTo>
                    <a:lnTo>
                      <a:pt x="127" y="507"/>
                    </a:lnTo>
                    <a:lnTo>
                      <a:pt x="125" y="500"/>
                    </a:lnTo>
                    <a:lnTo>
                      <a:pt x="125" y="494"/>
                    </a:lnTo>
                    <a:lnTo>
                      <a:pt x="123" y="480"/>
                    </a:lnTo>
                    <a:lnTo>
                      <a:pt x="120" y="467"/>
                    </a:lnTo>
                    <a:lnTo>
                      <a:pt x="119" y="460"/>
                    </a:lnTo>
                    <a:lnTo>
                      <a:pt x="119" y="454"/>
                    </a:lnTo>
                    <a:lnTo>
                      <a:pt x="120" y="448"/>
                    </a:lnTo>
                    <a:lnTo>
                      <a:pt x="122" y="445"/>
                    </a:lnTo>
                    <a:lnTo>
                      <a:pt x="124" y="441"/>
                    </a:lnTo>
                    <a:lnTo>
                      <a:pt x="128" y="438"/>
                    </a:lnTo>
                    <a:lnTo>
                      <a:pt x="133" y="437"/>
                    </a:lnTo>
                    <a:lnTo>
                      <a:pt x="140" y="436"/>
                    </a:lnTo>
                    <a:lnTo>
                      <a:pt x="159" y="436"/>
                    </a:lnTo>
                    <a:lnTo>
                      <a:pt x="179" y="433"/>
                    </a:lnTo>
                    <a:lnTo>
                      <a:pt x="195" y="429"/>
                    </a:lnTo>
                    <a:lnTo>
                      <a:pt x="212" y="425"/>
                    </a:lnTo>
                    <a:lnTo>
                      <a:pt x="228" y="419"/>
                    </a:lnTo>
                    <a:lnTo>
                      <a:pt x="243" y="410"/>
                    </a:lnTo>
                    <a:lnTo>
                      <a:pt x="260" y="401"/>
                    </a:lnTo>
                    <a:lnTo>
                      <a:pt x="276" y="389"/>
                    </a:lnTo>
                    <a:lnTo>
                      <a:pt x="283" y="268"/>
                    </a:lnTo>
                    <a:lnTo>
                      <a:pt x="283" y="268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27" name="Freeform 146"/>
              <p:cNvSpPr>
                <a:spLocks/>
              </p:cNvSpPr>
              <p:nvPr/>
            </p:nvSpPr>
            <p:spPr bwMode="auto">
              <a:xfrm>
                <a:off x="7572103" y="4723617"/>
                <a:ext cx="429919" cy="305266"/>
              </a:xfrm>
              <a:custGeom>
                <a:avLst/>
                <a:gdLst/>
                <a:ahLst/>
                <a:cxnLst>
                  <a:cxn ang="0">
                    <a:pos x="336" y="186"/>
                  </a:cxn>
                  <a:cxn ang="0">
                    <a:pos x="390" y="181"/>
                  </a:cxn>
                  <a:cxn ang="0">
                    <a:pos x="447" y="144"/>
                  </a:cxn>
                  <a:cxn ang="0">
                    <a:pos x="490" y="116"/>
                  </a:cxn>
                  <a:cxn ang="0">
                    <a:pos x="526" y="103"/>
                  </a:cxn>
                  <a:cxn ang="0">
                    <a:pos x="554" y="101"/>
                  </a:cxn>
                  <a:cxn ang="0">
                    <a:pos x="602" y="105"/>
                  </a:cxn>
                  <a:cxn ang="0">
                    <a:pos x="626" y="101"/>
                  </a:cxn>
                  <a:cxn ang="0">
                    <a:pos x="674" y="82"/>
                  </a:cxn>
                  <a:cxn ang="0">
                    <a:pos x="723" y="65"/>
                  </a:cxn>
                  <a:cxn ang="0">
                    <a:pos x="819" y="43"/>
                  </a:cxn>
                  <a:cxn ang="0">
                    <a:pos x="941" y="108"/>
                  </a:cxn>
                  <a:cxn ang="0">
                    <a:pos x="921" y="149"/>
                  </a:cxn>
                  <a:cxn ang="0">
                    <a:pos x="918" y="181"/>
                  </a:cxn>
                  <a:cxn ang="0">
                    <a:pos x="916" y="208"/>
                  </a:cxn>
                  <a:cxn ang="0">
                    <a:pos x="895" y="248"/>
                  </a:cxn>
                  <a:cxn ang="0">
                    <a:pos x="871" y="270"/>
                  </a:cxn>
                  <a:cxn ang="0">
                    <a:pos x="838" y="282"/>
                  </a:cxn>
                  <a:cxn ang="0">
                    <a:pos x="789" y="289"/>
                  </a:cxn>
                  <a:cxn ang="0">
                    <a:pos x="742" y="300"/>
                  </a:cxn>
                  <a:cxn ang="0">
                    <a:pos x="710" y="319"/>
                  </a:cxn>
                  <a:cxn ang="0">
                    <a:pos x="689" y="339"/>
                  </a:cxn>
                  <a:cxn ang="0">
                    <a:pos x="676" y="354"/>
                  </a:cxn>
                  <a:cxn ang="0">
                    <a:pos x="683" y="383"/>
                  </a:cxn>
                  <a:cxn ang="0">
                    <a:pos x="709" y="436"/>
                  </a:cxn>
                  <a:cxn ang="0">
                    <a:pos x="718" y="469"/>
                  </a:cxn>
                  <a:cxn ang="0">
                    <a:pos x="712" y="493"/>
                  </a:cxn>
                  <a:cxn ang="0">
                    <a:pos x="697" y="513"/>
                  </a:cxn>
                  <a:cxn ang="0">
                    <a:pos x="633" y="545"/>
                  </a:cxn>
                  <a:cxn ang="0">
                    <a:pos x="588" y="567"/>
                  </a:cxn>
                  <a:cxn ang="0">
                    <a:pos x="569" y="590"/>
                  </a:cxn>
                  <a:cxn ang="0">
                    <a:pos x="548" y="651"/>
                  </a:cxn>
                  <a:cxn ang="0">
                    <a:pos x="535" y="671"/>
                  </a:cxn>
                  <a:cxn ang="0">
                    <a:pos x="521" y="677"/>
                  </a:cxn>
                  <a:cxn ang="0">
                    <a:pos x="499" y="675"/>
                  </a:cxn>
                  <a:cxn ang="0">
                    <a:pos x="438" y="655"/>
                  </a:cxn>
                  <a:cxn ang="0">
                    <a:pos x="391" y="624"/>
                  </a:cxn>
                  <a:cxn ang="0">
                    <a:pos x="317" y="568"/>
                  </a:cxn>
                  <a:cxn ang="0">
                    <a:pos x="310" y="574"/>
                  </a:cxn>
                  <a:cxn ang="0">
                    <a:pos x="298" y="599"/>
                  </a:cxn>
                  <a:cxn ang="0">
                    <a:pos x="273" y="644"/>
                  </a:cxn>
                  <a:cxn ang="0">
                    <a:pos x="238" y="657"/>
                  </a:cxn>
                  <a:cxn ang="0">
                    <a:pos x="193" y="661"/>
                  </a:cxn>
                  <a:cxn ang="0">
                    <a:pos x="115" y="653"/>
                  </a:cxn>
                  <a:cxn ang="0">
                    <a:pos x="0" y="613"/>
                  </a:cxn>
                  <a:cxn ang="0">
                    <a:pos x="49" y="599"/>
                  </a:cxn>
                  <a:cxn ang="0">
                    <a:pos x="70" y="581"/>
                  </a:cxn>
                  <a:cxn ang="0">
                    <a:pos x="124" y="557"/>
                  </a:cxn>
                  <a:cxn ang="0">
                    <a:pos x="126" y="528"/>
                  </a:cxn>
                  <a:cxn ang="0">
                    <a:pos x="113" y="497"/>
                  </a:cxn>
                  <a:cxn ang="0">
                    <a:pos x="58" y="408"/>
                  </a:cxn>
                  <a:cxn ang="0">
                    <a:pos x="52" y="362"/>
                  </a:cxn>
                  <a:cxn ang="0">
                    <a:pos x="50" y="314"/>
                  </a:cxn>
                  <a:cxn ang="0">
                    <a:pos x="41" y="270"/>
                  </a:cxn>
                  <a:cxn ang="0">
                    <a:pos x="40" y="235"/>
                  </a:cxn>
                  <a:cxn ang="0">
                    <a:pos x="48" y="218"/>
                  </a:cxn>
                  <a:cxn ang="0">
                    <a:pos x="67" y="208"/>
                  </a:cxn>
                </a:cxnLst>
                <a:rect l="0" t="0" r="r" b="b"/>
                <a:pathLst>
                  <a:path w="941" h="677">
                    <a:moveTo>
                      <a:pt x="136" y="181"/>
                    </a:moveTo>
                    <a:lnTo>
                      <a:pt x="298" y="181"/>
                    </a:lnTo>
                    <a:lnTo>
                      <a:pt x="336" y="186"/>
                    </a:lnTo>
                    <a:lnTo>
                      <a:pt x="364" y="187"/>
                    </a:lnTo>
                    <a:lnTo>
                      <a:pt x="377" y="184"/>
                    </a:lnTo>
                    <a:lnTo>
                      <a:pt x="390" y="181"/>
                    </a:lnTo>
                    <a:lnTo>
                      <a:pt x="405" y="173"/>
                    </a:lnTo>
                    <a:lnTo>
                      <a:pt x="425" y="161"/>
                    </a:lnTo>
                    <a:lnTo>
                      <a:pt x="447" y="144"/>
                    </a:lnTo>
                    <a:lnTo>
                      <a:pt x="468" y="129"/>
                    </a:lnTo>
                    <a:lnTo>
                      <a:pt x="479" y="122"/>
                    </a:lnTo>
                    <a:lnTo>
                      <a:pt x="490" y="116"/>
                    </a:lnTo>
                    <a:lnTo>
                      <a:pt x="503" y="109"/>
                    </a:lnTo>
                    <a:lnTo>
                      <a:pt x="516" y="105"/>
                    </a:lnTo>
                    <a:lnTo>
                      <a:pt x="526" y="103"/>
                    </a:lnTo>
                    <a:lnTo>
                      <a:pt x="536" y="101"/>
                    </a:lnTo>
                    <a:lnTo>
                      <a:pt x="545" y="101"/>
                    </a:lnTo>
                    <a:lnTo>
                      <a:pt x="554" y="101"/>
                    </a:lnTo>
                    <a:lnTo>
                      <a:pt x="574" y="103"/>
                    </a:lnTo>
                    <a:lnTo>
                      <a:pt x="595" y="104"/>
                    </a:lnTo>
                    <a:lnTo>
                      <a:pt x="602" y="105"/>
                    </a:lnTo>
                    <a:lnTo>
                      <a:pt x="610" y="104"/>
                    </a:lnTo>
                    <a:lnTo>
                      <a:pt x="618" y="103"/>
                    </a:lnTo>
                    <a:lnTo>
                      <a:pt x="626" y="101"/>
                    </a:lnTo>
                    <a:lnTo>
                      <a:pt x="641" y="96"/>
                    </a:lnTo>
                    <a:lnTo>
                      <a:pt x="658" y="90"/>
                    </a:lnTo>
                    <a:lnTo>
                      <a:pt x="674" y="82"/>
                    </a:lnTo>
                    <a:lnTo>
                      <a:pt x="690" y="76"/>
                    </a:lnTo>
                    <a:lnTo>
                      <a:pt x="706" y="69"/>
                    </a:lnTo>
                    <a:lnTo>
                      <a:pt x="723" y="65"/>
                    </a:lnTo>
                    <a:lnTo>
                      <a:pt x="757" y="59"/>
                    </a:lnTo>
                    <a:lnTo>
                      <a:pt x="788" y="52"/>
                    </a:lnTo>
                    <a:lnTo>
                      <a:pt x="819" y="43"/>
                    </a:lnTo>
                    <a:lnTo>
                      <a:pt x="852" y="33"/>
                    </a:lnTo>
                    <a:lnTo>
                      <a:pt x="920" y="0"/>
                    </a:lnTo>
                    <a:lnTo>
                      <a:pt x="941" y="108"/>
                    </a:lnTo>
                    <a:lnTo>
                      <a:pt x="930" y="126"/>
                    </a:lnTo>
                    <a:lnTo>
                      <a:pt x="924" y="142"/>
                    </a:lnTo>
                    <a:lnTo>
                      <a:pt x="921" y="149"/>
                    </a:lnTo>
                    <a:lnTo>
                      <a:pt x="920" y="158"/>
                    </a:lnTo>
                    <a:lnTo>
                      <a:pt x="918" y="169"/>
                    </a:lnTo>
                    <a:lnTo>
                      <a:pt x="918" y="181"/>
                    </a:lnTo>
                    <a:lnTo>
                      <a:pt x="918" y="191"/>
                    </a:lnTo>
                    <a:lnTo>
                      <a:pt x="917" y="200"/>
                    </a:lnTo>
                    <a:lnTo>
                      <a:pt x="916" y="208"/>
                    </a:lnTo>
                    <a:lnTo>
                      <a:pt x="913" y="217"/>
                    </a:lnTo>
                    <a:lnTo>
                      <a:pt x="906" y="231"/>
                    </a:lnTo>
                    <a:lnTo>
                      <a:pt x="895" y="248"/>
                    </a:lnTo>
                    <a:lnTo>
                      <a:pt x="889" y="257"/>
                    </a:lnTo>
                    <a:lnTo>
                      <a:pt x="880" y="263"/>
                    </a:lnTo>
                    <a:lnTo>
                      <a:pt x="871" y="270"/>
                    </a:lnTo>
                    <a:lnTo>
                      <a:pt x="860" y="275"/>
                    </a:lnTo>
                    <a:lnTo>
                      <a:pt x="850" y="279"/>
                    </a:lnTo>
                    <a:lnTo>
                      <a:pt x="838" y="282"/>
                    </a:lnTo>
                    <a:lnTo>
                      <a:pt x="826" y="284"/>
                    </a:lnTo>
                    <a:lnTo>
                      <a:pt x="814" y="285"/>
                    </a:lnTo>
                    <a:lnTo>
                      <a:pt x="789" y="289"/>
                    </a:lnTo>
                    <a:lnTo>
                      <a:pt x="764" y="293"/>
                    </a:lnTo>
                    <a:lnTo>
                      <a:pt x="753" y="296"/>
                    </a:lnTo>
                    <a:lnTo>
                      <a:pt x="742" y="300"/>
                    </a:lnTo>
                    <a:lnTo>
                      <a:pt x="731" y="304"/>
                    </a:lnTo>
                    <a:lnTo>
                      <a:pt x="722" y="309"/>
                    </a:lnTo>
                    <a:lnTo>
                      <a:pt x="710" y="319"/>
                    </a:lnTo>
                    <a:lnTo>
                      <a:pt x="700" y="329"/>
                    </a:lnTo>
                    <a:lnTo>
                      <a:pt x="694" y="335"/>
                    </a:lnTo>
                    <a:lnTo>
                      <a:pt x="689" y="339"/>
                    </a:lnTo>
                    <a:lnTo>
                      <a:pt x="683" y="342"/>
                    </a:lnTo>
                    <a:lnTo>
                      <a:pt x="676" y="344"/>
                    </a:lnTo>
                    <a:lnTo>
                      <a:pt x="676" y="354"/>
                    </a:lnTo>
                    <a:lnTo>
                      <a:pt x="678" y="364"/>
                    </a:lnTo>
                    <a:lnTo>
                      <a:pt x="680" y="374"/>
                    </a:lnTo>
                    <a:lnTo>
                      <a:pt x="683" y="383"/>
                    </a:lnTo>
                    <a:lnTo>
                      <a:pt x="692" y="401"/>
                    </a:lnTo>
                    <a:lnTo>
                      <a:pt x="701" y="419"/>
                    </a:lnTo>
                    <a:lnTo>
                      <a:pt x="709" y="436"/>
                    </a:lnTo>
                    <a:lnTo>
                      <a:pt x="715" y="453"/>
                    </a:lnTo>
                    <a:lnTo>
                      <a:pt x="718" y="460"/>
                    </a:lnTo>
                    <a:lnTo>
                      <a:pt x="718" y="469"/>
                    </a:lnTo>
                    <a:lnTo>
                      <a:pt x="718" y="477"/>
                    </a:lnTo>
                    <a:lnTo>
                      <a:pt x="715" y="485"/>
                    </a:lnTo>
                    <a:lnTo>
                      <a:pt x="712" y="493"/>
                    </a:lnTo>
                    <a:lnTo>
                      <a:pt x="707" y="500"/>
                    </a:lnTo>
                    <a:lnTo>
                      <a:pt x="702" y="507"/>
                    </a:lnTo>
                    <a:lnTo>
                      <a:pt x="697" y="513"/>
                    </a:lnTo>
                    <a:lnTo>
                      <a:pt x="683" y="524"/>
                    </a:lnTo>
                    <a:lnTo>
                      <a:pt x="667" y="532"/>
                    </a:lnTo>
                    <a:lnTo>
                      <a:pt x="633" y="545"/>
                    </a:lnTo>
                    <a:lnTo>
                      <a:pt x="604" y="557"/>
                    </a:lnTo>
                    <a:lnTo>
                      <a:pt x="595" y="561"/>
                    </a:lnTo>
                    <a:lnTo>
                      <a:pt x="588" y="567"/>
                    </a:lnTo>
                    <a:lnTo>
                      <a:pt x="582" y="573"/>
                    </a:lnTo>
                    <a:lnTo>
                      <a:pt x="576" y="578"/>
                    </a:lnTo>
                    <a:lnTo>
                      <a:pt x="569" y="590"/>
                    </a:lnTo>
                    <a:lnTo>
                      <a:pt x="562" y="603"/>
                    </a:lnTo>
                    <a:lnTo>
                      <a:pt x="554" y="629"/>
                    </a:lnTo>
                    <a:lnTo>
                      <a:pt x="548" y="651"/>
                    </a:lnTo>
                    <a:lnTo>
                      <a:pt x="544" y="661"/>
                    </a:lnTo>
                    <a:lnTo>
                      <a:pt x="539" y="668"/>
                    </a:lnTo>
                    <a:lnTo>
                      <a:pt x="535" y="671"/>
                    </a:lnTo>
                    <a:lnTo>
                      <a:pt x="531" y="674"/>
                    </a:lnTo>
                    <a:lnTo>
                      <a:pt x="526" y="675"/>
                    </a:lnTo>
                    <a:lnTo>
                      <a:pt x="521" y="677"/>
                    </a:lnTo>
                    <a:lnTo>
                      <a:pt x="514" y="677"/>
                    </a:lnTo>
                    <a:lnTo>
                      <a:pt x="507" y="677"/>
                    </a:lnTo>
                    <a:lnTo>
                      <a:pt x="499" y="675"/>
                    </a:lnTo>
                    <a:lnTo>
                      <a:pt x="488" y="673"/>
                    </a:lnTo>
                    <a:lnTo>
                      <a:pt x="466" y="666"/>
                    </a:lnTo>
                    <a:lnTo>
                      <a:pt x="438" y="655"/>
                    </a:lnTo>
                    <a:lnTo>
                      <a:pt x="426" y="648"/>
                    </a:lnTo>
                    <a:lnTo>
                      <a:pt x="411" y="638"/>
                    </a:lnTo>
                    <a:lnTo>
                      <a:pt x="391" y="624"/>
                    </a:lnTo>
                    <a:lnTo>
                      <a:pt x="370" y="608"/>
                    </a:lnTo>
                    <a:lnTo>
                      <a:pt x="334" y="579"/>
                    </a:lnTo>
                    <a:lnTo>
                      <a:pt x="317" y="568"/>
                    </a:lnTo>
                    <a:lnTo>
                      <a:pt x="315" y="569"/>
                    </a:lnTo>
                    <a:lnTo>
                      <a:pt x="312" y="572"/>
                    </a:lnTo>
                    <a:lnTo>
                      <a:pt x="310" y="574"/>
                    </a:lnTo>
                    <a:lnTo>
                      <a:pt x="307" y="578"/>
                    </a:lnTo>
                    <a:lnTo>
                      <a:pt x="302" y="589"/>
                    </a:lnTo>
                    <a:lnTo>
                      <a:pt x="298" y="599"/>
                    </a:lnTo>
                    <a:lnTo>
                      <a:pt x="289" y="622"/>
                    </a:lnTo>
                    <a:lnTo>
                      <a:pt x="281" y="636"/>
                    </a:lnTo>
                    <a:lnTo>
                      <a:pt x="273" y="644"/>
                    </a:lnTo>
                    <a:lnTo>
                      <a:pt x="263" y="649"/>
                    </a:lnTo>
                    <a:lnTo>
                      <a:pt x="251" y="655"/>
                    </a:lnTo>
                    <a:lnTo>
                      <a:pt x="238" y="657"/>
                    </a:lnTo>
                    <a:lnTo>
                      <a:pt x="224" y="660"/>
                    </a:lnTo>
                    <a:lnTo>
                      <a:pt x="209" y="661"/>
                    </a:lnTo>
                    <a:lnTo>
                      <a:pt x="193" y="661"/>
                    </a:lnTo>
                    <a:lnTo>
                      <a:pt x="177" y="661"/>
                    </a:lnTo>
                    <a:lnTo>
                      <a:pt x="146" y="659"/>
                    </a:lnTo>
                    <a:lnTo>
                      <a:pt x="115" y="653"/>
                    </a:lnTo>
                    <a:lnTo>
                      <a:pt x="89" y="647"/>
                    </a:lnTo>
                    <a:lnTo>
                      <a:pt x="70" y="639"/>
                    </a:lnTo>
                    <a:lnTo>
                      <a:pt x="0" y="613"/>
                    </a:lnTo>
                    <a:lnTo>
                      <a:pt x="19" y="608"/>
                    </a:lnTo>
                    <a:lnTo>
                      <a:pt x="40" y="603"/>
                    </a:lnTo>
                    <a:lnTo>
                      <a:pt x="49" y="599"/>
                    </a:lnTo>
                    <a:lnTo>
                      <a:pt x="57" y="594"/>
                    </a:lnTo>
                    <a:lnTo>
                      <a:pt x="65" y="589"/>
                    </a:lnTo>
                    <a:lnTo>
                      <a:pt x="70" y="581"/>
                    </a:lnTo>
                    <a:lnTo>
                      <a:pt x="111" y="574"/>
                    </a:lnTo>
                    <a:lnTo>
                      <a:pt x="119" y="567"/>
                    </a:lnTo>
                    <a:lnTo>
                      <a:pt x="124" y="557"/>
                    </a:lnTo>
                    <a:lnTo>
                      <a:pt x="127" y="547"/>
                    </a:lnTo>
                    <a:lnTo>
                      <a:pt x="127" y="538"/>
                    </a:lnTo>
                    <a:lnTo>
                      <a:pt x="126" y="528"/>
                    </a:lnTo>
                    <a:lnTo>
                      <a:pt x="123" y="517"/>
                    </a:lnTo>
                    <a:lnTo>
                      <a:pt x="119" y="507"/>
                    </a:lnTo>
                    <a:lnTo>
                      <a:pt x="113" y="497"/>
                    </a:lnTo>
                    <a:lnTo>
                      <a:pt x="87" y="456"/>
                    </a:lnTo>
                    <a:lnTo>
                      <a:pt x="65" y="423"/>
                    </a:lnTo>
                    <a:lnTo>
                      <a:pt x="58" y="408"/>
                    </a:lnTo>
                    <a:lnTo>
                      <a:pt x="54" y="393"/>
                    </a:lnTo>
                    <a:lnTo>
                      <a:pt x="53" y="377"/>
                    </a:lnTo>
                    <a:lnTo>
                      <a:pt x="52" y="362"/>
                    </a:lnTo>
                    <a:lnTo>
                      <a:pt x="52" y="346"/>
                    </a:lnTo>
                    <a:lnTo>
                      <a:pt x="52" y="331"/>
                    </a:lnTo>
                    <a:lnTo>
                      <a:pt x="50" y="314"/>
                    </a:lnTo>
                    <a:lnTo>
                      <a:pt x="48" y="298"/>
                    </a:lnTo>
                    <a:lnTo>
                      <a:pt x="45" y="285"/>
                    </a:lnTo>
                    <a:lnTo>
                      <a:pt x="41" y="270"/>
                    </a:lnTo>
                    <a:lnTo>
                      <a:pt x="40" y="256"/>
                    </a:lnTo>
                    <a:lnTo>
                      <a:pt x="39" y="241"/>
                    </a:lnTo>
                    <a:lnTo>
                      <a:pt x="40" y="235"/>
                    </a:lnTo>
                    <a:lnTo>
                      <a:pt x="41" y="228"/>
                    </a:lnTo>
                    <a:lnTo>
                      <a:pt x="44" y="223"/>
                    </a:lnTo>
                    <a:lnTo>
                      <a:pt x="48" y="218"/>
                    </a:lnTo>
                    <a:lnTo>
                      <a:pt x="53" y="213"/>
                    </a:lnTo>
                    <a:lnTo>
                      <a:pt x="60" y="210"/>
                    </a:lnTo>
                    <a:lnTo>
                      <a:pt x="67" y="208"/>
                    </a:lnTo>
                    <a:lnTo>
                      <a:pt x="76" y="205"/>
                    </a:lnTo>
                    <a:lnTo>
                      <a:pt x="136" y="181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28" name="Freeform 147"/>
              <p:cNvSpPr>
                <a:spLocks/>
              </p:cNvSpPr>
              <p:nvPr/>
            </p:nvSpPr>
            <p:spPr bwMode="auto">
              <a:xfrm>
                <a:off x="7572103" y="4723617"/>
                <a:ext cx="429919" cy="305266"/>
              </a:xfrm>
              <a:custGeom>
                <a:avLst/>
                <a:gdLst/>
                <a:ahLst/>
                <a:cxnLst>
                  <a:cxn ang="0">
                    <a:pos x="336" y="186"/>
                  </a:cxn>
                  <a:cxn ang="0">
                    <a:pos x="390" y="181"/>
                  </a:cxn>
                  <a:cxn ang="0">
                    <a:pos x="447" y="144"/>
                  </a:cxn>
                  <a:cxn ang="0">
                    <a:pos x="490" y="116"/>
                  </a:cxn>
                  <a:cxn ang="0">
                    <a:pos x="526" y="103"/>
                  </a:cxn>
                  <a:cxn ang="0">
                    <a:pos x="554" y="101"/>
                  </a:cxn>
                  <a:cxn ang="0">
                    <a:pos x="602" y="105"/>
                  </a:cxn>
                  <a:cxn ang="0">
                    <a:pos x="626" y="101"/>
                  </a:cxn>
                  <a:cxn ang="0">
                    <a:pos x="674" y="82"/>
                  </a:cxn>
                  <a:cxn ang="0">
                    <a:pos x="723" y="65"/>
                  </a:cxn>
                  <a:cxn ang="0">
                    <a:pos x="819" y="43"/>
                  </a:cxn>
                  <a:cxn ang="0">
                    <a:pos x="920" y="0"/>
                  </a:cxn>
                  <a:cxn ang="0">
                    <a:pos x="930" y="126"/>
                  </a:cxn>
                  <a:cxn ang="0">
                    <a:pos x="920" y="158"/>
                  </a:cxn>
                  <a:cxn ang="0">
                    <a:pos x="918" y="191"/>
                  </a:cxn>
                  <a:cxn ang="0">
                    <a:pos x="913" y="217"/>
                  </a:cxn>
                  <a:cxn ang="0">
                    <a:pos x="889" y="257"/>
                  </a:cxn>
                  <a:cxn ang="0">
                    <a:pos x="860" y="275"/>
                  </a:cxn>
                  <a:cxn ang="0">
                    <a:pos x="826" y="284"/>
                  </a:cxn>
                  <a:cxn ang="0">
                    <a:pos x="764" y="293"/>
                  </a:cxn>
                  <a:cxn ang="0">
                    <a:pos x="731" y="304"/>
                  </a:cxn>
                  <a:cxn ang="0">
                    <a:pos x="700" y="329"/>
                  </a:cxn>
                  <a:cxn ang="0">
                    <a:pos x="683" y="342"/>
                  </a:cxn>
                  <a:cxn ang="0">
                    <a:pos x="678" y="364"/>
                  </a:cxn>
                  <a:cxn ang="0">
                    <a:pos x="692" y="401"/>
                  </a:cxn>
                  <a:cxn ang="0">
                    <a:pos x="715" y="453"/>
                  </a:cxn>
                  <a:cxn ang="0">
                    <a:pos x="718" y="477"/>
                  </a:cxn>
                  <a:cxn ang="0">
                    <a:pos x="707" y="500"/>
                  </a:cxn>
                  <a:cxn ang="0">
                    <a:pos x="683" y="524"/>
                  </a:cxn>
                  <a:cxn ang="0">
                    <a:pos x="604" y="557"/>
                  </a:cxn>
                  <a:cxn ang="0">
                    <a:pos x="582" y="573"/>
                  </a:cxn>
                  <a:cxn ang="0">
                    <a:pos x="562" y="603"/>
                  </a:cxn>
                  <a:cxn ang="0">
                    <a:pos x="544" y="661"/>
                  </a:cxn>
                  <a:cxn ang="0">
                    <a:pos x="531" y="674"/>
                  </a:cxn>
                  <a:cxn ang="0">
                    <a:pos x="514" y="677"/>
                  </a:cxn>
                  <a:cxn ang="0">
                    <a:pos x="488" y="673"/>
                  </a:cxn>
                  <a:cxn ang="0">
                    <a:pos x="426" y="648"/>
                  </a:cxn>
                  <a:cxn ang="0">
                    <a:pos x="370" y="608"/>
                  </a:cxn>
                  <a:cxn ang="0">
                    <a:pos x="315" y="569"/>
                  </a:cxn>
                  <a:cxn ang="0">
                    <a:pos x="307" y="578"/>
                  </a:cxn>
                  <a:cxn ang="0">
                    <a:pos x="289" y="622"/>
                  </a:cxn>
                  <a:cxn ang="0">
                    <a:pos x="263" y="649"/>
                  </a:cxn>
                  <a:cxn ang="0">
                    <a:pos x="224" y="660"/>
                  </a:cxn>
                  <a:cxn ang="0">
                    <a:pos x="177" y="661"/>
                  </a:cxn>
                  <a:cxn ang="0">
                    <a:pos x="89" y="647"/>
                  </a:cxn>
                  <a:cxn ang="0">
                    <a:pos x="0" y="613"/>
                  </a:cxn>
                  <a:cxn ang="0">
                    <a:pos x="49" y="599"/>
                  </a:cxn>
                  <a:cxn ang="0">
                    <a:pos x="70" y="581"/>
                  </a:cxn>
                  <a:cxn ang="0">
                    <a:pos x="119" y="567"/>
                  </a:cxn>
                  <a:cxn ang="0">
                    <a:pos x="127" y="538"/>
                  </a:cxn>
                  <a:cxn ang="0">
                    <a:pos x="119" y="507"/>
                  </a:cxn>
                  <a:cxn ang="0">
                    <a:pos x="65" y="423"/>
                  </a:cxn>
                  <a:cxn ang="0">
                    <a:pos x="53" y="377"/>
                  </a:cxn>
                  <a:cxn ang="0">
                    <a:pos x="52" y="331"/>
                  </a:cxn>
                  <a:cxn ang="0">
                    <a:pos x="45" y="285"/>
                  </a:cxn>
                  <a:cxn ang="0">
                    <a:pos x="39" y="241"/>
                  </a:cxn>
                  <a:cxn ang="0">
                    <a:pos x="44" y="223"/>
                  </a:cxn>
                  <a:cxn ang="0">
                    <a:pos x="60" y="210"/>
                  </a:cxn>
                  <a:cxn ang="0">
                    <a:pos x="136" y="181"/>
                  </a:cxn>
                </a:cxnLst>
                <a:rect l="0" t="0" r="r" b="b"/>
                <a:pathLst>
                  <a:path w="941" h="677">
                    <a:moveTo>
                      <a:pt x="136" y="181"/>
                    </a:moveTo>
                    <a:lnTo>
                      <a:pt x="298" y="181"/>
                    </a:lnTo>
                    <a:lnTo>
                      <a:pt x="336" y="186"/>
                    </a:lnTo>
                    <a:lnTo>
                      <a:pt x="364" y="187"/>
                    </a:lnTo>
                    <a:lnTo>
                      <a:pt x="377" y="184"/>
                    </a:lnTo>
                    <a:lnTo>
                      <a:pt x="390" y="181"/>
                    </a:lnTo>
                    <a:lnTo>
                      <a:pt x="405" y="173"/>
                    </a:lnTo>
                    <a:lnTo>
                      <a:pt x="425" y="161"/>
                    </a:lnTo>
                    <a:lnTo>
                      <a:pt x="447" y="144"/>
                    </a:lnTo>
                    <a:lnTo>
                      <a:pt x="468" y="129"/>
                    </a:lnTo>
                    <a:lnTo>
                      <a:pt x="479" y="122"/>
                    </a:lnTo>
                    <a:lnTo>
                      <a:pt x="490" y="116"/>
                    </a:lnTo>
                    <a:lnTo>
                      <a:pt x="503" y="109"/>
                    </a:lnTo>
                    <a:lnTo>
                      <a:pt x="516" y="105"/>
                    </a:lnTo>
                    <a:lnTo>
                      <a:pt x="526" y="103"/>
                    </a:lnTo>
                    <a:lnTo>
                      <a:pt x="536" y="101"/>
                    </a:lnTo>
                    <a:lnTo>
                      <a:pt x="545" y="101"/>
                    </a:lnTo>
                    <a:lnTo>
                      <a:pt x="554" y="101"/>
                    </a:lnTo>
                    <a:lnTo>
                      <a:pt x="574" y="103"/>
                    </a:lnTo>
                    <a:lnTo>
                      <a:pt x="595" y="104"/>
                    </a:lnTo>
                    <a:lnTo>
                      <a:pt x="602" y="105"/>
                    </a:lnTo>
                    <a:lnTo>
                      <a:pt x="610" y="104"/>
                    </a:lnTo>
                    <a:lnTo>
                      <a:pt x="618" y="103"/>
                    </a:lnTo>
                    <a:lnTo>
                      <a:pt x="626" y="101"/>
                    </a:lnTo>
                    <a:lnTo>
                      <a:pt x="641" y="96"/>
                    </a:lnTo>
                    <a:lnTo>
                      <a:pt x="658" y="90"/>
                    </a:lnTo>
                    <a:lnTo>
                      <a:pt x="674" y="82"/>
                    </a:lnTo>
                    <a:lnTo>
                      <a:pt x="690" y="76"/>
                    </a:lnTo>
                    <a:lnTo>
                      <a:pt x="706" y="69"/>
                    </a:lnTo>
                    <a:lnTo>
                      <a:pt x="723" y="65"/>
                    </a:lnTo>
                    <a:lnTo>
                      <a:pt x="757" y="59"/>
                    </a:lnTo>
                    <a:lnTo>
                      <a:pt x="788" y="52"/>
                    </a:lnTo>
                    <a:lnTo>
                      <a:pt x="819" y="43"/>
                    </a:lnTo>
                    <a:lnTo>
                      <a:pt x="852" y="33"/>
                    </a:lnTo>
                    <a:lnTo>
                      <a:pt x="920" y="0"/>
                    </a:lnTo>
                    <a:lnTo>
                      <a:pt x="920" y="0"/>
                    </a:lnTo>
                    <a:lnTo>
                      <a:pt x="941" y="108"/>
                    </a:lnTo>
                    <a:lnTo>
                      <a:pt x="941" y="108"/>
                    </a:lnTo>
                    <a:lnTo>
                      <a:pt x="930" y="126"/>
                    </a:lnTo>
                    <a:lnTo>
                      <a:pt x="924" y="142"/>
                    </a:lnTo>
                    <a:lnTo>
                      <a:pt x="921" y="149"/>
                    </a:lnTo>
                    <a:lnTo>
                      <a:pt x="920" y="158"/>
                    </a:lnTo>
                    <a:lnTo>
                      <a:pt x="918" y="169"/>
                    </a:lnTo>
                    <a:lnTo>
                      <a:pt x="918" y="181"/>
                    </a:lnTo>
                    <a:lnTo>
                      <a:pt x="918" y="191"/>
                    </a:lnTo>
                    <a:lnTo>
                      <a:pt x="917" y="200"/>
                    </a:lnTo>
                    <a:lnTo>
                      <a:pt x="916" y="208"/>
                    </a:lnTo>
                    <a:lnTo>
                      <a:pt x="913" y="217"/>
                    </a:lnTo>
                    <a:lnTo>
                      <a:pt x="906" y="231"/>
                    </a:lnTo>
                    <a:lnTo>
                      <a:pt x="895" y="248"/>
                    </a:lnTo>
                    <a:lnTo>
                      <a:pt x="889" y="257"/>
                    </a:lnTo>
                    <a:lnTo>
                      <a:pt x="880" y="263"/>
                    </a:lnTo>
                    <a:lnTo>
                      <a:pt x="871" y="270"/>
                    </a:lnTo>
                    <a:lnTo>
                      <a:pt x="860" y="275"/>
                    </a:lnTo>
                    <a:lnTo>
                      <a:pt x="850" y="279"/>
                    </a:lnTo>
                    <a:lnTo>
                      <a:pt x="838" y="282"/>
                    </a:lnTo>
                    <a:lnTo>
                      <a:pt x="826" y="284"/>
                    </a:lnTo>
                    <a:lnTo>
                      <a:pt x="814" y="285"/>
                    </a:lnTo>
                    <a:lnTo>
                      <a:pt x="789" y="289"/>
                    </a:lnTo>
                    <a:lnTo>
                      <a:pt x="764" y="293"/>
                    </a:lnTo>
                    <a:lnTo>
                      <a:pt x="753" y="296"/>
                    </a:lnTo>
                    <a:lnTo>
                      <a:pt x="742" y="300"/>
                    </a:lnTo>
                    <a:lnTo>
                      <a:pt x="731" y="304"/>
                    </a:lnTo>
                    <a:lnTo>
                      <a:pt x="722" y="309"/>
                    </a:lnTo>
                    <a:lnTo>
                      <a:pt x="710" y="319"/>
                    </a:lnTo>
                    <a:lnTo>
                      <a:pt x="700" y="329"/>
                    </a:lnTo>
                    <a:lnTo>
                      <a:pt x="694" y="335"/>
                    </a:lnTo>
                    <a:lnTo>
                      <a:pt x="689" y="339"/>
                    </a:lnTo>
                    <a:lnTo>
                      <a:pt x="683" y="342"/>
                    </a:lnTo>
                    <a:lnTo>
                      <a:pt x="676" y="344"/>
                    </a:lnTo>
                    <a:lnTo>
                      <a:pt x="676" y="354"/>
                    </a:lnTo>
                    <a:lnTo>
                      <a:pt x="678" y="364"/>
                    </a:lnTo>
                    <a:lnTo>
                      <a:pt x="680" y="374"/>
                    </a:lnTo>
                    <a:lnTo>
                      <a:pt x="683" y="383"/>
                    </a:lnTo>
                    <a:lnTo>
                      <a:pt x="692" y="401"/>
                    </a:lnTo>
                    <a:lnTo>
                      <a:pt x="701" y="419"/>
                    </a:lnTo>
                    <a:lnTo>
                      <a:pt x="709" y="436"/>
                    </a:lnTo>
                    <a:lnTo>
                      <a:pt x="715" y="453"/>
                    </a:lnTo>
                    <a:lnTo>
                      <a:pt x="718" y="460"/>
                    </a:lnTo>
                    <a:lnTo>
                      <a:pt x="718" y="469"/>
                    </a:lnTo>
                    <a:lnTo>
                      <a:pt x="718" y="477"/>
                    </a:lnTo>
                    <a:lnTo>
                      <a:pt x="715" y="485"/>
                    </a:lnTo>
                    <a:lnTo>
                      <a:pt x="712" y="493"/>
                    </a:lnTo>
                    <a:lnTo>
                      <a:pt x="707" y="500"/>
                    </a:lnTo>
                    <a:lnTo>
                      <a:pt x="702" y="507"/>
                    </a:lnTo>
                    <a:lnTo>
                      <a:pt x="697" y="513"/>
                    </a:lnTo>
                    <a:lnTo>
                      <a:pt x="683" y="524"/>
                    </a:lnTo>
                    <a:lnTo>
                      <a:pt x="667" y="532"/>
                    </a:lnTo>
                    <a:lnTo>
                      <a:pt x="633" y="545"/>
                    </a:lnTo>
                    <a:lnTo>
                      <a:pt x="604" y="557"/>
                    </a:lnTo>
                    <a:lnTo>
                      <a:pt x="595" y="561"/>
                    </a:lnTo>
                    <a:lnTo>
                      <a:pt x="588" y="567"/>
                    </a:lnTo>
                    <a:lnTo>
                      <a:pt x="582" y="573"/>
                    </a:lnTo>
                    <a:lnTo>
                      <a:pt x="576" y="578"/>
                    </a:lnTo>
                    <a:lnTo>
                      <a:pt x="569" y="590"/>
                    </a:lnTo>
                    <a:lnTo>
                      <a:pt x="562" y="603"/>
                    </a:lnTo>
                    <a:lnTo>
                      <a:pt x="554" y="629"/>
                    </a:lnTo>
                    <a:lnTo>
                      <a:pt x="548" y="651"/>
                    </a:lnTo>
                    <a:lnTo>
                      <a:pt x="544" y="661"/>
                    </a:lnTo>
                    <a:lnTo>
                      <a:pt x="539" y="668"/>
                    </a:lnTo>
                    <a:lnTo>
                      <a:pt x="535" y="671"/>
                    </a:lnTo>
                    <a:lnTo>
                      <a:pt x="531" y="674"/>
                    </a:lnTo>
                    <a:lnTo>
                      <a:pt x="526" y="675"/>
                    </a:lnTo>
                    <a:lnTo>
                      <a:pt x="521" y="677"/>
                    </a:lnTo>
                    <a:lnTo>
                      <a:pt x="514" y="677"/>
                    </a:lnTo>
                    <a:lnTo>
                      <a:pt x="507" y="677"/>
                    </a:lnTo>
                    <a:lnTo>
                      <a:pt x="499" y="675"/>
                    </a:lnTo>
                    <a:lnTo>
                      <a:pt x="488" y="673"/>
                    </a:lnTo>
                    <a:lnTo>
                      <a:pt x="466" y="666"/>
                    </a:lnTo>
                    <a:lnTo>
                      <a:pt x="438" y="655"/>
                    </a:lnTo>
                    <a:lnTo>
                      <a:pt x="426" y="648"/>
                    </a:lnTo>
                    <a:lnTo>
                      <a:pt x="411" y="638"/>
                    </a:lnTo>
                    <a:lnTo>
                      <a:pt x="391" y="624"/>
                    </a:lnTo>
                    <a:lnTo>
                      <a:pt x="370" y="608"/>
                    </a:lnTo>
                    <a:lnTo>
                      <a:pt x="334" y="579"/>
                    </a:lnTo>
                    <a:lnTo>
                      <a:pt x="317" y="568"/>
                    </a:lnTo>
                    <a:lnTo>
                      <a:pt x="315" y="569"/>
                    </a:lnTo>
                    <a:lnTo>
                      <a:pt x="312" y="572"/>
                    </a:lnTo>
                    <a:lnTo>
                      <a:pt x="310" y="574"/>
                    </a:lnTo>
                    <a:lnTo>
                      <a:pt x="307" y="578"/>
                    </a:lnTo>
                    <a:lnTo>
                      <a:pt x="302" y="589"/>
                    </a:lnTo>
                    <a:lnTo>
                      <a:pt x="298" y="599"/>
                    </a:lnTo>
                    <a:lnTo>
                      <a:pt x="289" y="622"/>
                    </a:lnTo>
                    <a:lnTo>
                      <a:pt x="281" y="636"/>
                    </a:lnTo>
                    <a:lnTo>
                      <a:pt x="273" y="644"/>
                    </a:lnTo>
                    <a:lnTo>
                      <a:pt x="263" y="649"/>
                    </a:lnTo>
                    <a:lnTo>
                      <a:pt x="251" y="655"/>
                    </a:lnTo>
                    <a:lnTo>
                      <a:pt x="238" y="657"/>
                    </a:lnTo>
                    <a:lnTo>
                      <a:pt x="224" y="660"/>
                    </a:lnTo>
                    <a:lnTo>
                      <a:pt x="209" y="661"/>
                    </a:lnTo>
                    <a:lnTo>
                      <a:pt x="193" y="661"/>
                    </a:lnTo>
                    <a:lnTo>
                      <a:pt x="177" y="661"/>
                    </a:lnTo>
                    <a:lnTo>
                      <a:pt x="146" y="659"/>
                    </a:lnTo>
                    <a:lnTo>
                      <a:pt x="115" y="653"/>
                    </a:lnTo>
                    <a:lnTo>
                      <a:pt x="89" y="647"/>
                    </a:lnTo>
                    <a:lnTo>
                      <a:pt x="70" y="639"/>
                    </a:lnTo>
                    <a:lnTo>
                      <a:pt x="0" y="613"/>
                    </a:lnTo>
                    <a:lnTo>
                      <a:pt x="0" y="613"/>
                    </a:lnTo>
                    <a:lnTo>
                      <a:pt x="19" y="608"/>
                    </a:lnTo>
                    <a:lnTo>
                      <a:pt x="40" y="603"/>
                    </a:lnTo>
                    <a:lnTo>
                      <a:pt x="49" y="599"/>
                    </a:lnTo>
                    <a:lnTo>
                      <a:pt x="57" y="594"/>
                    </a:lnTo>
                    <a:lnTo>
                      <a:pt x="65" y="589"/>
                    </a:lnTo>
                    <a:lnTo>
                      <a:pt x="70" y="581"/>
                    </a:lnTo>
                    <a:lnTo>
                      <a:pt x="70" y="581"/>
                    </a:lnTo>
                    <a:lnTo>
                      <a:pt x="111" y="574"/>
                    </a:lnTo>
                    <a:lnTo>
                      <a:pt x="119" y="567"/>
                    </a:lnTo>
                    <a:lnTo>
                      <a:pt x="124" y="557"/>
                    </a:lnTo>
                    <a:lnTo>
                      <a:pt x="127" y="547"/>
                    </a:lnTo>
                    <a:lnTo>
                      <a:pt x="127" y="538"/>
                    </a:lnTo>
                    <a:lnTo>
                      <a:pt x="126" y="528"/>
                    </a:lnTo>
                    <a:lnTo>
                      <a:pt x="123" y="517"/>
                    </a:lnTo>
                    <a:lnTo>
                      <a:pt x="119" y="507"/>
                    </a:lnTo>
                    <a:lnTo>
                      <a:pt x="113" y="497"/>
                    </a:lnTo>
                    <a:lnTo>
                      <a:pt x="87" y="456"/>
                    </a:lnTo>
                    <a:lnTo>
                      <a:pt x="65" y="423"/>
                    </a:lnTo>
                    <a:lnTo>
                      <a:pt x="58" y="408"/>
                    </a:lnTo>
                    <a:lnTo>
                      <a:pt x="54" y="393"/>
                    </a:lnTo>
                    <a:lnTo>
                      <a:pt x="53" y="377"/>
                    </a:lnTo>
                    <a:lnTo>
                      <a:pt x="52" y="362"/>
                    </a:lnTo>
                    <a:lnTo>
                      <a:pt x="52" y="346"/>
                    </a:lnTo>
                    <a:lnTo>
                      <a:pt x="52" y="331"/>
                    </a:lnTo>
                    <a:lnTo>
                      <a:pt x="50" y="314"/>
                    </a:lnTo>
                    <a:lnTo>
                      <a:pt x="48" y="298"/>
                    </a:lnTo>
                    <a:lnTo>
                      <a:pt x="45" y="285"/>
                    </a:lnTo>
                    <a:lnTo>
                      <a:pt x="41" y="270"/>
                    </a:lnTo>
                    <a:lnTo>
                      <a:pt x="40" y="256"/>
                    </a:lnTo>
                    <a:lnTo>
                      <a:pt x="39" y="241"/>
                    </a:lnTo>
                    <a:lnTo>
                      <a:pt x="40" y="235"/>
                    </a:lnTo>
                    <a:lnTo>
                      <a:pt x="41" y="228"/>
                    </a:lnTo>
                    <a:lnTo>
                      <a:pt x="44" y="223"/>
                    </a:lnTo>
                    <a:lnTo>
                      <a:pt x="48" y="218"/>
                    </a:lnTo>
                    <a:lnTo>
                      <a:pt x="53" y="213"/>
                    </a:lnTo>
                    <a:lnTo>
                      <a:pt x="60" y="210"/>
                    </a:lnTo>
                    <a:lnTo>
                      <a:pt x="67" y="208"/>
                    </a:lnTo>
                    <a:lnTo>
                      <a:pt x="76" y="205"/>
                    </a:lnTo>
                    <a:lnTo>
                      <a:pt x="136" y="181"/>
                    </a:lnTo>
                    <a:lnTo>
                      <a:pt x="136" y="18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29" name="Freeform 148"/>
              <p:cNvSpPr>
                <a:spLocks/>
              </p:cNvSpPr>
              <p:nvPr/>
            </p:nvSpPr>
            <p:spPr bwMode="auto">
              <a:xfrm>
                <a:off x="8080354" y="4145600"/>
                <a:ext cx="805187" cy="402807"/>
              </a:xfrm>
              <a:custGeom>
                <a:avLst/>
                <a:gdLst/>
                <a:ahLst/>
                <a:cxnLst>
                  <a:cxn ang="0">
                    <a:pos x="97" y="353"/>
                  </a:cxn>
                  <a:cxn ang="0">
                    <a:pos x="158" y="339"/>
                  </a:cxn>
                  <a:cxn ang="0">
                    <a:pos x="280" y="326"/>
                  </a:cxn>
                  <a:cxn ang="0">
                    <a:pos x="351" y="296"/>
                  </a:cxn>
                  <a:cxn ang="0">
                    <a:pos x="407" y="247"/>
                  </a:cxn>
                  <a:cxn ang="0">
                    <a:pos x="478" y="139"/>
                  </a:cxn>
                  <a:cxn ang="0">
                    <a:pos x="670" y="57"/>
                  </a:cxn>
                  <a:cxn ang="0">
                    <a:pos x="717" y="85"/>
                  </a:cxn>
                  <a:cxn ang="0">
                    <a:pos x="744" y="60"/>
                  </a:cxn>
                  <a:cxn ang="0">
                    <a:pos x="786" y="5"/>
                  </a:cxn>
                  <a:cxn ang="0">
                    <a:pos x="831" y="10"/>
                  </a:cxn>
                  <a:cxn ang="0">
                    <a:pos x="898" y="81"/>
                  </a:cxn>
                  <a:cxn ang="0">
                    <a:pos x="921" y="134"/>
                  </a:cxn>
                  <a:cxn ang="0">
                    <a:pos x="972" y="167"/>
                  </a:cxn>
                  <a:cxn ang="0">
                    <a:pos x="1031" y="174"/>
                  </a:cxn>
                  <a:cxn ang="0">
                    <a:pos x="1131" y="112"/>
                  </a:cxn>
                  <a:cxn ang="0">
                    <a:pos x="1174" y="111"/>
                  </a:cxn>
                  <a:cxn ang="0">
                    <a:pos x="1220" y="150"/>
                  </a:cxn>
                  <a:cxn ang="0">
                    <a:pos x="1272" y="147"/>
                  </a:cxn>
                  <a:cxn ang="0">
                    <a:pos x="1397" y="103"/>
                  </a:cxn>
                  <a:cxn ang="0">
                    <a:pos x="1476" y="108"/>
                  </a:cxn>
                  <a:cxn ang="0">
                    <a:pos x="1548" y="138"/>
                  </a:cxn>
                  <a:cxn ang="0">
                    <a:pos x="1608" y="187"/>
                  </a:cxn>
                  <a:cxn ang="0">
                    <a:pos x="1678" y="231"/>
                  </a:cxn>
                  <a:cxn ang="0">
                    <a:pos x="1722" y="371"/>
                  </a:cxn>
                  <a:cxn ang="0">
                    <a:pos x="1665" y="493"/>
                  </a:cxn>
                  <a:cxn ang="0">
                    <a:pos x="1534" y="527"/>
                  </a:cxn>
                  <a:cxn ang="0">
                    <a:pos x="1491" y="480"/>
                  </a:cxn>
                  <a:cxn ang="0">
                    <a:pos x="1456" y="458"/>
                  </a:cxn>
                  <a:cxn ang="0">
                    <a:pos x="1377" y="456"/>
                  </a:cxn>
                  <a:cxn ang="0">
                    <a:pos x="1274" y="467"/>
                  </a:cxn>
                  <a:cxn ang="0">
                    <a:pos x="1184" y="471"/>
                  </a:cxn>
                  <a:cxn ang="0">
                    <a:pos x="1126" y="529"/>
                  </a:cxn>
                  <a:cxn ang="0">
                    <a:pos x="1064" y="598"/>
                  </a:cxn>
                  <a:cxn ang="0">
                    <a:pos x="1008" y="617"/>
                  </a:cxn>
                  <a:cxn ang="0">
                    <a:pos x="951" y="592"/>
                  </a:cxn>
                  <a:cxn ang="0">
                    <a:pos x="908" y="588"/>
                  </a:cxn>
                  <a:cxn ang="0">
                    <a:pos x="890" y="607"/>
                  </a:cxn>
                  <a:cxn ang="0">
                    <a:pos x="853" y="645"/>
                  </a:cxn>
                  <a:cxn ang="0">
                    <a:pos x="750" y="669"/>
                  </a:cxn>
                  <a:cxn ang="0">
                    <a:pos x="689" y="659"/>
                  </a:cxn>
                  <a:cxn ang="0">
                    <a:pos x="660" y="654"/>
                  </a:cxn>
                  <a:cxn ang="0">
                    <a:pos x="641" y="712"/>
                  </a:cxn>
                  <a:cxn ang="0">
                    <a:pos x="632" y="799"/>
                  </a:cxn>
                  <a:cxn ang="0">
                    <a:pos x="637" y="869"/>
                  </a:cxn>
                  <a:cxn ang="0">
                    <a:pos x="573" y="873"/>
                  </a:cxn>
                  <a:cxn ang="0">
                    <a:pos x="442" y="890"/>
                  </a:cxn>
                  <a:cxn ang="0">
                    <a:pos x="311" y="880"/>
                  </a:cxn>
                  <a:cxn ang="0">
                    <a:pos x="39" y="624"/>
                  </a:cxn>
                  <a:cxn ang="0">
                    <a:pos x="3" y="563"/>
                  </a:cxn>
                  <a:cxn ang="0">
                    <a:pos x="7" y="507"/>
                  </a:cxn>
                  <a:cxn ang="0">
                    <a:pos x="34" y="452"/>
                  </a:cxn>
                </a:cxnLst>
                <a:rect l="0" t="0" r="r" b="b"/>
                <a:pathLst>
                  <a:path w="1767" h="891">
                    <a:moveTo>
                      <a:pt x="35" y="431"/>
                    </a:moveTo>
                    <a:lnTo>
                      <a:pt x="53" y="404"/>
                    </a:lnTo>
                    <a:lnTo>
                      <a:pt x="73" y="375"/>
                    </a:lnTo>
                    <a:lnTo>
                      <a:pt x="84" y="364"/>
                    </a:lnTo>
                    <a:lnTo>
                      <a:pt x="97" y="353"/>
                    </a:lnTo>
                    <a:lnTo>
                      <a:pt x="104" y="349"/>
                    </a:lnTo>
                    <a:lnTo>
                      <a:pt x="110" y="345"/>
                    </a:lnTo>
                    <a:lnTo>
                      <a:pt x="118" y="343"/>
                    </a:lnTo>
                    <a:lnTo>
                      <a:pt x="126" y="342"/>
                    </a:lnTo>
                    <a:lnTo>
                      <a:pt x="158" y="339"/>
                    </a:lnTo>
                    <a:lnTo>
                      <a:pt x="189" y="338"/>
                    </a:lnTo>
                    <a:lnTo>
                      <a:pt x="220" y="335"/>
                    </a:lnTo>
                    <a:lnTo>
                      <a:pt x="250" y="332"/>
                    </a:lnTo>
                    <a:lnTo>
                      <a:pt x="264" y="330"/>
                    </a:lnTo>
                    <a:lnTo>
                      <a:pt x="280" y="326"/>
                    </a:lnTo>
                    <a:lnTo>
                      <a:pt x="294" y="322"/>
                    </a:lnTo>
                    <a:lnTo>
                      <a:pt x="308" y="318"/>
                    </a:lnTo>
                    <a:lnTo>
                      <a:pt x="323" y="312"/>
                    </a:lnTo>
                    <a:lnTo>
                      <a:pt x="337" y="305"/>
                    </a:lnTo>
                    <a:lnTo>
                      <a:pt x="351" y="296"/>
                    </a:lnTo>
                    <a:lnTo>
                      <a:pt x="367" y="287"/>
                    </a:lnTo>
                    <a:lnTo>
                      <a:pt x="378" y="278"/>
                    </a:lnTo>
                    <a:lnTo>
                      <a:pt x="389" y="268"/>
                    </a:lnTo>
                    <a:lnTo>
                      <a:pt x="398" y="257"/>
                    </a:lnTo>
                    <a:lnTo>
                      <a:pt x="407" y="247"/>
                    </a:lnTo>
                    <a:lnTo>
                      <a:pt x="422" y="224"/>
                    </a:lnTo>
                    <a:lnTo>
                      <a:pt x="437" y="199"/>
                    </a:lnTo>
                    <a:lnTo>
                      <a:pt x="452" y="174"/>
                    </a:lnTo>
                    <a:lnTo>
                      <a:pt x="468" y="151"/>
                    </a:lnTo>
                    <a:lnTo>
                      <a:pt x="478" y="139"/>
                    </a:lnTo>
                    <a:lnTo>
                      <a:pt x="487" y="129"/>
                    </a:lnTo>
                    <a:lnTo>
                      <a:pt x="499" y="119"/>
                    </a:lnTo>
                    <a:lnTo>
                      <a:pt x="512" y="108"/>
                    </a:lnTo>
                    <a:lnTo>
                      <a:pt x="656" y="44"/>
                    </a:lnTo>
                    <a:lnTo>
                      <a:pt x="670" y="57"/>
                    </a:lnTo>
                    <a:lnTo>
                      <a:pt x="688" y="72"/>
                    </a:lnTo>
                    <a:lnTo>
                      <a:pt x="698" y="80"/>
                    </a:lnTo>
                    <a:lnTo>
                      <a:pt x="707" y="84"/>
                    </a:lnTo>
                    <a:lnTo>
                      <a:pt x="713" y="85"/>
                    </a:lnTo>
                    <a:lnTo>
                      <a:pt x="717" y="85"/>
                    </a:lnTo>
                    <a:lnTo>
                      <a:pt x="722" y="84"/>
                    </a:lnTo>
                    <a:lnTo>
                      <a:pt x="726" y="81"/>
                    </a:lnTo>
                    <a:lnTo>
                      <a:pt x="732" y="76"/>
                    </a:lnTo>
                    <a:lnTo>
                      <a:pt x="739" y="68"/>
                    </a:lnTo>
                    <a:lnTo>
                      <a:pt x="744" y="60"/>
                    </a:lnTo>
                    <a:lnTo>
                      <a:pt x="750" y="51"/>
                    </a:lnTo>
                    <a:lnTo>
                      <a:pt x="762" y="33"/>
                    </a:lnTo>
                    <a:lnTo>
                      <a:pt x="774" y="18"/>
                    </a:lnTo>
                    <a:lnTo>
                      <a:pt x="780" y="10"/>
                    </a:lnTo>
                    <a:lnTo>
                      <a:pt x="786" y="5"/>
                    </a:lnTo>
                    <a:lnTo>
                      <a:pt x="793" y="1"/>
                    </a:lnTo>
                    <a:lnTo>
                      <a:pt x="802" y="0"/>
                    </a:lnTo>
                    <a:lnTo>
                      <a:pt x="810" y="0"/>
                    </a:lnTo>
                    <a:lnTo>
                      <a:pt x="820" y="3"/>
                    </a:lnTo>
                    <a:lnTo>
                      <a:pt x="831" y="10"/>
                    </a:lnTo>
                    <a:lnTo>
                      <a:pt x="841" y="19"/>
                    </a:lnTo>
                    <a:lnTo>
                      <a:pt x="862" y="38"/>
                    </a:lnTo>
                    <a:lnTo>
                      <a:pt x="882" y="59"/>
                    </a:lnTo>
                    <a:lnTo>
                      <a:pt x="890" y="70"/>
                    </a:lnTo>
                    <a:lnTo>
                      <a:pt x="898" y="81"/>
                    </a:lnTo>
                    <a:lnTo>
                      <a:pt x="903" y="94"/>
                    </a:lnTo>
                    <a:lnTo>
                      <a:pt x="907" y="108"/>
                    </a:lnTo>
                    <a:lnTo>
                      <a:pt x="910" y="117"/>
                    </a:lnTo>
                    <a:lnTo>
                      <a:pt x="915" y="127"/>
                    </a:lnTo>
                    <a:lnTo>
                      <a:pt x="921" y="134"/>
                    </a:lnTo>
                    <a:lnTo>
                      <a:pt x="929" y="142"/>
                    </a:lnTo>
                    <a:lnTo>
                      <a:pt x="938" y="150"/>
                    </a:lnTo>
                    <a:lnTo>
                      <a:pt x="948" y="156"/>
                    </a:lnTo>
                    <a:lnTo>
                      <a:pt x="960" y="161"/>
                    </a:lnTo>
                    <a:lnTo>
                      <a:pt x="972" y="167"/>
                    </a:lnTo>
                    <a:lnTo>
                      <a:pt x="983" y="169"/>
                    </a:lnTo>
                    <a:lnTo>
                      <a:pt x="996" y="173"/>
                    </a:lnTo>
                    <a:lnTo>
                      <a:pt x="1008" y="174"/>
                    </a:lnTo>
                    <a:lnTo>
                      <a:pt x="1020" y="176"/>
                    </a:lnTo>
                    <a:lnTo>
                      <a:pt x="1031" y="174"/>
                    </a:lnTo>
                    <a:lnTo>
                      <a:pt x="1043" y="173"/>
                    </a:lnTo>
                    <a:lnTo>
                      <a:pt x="1052" y="171"/>
                    </a:lnTo>
                    <a:lnTo>
                      <a:pt x="1061" y="167"/>
                    </a:lnTo>
                    <a:lnTo>
                      <a:pt x="1100" y="138"/>
                    </a:lnTo>
                    <a:lnTo>
                      <a:pt x="1131" y="112"/>
                    </a:lnTo>
                    <a:lnTo>
                      <a:pt x="1139" y="108"/>
                    </a:lnTo>
                    <a:lnTo>
                      <a:pt x="1147" y="106"/>
                    </a:lnTo>
                    <a:lnTo>
                      <a:pt x="1156" y="106"/>
                    </a:lnTo>
                    <a:lnTo>
                      <a:pt x="1163" y="107"/>
                    </a:lnTo>
                    <a:lnTo>
                      <a:pt x="1174" y="111"/>
                    </a:lnTo>
                    <a:lnTo>
                      <a:pt x="1183" y="116"/>
                    </a:lnTo>
                    <a:lnTo>
                      <a:pt x="1193" y="125"/>
                    </a:lnTo>
                    <a:lnTo>
                      <a:pt x="1206" y="138"/>
                    </a:lnTo>
                    <a:lnTo>
                      <a:pt x="1213" y="145"/>
                    </a:lnTo>
                    <a:lnTo>
                      <a:pt x="1220" y="150"/>
                    </a:lnTo>
                    <a:lnTo>
                      <a:pt x="1230" y="152"/>
                    </a:lnTo>
                    <a:lnTo>
                      <a:pt x="1240" y="154"/>
                    </a:lnTo>
                    <a:lnTo>
                      <a:pt x="1250" y="152"/>
                    </a:lnTo>
                    <a:lnTo>
                      <a:pt x="1261" y="151"/>
                    </a:lnTo>
                    <a:lnTo>
                      <a:pt x="1272" y="147"/>
                    </a:lnTo>
                    <a:lnTo>
                      <a:pt x="1283" y="143"/>
                    </a:lnTo>
                    <a:lnTo>
                      <a:pt x="1328" y="124"/>
                    </a:lnTo>
                    <a:lnTo>
                      <a:pt x="1364" y="110"/>
                    </a:lnTo>
                    <a:lnTo>
                      <a:pt x="1381" y="106"/>
                    </a:lnTo>
                    <a:lnTo>
                      <a:pt x="1397" y="103"/>
                    </a:lnTo>
                    <a:lnTo>
                      <a:pt x="1412" y="103"/>
                    </a:lnTo>
                    <a:lnTo>
                      <a:pt x="1429" y="102"/>
                    </a:lnTo>
                    <a:lnTo>
                      <a:pt x="1445" y="103"/>
                    </a:lnTo>
                    <a:lnTo>
                      <a:pt x="1460" y="106"/>
                    </a:lnTo>
                    <a:lnTo>
                      <a:pt x="1476" y="108"/>
                    </a:lnTo>
                    <a:lnTo>
                      <a:pt x="1491" y="112"/>
                    </a:lnTo>
                    <a:lnTo>
                      <a:pt x="1505" y="117"/>
                    </a:lnTo>
                    <a:lnTo>
                      <a:pt x="1521" y="124"/>
                    </a:lnTo>
                    <a:lnTo>
                      <a:pt x="1535" y="130"/>
                    </a:lnTo>
                    <a:lnTo>
                      <a:pt x="1548" y="138"/>
                    </a:lnTo>
                    <a:lnTo>
                      <a:pt x="1562" y="147"/>
                    </a:lnTo>
                    <a:lnTo>
                      <a:pt x="1575" y="156"/>
                    </a:lnTo>
                    <a:lnTo>
                      <a:pt x="1587" y="167"/>
                    </a:lnTo>
                    <a:lnTo>
                      <a:pt x="1599" y="178"/>
                    </a:lnTo>
                    <a:lnTo>
                      <a:pt x="1608" y="187"/>
                    </a:lnTo>
                    <a:lnTo>
                      <a:pt x="1617" y="195"/>
                    </a:lnTo>
                    <a:lnTo>
                      <a:pt x="1627" y="203"/>
                    </a:lnTo>
                    <a:lnTo>
                      <a:pt x="1636" y="209"/>
                    </a:lnTo>
                    <a:lnTo>
                      <a:pt x="1657" y="221"/>
                    </a:lnTo>
                    <a:lnTo>
                      <a:pt x="1678" y="231"/>
                    </a:lnTo>
                    <a:lnTo>
                      <a:pt x="1722" y="248"/>
                    </a:lnTo>
                    <a:lnTo>
                      <a:pt x="1767" y="268"/>
                    </a:lnTo>
                    <a:lnTo>
                      <a:pt x="1749" y="317"/>
                    </a:lnTo>
                    <a:lnTo>
                      <a:pt x="1735" y="344"/>
                    </a:lnTo>
                    <a:lnTo>
                      <a:pt x="1722" y="371"/>
                    </a:lnTo>
                    <a:lnTo>
                      <a:pt x="1709" y="400"/>
                    </a:lnTo>
                    <a:lnTo>
                      <a:pt x="1696" y="427"/>
                    </a:lnTo>
                    <a:lnTo>
                      <a:pt x="1684" y="454"/>
                    </a:lnTo>
                    <a:lnTo>
                      <a:pt x="1671" y="480"/>
                    </a:lnTo>
                    <a:lnTo>
                      <a:pt x="1665" y="493"/>
                    </a:lnTo>
                    <a:lnTo>
                      <a:pt x="1658" y="506"/>
                    </a:lnTo>
                    <a:lnTo>
                      <a:pt x="1649" y="518"/>
                    </a:lnTo>
                    <a:lnTo>
                      <a:pt x="1640" y="529"/>
                    </a:lnTo>
                    <a:lnTo>
                      <a:pt x="1544" y="533"/>
                    </a:lnTo>
                    <a:lnTo>
                      <a:pt x="1534" y="527"/>
                    </a:lnTo>
                    <a:lnTo>
                      <a:pt x="1526" y="519"/>
                    </a:lnTo>
                    <a:lnTo>
                      <a:pt x="1520" y="513"/>
                    </a:lnTo>
                    <a:lnTo>
                      <a:pt x="1513" y="505"/>
                    </a:lnTo>
                    <a:lnTo>
                      <a:pt x="1502" y="492"/>
                    </a:lnTo>
                    <a:lnTo>
                      <a:pt x="1491" y="480"/>
                    </a:lnTo>
                    <a:lnTo>
                      <a:pt x="1486" y="474"/>
                    </a:lnTo>
                    <a:lnTo>
                      <a:pt x="1480" y="470"/>
                    </a:lnTo>
                    <a:lnTo>
                      <a:pt x="1473" y="465"/>
                    </a:lnTo>
                    <a:lnTo>
                      <a:pt x="1465" y="461"/>
                    </a:lnTo>
                    <a:lnTo>
                      <a:pt x="1456" y="458"/>
                    </a:lnTo>
                    <a:lnTo>
                      <a:pt x="1446" y="456"/>
                    </a:lnTo>
                    <a:lnTo>
                      <a:pt x="1433" y="454"/>
                    </a:lnTo>
                    <a:lnTo>
                      <a:pt x="1419" y="454"/>
                    </a:lnTo>
                    <a:lnTo>
                      <a:pt x="1398" y="454"/>
                    </a:lnTo>
                    <a:lnTo>
                      <a:pt x="1377" y="456"/>
                    </a:lnTo>
                    <a:lnTo>
                      <a:pt x="1356" y="458"/>
                    </a:lnTo>
                    <a:lnTo>
                      <a:pt x="1336" y="461"/>
                    </a:lnTo>
                    <a:lnTo>
                      <a:pt x="1315" y="463"/>
                    </a:lnTo>
                    <a:lnTo>
                      <a:pt x="1294" y="466"/>
                    </a:lnTo>
                    <a:lnTo>
                      <a:pt x="1274" y="467"/>
                    </a:lnTo>
                    <a:lnTo>
                      <a:pt x="1252" y="467"/>
                    </a:lnTo>
                    <a:lnTo>
                      <a:pt x="1226" y="466"/>
                    </a:lnTo>
                    <a:lnTo>
                      <a:pt x="1205" y="466"/>
                    </a:lnTo>
                    <a:lnTo>
                      <a:pt x="1195" y="467"/>
                    </a:lnTo>
                    <a:lnTo>
                      <a:pt x="1184" y="471"/>
                    </a:lnTo>
                    <a:lnTo>
                      <a:pt x="1174" y="478"/>
                    </a:lnTo>
                    <a:lnTo>
                      <a:pt x="1162" y="487"/>
                    </a:lnTo>
                    <a:lnTo>
                      <a:pt x="1148" y="501"/>
                    </a:lnTo>
                    <a:lnTo>
                      <a:pt x="1136" y="515"/>
                    </a:lnTo>
                    <a:lnTo>
                      <a:pt x="1126" y="529"/>
                    </a:lnTo>
                    <a:lnTo>
                      <a:pt x="1116" y="544"/>
                    </a:lnTo>
                    <a:lnTo>
                      <a:pt x="1105" y="558"/>
                    </a:lnTo>
                    <a:lnTo>
                      <a:pt x="1093" y="572"/>
                    </a:lnTo>
                    <a:lnTo>
                      <a:pt x="1081" y="585"/>
                    </a:lnTo>
                    <a:lnTo>
                      <a:pt x="1064" y="598"/>
                    </a:lnTo>
                    <a:lnTo>
                      <a:pt x="1051" y="607"/>
                    </a:lnTo>
                    <a:lnTo>
                      <a:pt x="1039" y="612"/>
                    </a:lnTo>
                    <a:lnTo>
                      <a:pt x="1027" y="616"/>
                    </a:lnTo>
                    <a:lnTo>
                      <a:pt x="1018" y="617"/>
                    </a:lnTo>
                    <a:lnTo>
                      <a:pt x="1008" y="617"/>
                    </a:lnTo>
                    <a:lnTo>
                      <a:pt x="999" y="615"/>
                    </a:lnTo>
                    <a:lnTo>
                      <a:pt x="991" y="612"/>
                    </a:lnTo>
                    <a:lnTo>
                      <a:pt x="983" y="608"/>
                    </a:lnTo>
                    <a:lnTo>
                      <a:pt x="967" y="599"/>
                    </a:lnTo>
                    <a:lnTo>
                      <a:pt x="951" y="592"/>
                    </a:lnTo>
                    <a:lnTo>
                      <a:pt x="942" y="589"/>
                    </a:lnTo>
                    <a:lnTo>
                      <a:pt x="933" y="586"/>
                    </a:lnTo>
                    <a:lnTo>
                      <a:pt x="924" y="586"/>
                    </a:lnTo>
                    <a:lnTo>
                      <a:pt x="912" y="588"/>
                    </a:lnTo>
                    <a:lnTo>
                      <a:pt x="908" y="588"/>
                    </a:lnTo>
                    <a:lnTo>
                      <a:pt x="904" y="590"/>
                    </a:lnTo>
                    <a:lnTo>
                      <a:pt x="900" y="592"/>
                    </a:lnTo>
                    <a:lnTo>
                      <a:pt x="898" y="594"/>
                    </a:lnTo>
                    <a:lnTo>
                      <a:pt x="894" y="601"/>
                    </a:lnTo>
                    <a:lnTo>
                      <a:pt x="890" y="607"/>
                    </a:lnTo>
                    <a:lnTo>
                      <a:pt x="888" y="615"/>
                    </a:lnTo>
                    <a:lnTo>
                      <a:pt x="884" y="621"/>
                    </a:lnTo>
                    <a:lnTo>
                      <a:pt x="878" y="628"/>
                    </a:lnTo>
                    <a:lnTo>
                      <a:pt x="872" y="634"/>
                    </a:lnTo>
                    <a:lnTo>
                      <a:pt x="853" y="645"/>
                    </a:lnTo>
                    <a:lnTo>
                      <a:pt x="829" y="654"/>
                    </a:lnTo>
                    <a:lnTo>
                      <a:pt x="803" y="662"/>
                    </a:lnTo>
                    <a:lnTo>
                      <a:pt x="777" y="667"/>
                    </a:lnTo>
                    <a:lnTo>
                      <a:pt x="763" y="668"/>
                    </a:lnTo>
                    <a:lnTo>
                      <a:pt x="750" y="669"/>
                    </a:lnTo>
                    <a:lnTo>
                      <a:pt x="737" y="669"/>
                    </a:lnTo>
                    <a:lnTo>
                      <a:pt x="724" y="669"/>
                    </a:lnTo>
                    <a:lnTo>
                      <a:pt x="713" y="667"/>
                    </a:lnTo>
                    <a:lnTo>
                      <a:pt x="700" y="664"/>
                    </a:lnTo>
                    <a:lnTo>
                      <a:pt x="689" y="659"/>
                    </a:lnTo>
                    <a:lnTo>
                      <a:pt x="679" y="654"/>
                    </a:lnTo>
                    <a:lnTo>
                      <a:pt x="674" y="650"/>
                    </a:lnTo>
                    <a:lnTo>
                      <a:pt x="667" y="650"/>
                    </a:lnTo>
                    <a:lnTo>
                      <a:pt x="663" y="651"/>
                    </a:lnTo>
                    <a:lnTo>
                      <a:pt x="660" y="654"/>
                    </a:lnTo>
                    <a:lnTo>
                      <a:pt x="656" y="659"/>
                    </a:lnTo>
                    <a:lnTo>
                      <a:pt x="652" y="665"/>
                    </a:lnTo>
                    <a:lnTo>
                      <a:pt x="649" y="672"/>
                    </a:lnTo>
                    <a:lnTo>
                      <a:pt x="648" y="680"/>
                    </a:lnTo>
                    <a:lnTo>
                      <a:pt x="641" y="712"/>
                    </a:lnTo>
                    <a:lnTo>
                      <a:pt x="640" y="734"/>
                    </a:lnTo>
                    <a:lnTo>
                      <a:pt x="639" y="751"/>
                    </a:lnTo>
                    <a:lnTo>
                      <a:pt x="636" y="766"/>
                    </a:lnTo>
                    <a:lnTo>
                      <a:pt x="634" y="782"/>
                    </a:lnTo>
                    <a:lnTo>
                      <a:pt x="632" y="799"/>
                    </a:lnTo>
                    <a:lnTo>
                      <a:pt x="635" y="817"/>
                    </a:lnTo>
                    <a:lnTo>
                      <a:pt x="637" y="839"/>
                    </a:lnTo>
                    <a:lnTo>
                      <a:pt x="639" y="851"/>
                    </a:lnTo>
                    <a:lnTo>
                      <a:pt x="639" y="861"/>
                    </a:lnTo>
                    <a:lnTo>
                      <a:pt x="637" y="869"/>
                    </a:lnTo>
                    <a:lnTo>
                      <a:pt x="635" y="877"/>
                    </a:lnTo>
                    <a:lnTo>
                      <a:pt x="618" y="873"/>
                    </a:lnTo>
                    <a:lnTo>
                      <a:pt x="603" y="871"/>
                    </a:lnTo>
                    <a:lnTo>
                      <a:pt x="587" y="871"/>
                    </a:lnTo>
                    <a:lnTo>
                      <a:pt x="573" y="873"/>
                    </a:lnTo>
                    <a:lnTo>
                      <a:pt x="543" y="877"/>
                    </a:lnTo>
                    <a:lnTo>
                      <a:pt x="512" y="882"/>
                    </a:lnTo>
                    <a:lnTo>
                      <a:pt x="490" y="884"/>
                    </a:lnTo>
                    <a:lnTo>
                      <a:pt x="466" y="887"/>
                    </a:lnTo>
                    <a:lnTo>
                      <a:pt x="442" y="890"/>
                    </a:lnTo>
                    <a:lnTo>
                      <a:pt x="416" y="891"/>
                    </a:lnTo>
                    <a:lnTo>
                      <a:pt x="390" y="891"/>
                    </a:lnTo>
                    <a:lnTo>
                      <a:pt x="364" y="890"/>
                    </a:lnTo>
                    <a:lnTo>
                      <a:pt x="337" y="886"/>
                    </a:lnTo>
                    <a:lnTo>
                      <a:pt x="311" y="880"/>
                    </a:lnTo>
                    <a:lnTo>
                      <a:pt x="152" y="814"/>
                    </a:lnTo>
                    <a:lnTo>
                      <a:pt x="89" y="722"/>
                    </a:lnTo>
                    <a:lnTo>
                      <a:pt x="69" y="665"/>
                    </a:lnTo>
                    <a:lnTo>
                      <a:pt x="53" y="646"/>
                    </a:lnTo>
                    <a:lnTo>
                      <a:pt x="39" y="624"/>
                    </a:lnTo>
                    <a:lnTo>
                      <a:pt x="25" y="602"/>
                    </a:lnTo>
                    <a:lnTo>
                      <a:pt x="12" y="581"/>
                    </a:lnTo>
                    <a:lnTo>
                      <a:pt x="8" y="576"/>
                    </a:lnTo>
                    <a:lnTo>
                      <a:pt x="5" y="570"/>
                    </a:lnTo>
                    <a:lnTo>
                      <a:pt x="3" y="563"/>
                    </a:lnTo>
                    <a:lnTo>
                      <a:pt x="1" y="558"/>
                    </a:lnTo>
                    <a:lnTo>
                      <a:pt x="0" y="545"/>
                    </a:lnTo>
                    <a:lnTo>
                      <a:pt x="1" y="532"/>
                    </a:lnTo>
                    <a:lnTo>
                      <a:pt x="3" y="520"/>
                    </a:lnTo>
                    <a:lnTo>
                      <a:pt x="7" y="507"/>
                    </a:lnTo>
                    <a:lnTo>
                      <a:pt x="12" y="496"/>
                    </a:lnTo>
                    <a:lnTo>
                      <a:pt x="17" y="484"/>
                    </a:lnTo>
                    <a:lnTo>
                      <a:pt x="25" y="471"/>
                    </a:lnTo>
                    <a:lnTo>
                      <a:pt x="31" y="458"/>
                    </a:lnTo>
                    <a:lnTo>
                      <a:pt x="34" y="452"/>
                    </a:lnTo>
                    <a:lnTo>
                      <a:pt x="36" y="445"/>
                    </a:lnTo>
                    <a:lnTo>
                      <a:pt x="36" y="439"/>
                    </a:lnTo>
                    <a:lnTo>
                      <a:pt x="35" y="431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30" name="Freeform 149"/>
              <p:cNvSpPr>
                <a:spLocks/>
              </p:cNvSpPr>
              <p:nvPr/>
            </p:nvSpPr>
            <p:spPr bwMode="auto">
              <a:xfrm>
                <a:off x="8080354" y="4145600"/>
                <a:ext cx="805187" cy="402807"/>
              </a:xfrm>
              <a:custGeom>
                <a:avLst/>
                <a:gdLst/>
                <a:ahLst/>
                <a:cxnLst>
                  <a:cxn ang="0">
                    <a:pos x="97" y="353"/>
                  </a:cxn>
                  <a:cxn ang="0">
                    <a:pos x="158" y="339"/>
                  </a:cxn>
                  <a:cxn ang="0">
                    <a:pos x="280" y="326"/>
                  </a:cxn>
                  <a:cxn ang="0">
                    <a:pos x="351" y="296"/>
                  </a:cxn>
                  <a:cxn ang="0">
                    <a:pos x="407" y="247"/>
                  </a:cxn>
                  <a:cxn ang="0">
                    <a:pos x="478" y="139"/>
                  </a:cxn>
                  <a:cxn ang="0">
                    <a:pos x="656" y="44"/>
                  </a:cxn>
                  <a:cxn ang="0">
                    <a:pos x="713" y="85"/>
                  </a:cxn>
                  <a:cxn ang="0">
                    <a:pos x="739" y="68"/>
                  </a:cxn>
                  <a:cxn ang="0">
                    <a:pos x="780" y="10"/>
                  </a:cxn>
                  <a:cxn ang="0">
                    <a:pos x="820" y="3"/>
                  </a:cxn>
                  <a:cxn ang="0">
                    <a:pos x="890" y="70"/>
                  </a:cxn>
                  <a:cxn ang="0">
                    <a:pos x="915" y="127"/>
                  </a:cxn>
                  <a:cxn ang="0">
                    <a:pos x="960" y="161"/>
                  </a:cxn>
                  <a:cxn ang="0">
                    <a:pos x="1020" y="176"/>
                  </a:cxn>
                  <a:cxn ang="0">
                    <a:pos x="1100" y="138"/>
                  </a:cxn>
                  <a:cxn ang="0">
                    <a:pos x="1163" y="107"/>
                  </a:cxn>
                  <a:cxn ang="0">
                    <a:pos x="1213" y="145"/>
                  </a:cxn>
                  <a:cxn ang="0">
                    <a:pos x="1261" y="151"/>
                  </a:cxn>
                  <a:cxn ang="0">
                    <a:pos x="1381" y="106"/>
                  </a:cxn>
                  <a:cxn ang="0">
                    <a:pos x="1460" y="106"/>
                  </a:cxn>
                  <a:cxn ang="0">
                    <a:pos x="1535" y="130"/>
                  </a:cxn>
                  <a:cxn ang="0">
                    <a:pos x="1599" y="178"/>
                  </a:cxn>
                  <a:cxn ang="0">
                    <a:pos x="1657" y="221"/>
                  </a:cxn>
                  <a:cxn ang="0">
                    <a:pos x="1749" y="317"/>
                  </a:cxn>
                  <a:cxn ang="0">
                    <a:pos x="1684" y="454"/>
                  </a:cxn>
                  <a:cxn ang="0">
                    <a:pos x="1640" y="529"/>
                  </a:cxn>
                  <a:cxn ang="0">
                    <a:pos x="1520" y="513"/>
                  </a:cxn>
                  <a:cxn ang="0">
                    <a:pos x="1480" y="470"/>
                  </a:cxn>
                  <a:cxn ang="0">
                    <a:pos x="1433" y="454"/>
                  </a:cxn>
                  <a:cxn ang="0">
                    <a:pos x="1336" y="461"/>
                  </a:cxn>
                  <a:cxn ang="0">
                    <a:pos x="1226" y="466"/>
                  </a:cxn>
                  <a:cxn ang="0">
                    <a:pos x="1162" y="487"/>
                  </a:cxn>
                  <a:cxn ang="0">
                    <a:pos x="1105" y="558"/>
                  </a:cxn>
                  <a:cxn ang="0">
                    <a:pos x="1039" y="612"/>
                  </a:cxn>
                  <a:cxn ang="0">
                    <a:pos x="991" y="612"/>
                  </a:cxn>
                  <a:cxn ang="0">
                    <a:pos x="933" y="586"/>
                  </a:cxn>
                  <a:cxn ang="0">
                    <a:pos x="900" y="592"/>
                  </a:cxn>
                  <a:cxn ang="0">
                    <a:pos x="884" y="621"/>
                  </a:cxn>
                  <a:cxn ang="0">
                    <a:pos x="803" y="662"/>
                  </a:cxn>
                  <a:cxn ang="0">
                    <a:pos x="724" y="669"/>
                  </a:cxn>
                  <a:cxn ang="0">
                    <a:pos x="674" y="650"/>
                  </a:cxn>
                  <a:cxn ang="0">
                    <a:pos x="652" y="665"/>
                  </a:cxn>
                  <a:cxn ang="0">
                    <a:pos x="639" y="751"/>
                  </a:cxn>
                  <a:cxn ang="0">
                    <a:pos x="637" y="839"/>
                  </a:cxn>
                  <a:cxn ang="0">
                    <a:pos x="618" y="873"/>
                  </a:cxn>
                  <a:cxn ang="0">
                    <a:pos x="512" y="882"/>
                  </a:cxn>
                  <a:cxn ang="0">
                    <a:pos x="390" y="891"/>
                  </a:cxn>
                  <a:cxn ang="0">
                    <a:pos x="89" y="722"/>
                  </a:cxn>
                  <a:cxn ang="0">
                    <a:pos x="25" y="602"/>
                  </a:cxn>
                  <a:cxn ang="0">
                    <a:pos x="1" y="558"/>
                  </a:cxn>
                  <a:cxn ang="0">
                    <a:pos x="12" y="496"/>
                  </a:cxn>
                  <a:cxn ang="0">
                    <a:pos x="36" y="445"/>
                  </a:cxn>
                </a:cxnLst>
                <a:rect l="0" t="0" r="r" b="b"/>
                <a:pathLst>
                  <a:path w="1767" h="891">
                    <a:moveTo>
                      <a:pt x="35" y="431"/>
                    </a:moveTo>
                    <a:lnTo>
                      <a:pt x="53" y="404"/>
                    </a:lnTo>
                    <a:lnTo>
                      <a:pt x="73" y="375"/>
                    </a:lnTo>
                    <a:lnTo>
                      <a:pt x="84" y="364"/>
                    </a:lnTo>
                    <a:lnTo>
                      <a:pt x="97" y="353"/>
                    </a:lnTo>
                    <a:lnTo>
                      <a:pt x="104" y="349"/>
                    </a:lnTo>
                    <a:lnTo>
                      <a:pt x="110" y="345"/>
                    </a:lnTo>
                    <a:lnTo>
                      <a:pt x="118" y="343"/>
                    </a:lnTo>
                    <a:lnTo>
                      <a:pt x="126" y="342"/>
                    </a:lnTo>
                    <a:lnTo>
                      <a:pt x="158" y="339"/>
                    </a:lnTo>
                    <a:lnTo>
                      <a:pt x="189" y="338"/>
                    </a:lnTo>
                    <a:lnTo>
                      <a:pt x="220" y="335"/>
                    </a:lnTo>
                    <a:lnTo>
                      <a:pt x="250" y="332"/>
                    </a:lnTo>
                    <a:lnTo>
                      <a:pt x="264" y="330"/>
                    </a:lnTo>
                    <a:lnTo>
                      <a:pt x="280" y="326"/>
                    </a:lnTo>
                    <a:lnTo>
                      <a:pt x="294" y="322"/>
                    </a:lnTo>
                    <a:lnTo>
                      <a:pt x="308" y="318"/>
                    </a:lnTo>
                    <a:lnTo>
                      <a:pt x="323" y="312"/>
                    </a:lnTo>
                    <a:lnTo>
                      <a:pt x="337" y="305"/>
                    </a:lnTo>
                    <a:lnTo>
                      <a:pt x="351" y="296"/>
                    </a:lnTo>
                    <a:lnTo>
                      <a:pt x="367" y="287"/>
                    </a:lnTo>
                    <a:lnTo>
                      <a:pt x="378" y="278"/>
                    </a:lnTo>
                    <a:lnTo>
                      <a:pt x="389" y="268"/>
                    </a:lnTo>
                    <a:lnTo>
                      <a:pt x="398" y="257"/>
                    </a:lnTo>
                    <a:lnTo>
                      <a:pt x="407" y="247"/>
                    </a:lnTo>
                    <a:lnTo>
                      <a:pt x="422" y="224"/>
                    </a:lnTo>
                    <a:lnTo>
                      <a:pt x="437" y="199"/>
                    </a:lnTo>
                    <a:lnTo>
                      <a:pt x="452" y="174"/>
                    </a:lnTo>
                    <a:lnTo>
                      <a:pt x="468" y="151"/>
                    </a:lnTo>
                    <a:lnTo>
                      <a:pt x="478" y="139"/>
                    </a:lnTo>
                    <a:lnTo>
                      <a:pt x="487" y="129"/>
                    </a:lnTo>
                    <a:lnTo>
                      <a:pt x="499" y="119"/>
                    </a:lnTo>
                    <a:lnTo>
                      <a:pt x="512" y="108"/>
                    </a:lnTo>
                    <a:lnTo>
                      <a:pt x="656" y="44"/>
                    </a:lnTo>
                    <a:lnTo>
                      <a:pt x="656" y="44"/>
                    </a:lnTo>
                    <a:lnTo>
                      <a:pt x="670" y="57"/>
                    </a:lnTo>
                    <a:lnTo>
                      <a:pt x="688" y="72"/>
                    </a:lnTo>
                    <a:lnTo>
                      <a:pt x="698" y="80"/>
                    </a:lnTo>
                    <a:lnTo>
                      <a:pt x="707" y="84"/>
                    </a:lnTo>
                    <a:lnTo>
                      <a:pt x="713" y="85"/>
                    </a:lnTo>
                    <a:lnTo>
                      <a:pt x="717" y="85"/>
                    </a:lnTo>
                    <a:lnTo>
                      <a:pt x="722" y="84"/>
                    </a:lnTo>
                    <a:lnTo>
                      <a:pt x="726" y="81"/>
                    </a:lnTo>
                    <a:lnTo>
                      <a:pt x="732" y="76"/>
                    </a:lnTo>
                    <a:lnTo>
                      <a:pt x="739" y="68"/>
                    </a:lnTo>
                    <a:lnTo>
                      <a:pt x="744" y="60"/>
                    </a:lnTo>
                    <a:lnTo>
                      <a:pt x="750" y="51"/>
                    </a:lnTo>
                    <a:lnTo>
                      <a:pt x="762" y="33"/>
                    </a:lnTo>
                    <a:lnTo>
                      <a:pt x="774" y="18"/>
                    </a:lnTo>
                    <a:lnTo>
                      <a:pt x="780" y="10"/>
                    </a:lnTo>
                    <a:lnTo>
                      <a:pt x="786" y="5"/>
                    </a:lnTo>
                    <a:lnTo>
                      <a:pt x="793" y="1"/>
                    </a:lnTo>
                    <a:lnTo>
                      <a:pt x="802" y="0"/>
                    </a:lnTo>
                    <a:lnTo>
                      <a:pt x="810" y="0"/>
                    </a:lnTo>
                    <a:lnTo>
                      <a:pt x="820" y="3"/>
                    </a:lnTo>
                    <a:lnTo>
                      <a:pt x="831" y="10"/>
                    </a:lnTo>
                    <a:lnTo>
                      <a:pt x="841" y="19"/>
                    </a:lnTo>
                    <a:lnTo>
                      <a:pt x="862" y="38"/>
                    </a:lnTo>
                    <a:lnTo>
                      <a:pt x="882" y="59"/>
                    </a:lnTo>
                    <a:lnTo>
                      <a:pt x="890" y="70"/>
                    </a:lnTo>
                    <a:lnTo>
                      <a:pt x="898" y="81"/>
                    </a:lnTo>
                    <a:lnTo>
                      <a:pt x="903" y="94"/>
                    </a:lnTo>
                    <a:lnTo>
                      <a:pt x="907" y="108"/>
                    </a:lnTo>
                    <a:lnTo>
                      <a:pt x="910" y="117"/>
                    </a:lnTo>
                    <a:lnTo>
                      <a:pt x="915" y="127"/>
                    </a:lnTo>
                    <a:lnTo>
                      <a:pt x="921" y="134"/>
                    </a:lnTo>
                    <a:lnTo>
                      <a:pt x="929" y="142"/>
                    </a:lnTo>
                    <a:lnTo>
                      <a:pt x="938" y="150"/>
                    </a:lnTo>
                    <a:lnTo>
                      <a:pt x="948" y="156"/>
                    </a:lnTo>
                    <a:lnTo>
                      <a:pt x="960" y="161"/>
                    </a:lnTo>
                    <a:lnTo>
                      <a:pt x="972" y="167"/>
                    </a:lnTo>
                    <a:lnTo>
                      <a:pt x="983" y="169"/>
                    </a:lnTo>
                    <a:lnTo>
                      <a:pt x="996" y="173"/>
                    </a:lnTo>
                    <a:lnTo>
                      <a:pt x="1008" y="174"/>
                    </a:lnTo>
                    <a:lnTo>
                      <a:pt x="1020" y="176"/>
                    </a:lnTo>
                    <a:lnTo>
                      <a:pt x="1031" y="174"/>
                    </a:lnTo>
                    <a:lnTo>
                      <a:pt x="1043" y="173"/>
                    </a:lnTo>
                    <a:lnTo>
                      <a:pt x="1052" y="171"/>
                    </a:lnTo>
                    <a:lnTo>
                      <a:pt x="1061" y="167"/>
                    </a:lnTo>
                    <a:lnTo>
                      <a:pt x="1100" y="138"/>
                    </a:lnTo>
                    <a:lnTo>
                      <a:pt x="1131" y="112"/>
                    </a:lnTo>
                    <a:lnTo>
                      <a:pt x="1139" y="108"/>
                    </a:lnTo>
                    <a:lnTo>
                      <a:pt x="1147" y="106"/>
                    </a:lnTo>
                    <a:lnTo>
                      <a:pt x="1156" y="106"/>
                    </a:lnTo>
                    <a:lnTo>
                      <a:pt x="1163" y="107"/>
                    </a:lnTo>
                    <a:lnTo>
                      <a:pt x="1174" y="111"/>
                    </a:lnTo>
                    <a:lnTo>
                      <a:pt x="1183" y="116"/>
                    </a:lnTo>
                    <a:lnTo>
                      <a:pt x="1193" y="125"/>
                    </a:lnTo>
                    <a:lnTo>
                      <a:pt x="1206" y="138"/>
                    </a:lnTo>
                    <a:lnTo>
                      <a:pt x="1213" y="145"/>
                    </a:lnTo>
                    <a:lnTo>
                      <a:pt x="1220" y="150"/>
                    </a:lnTo>
                    <a:lnTo>
                      <a:pt x="1230" y="152"/>
                    </a:lnTo>
                    <a:lnTo>
                      <a:pt x="1240" y="154"/>
                    </a:lnTo>
                    <a:lnTo>
                      <a:pt x="1250" y="152"/>
                    </a:lnTo>
                    <a:lnTo>
                      <a:pt x="1261" y="151"/>
                    </a:lnTo>
                    <a:lnTo>
                      <a:pt x="1272" y="147"/>
                    </a:lnTo>
                    <a:lnTo>
                      <a:pt x="1283" y="143"/>
                    </a:lnTo>
                    <a:lnTo>
                      <a:pt x="1328" y="124"/>
                    </a:lnTo>
                    <a:lnTo>
                      <a:pt x="1364" y="110"/>
                    </a:lnTo>
                    <a:lnTo>
                      <a:pt x="1381" y="106"/>
                    </a:lnTo>
                    <a:lnTo>
                      <a:pt x="1397" y="103"/>
                    </a:lnTo>
                    <a:lnTo>
                      <a:pt x="1412" y="103"/>
                    </a:lnTo>
                    <a:lnTo>
                      <a:pt x="1429" y="102"/>
                    </a:lnTo>
                    <a:lnTo>
                      <a:pt x="1445" y="103"/>
                    </a:lnTo>
                    <a:lnTo>
                      <a:pt x="1460" y="106"/>
                    </a:lnTo>
                    <a:lnTo>
                      <a:pt x="1476" y="108"/>
                    </a:lnTo>
                    <a:lnTo>
                      <a:pt x="1491" y="112"/>
                    </a:lnTo>
                    <a:lnTo>
                      <a:pt x="1505" y="117"/>
                    </a:lnTo>
                    <a:lnTo>
                      <a:pt x="1521" y="124"/>
                    </a:lnTo>
                    <a:lnTo>
                      <a:pt x="1535" y="130"/>
                    </a:lnTo>
                    <a:lnTo>
                      <a:pt x="1548" y="138"/>
                    </a:lnTo>
                    <a:lnTo>
                      <a:pt x="1562" y="147"/>
                    </a:lnTo>
                    <a:lnTo>
                      <a:pt x="1575" y="156"/>
                    </a:lnTo>
                    <a:lnTo>
                      <a:pt x="1587" y="167"/>
                    </a:lnTo>
                    <a:lnTo>
                      <a:pt x="1599" y="178"/>
                    </a:lnTo>
                    <a:lnTo>
                      <a:pt x="1608" y="187"/>
                    </a:lnTo>
                    <a:lnTo>
                      <a:pt x="1617" y="195"/>
                    </a:lnTo>
                    <a:lnTo>
                      <a:pt x="1627" y="203"/>
                    </a:lnTo>
                    <a:lnTo>
                      <a:pt x="1636" y="209"/>
                    </a:lnTo>
                    <a:lnTo>
                      <a:pt x="1657" y="221"/>
                    </a:lnTo>
                    <a:lnTo>
                      <a:pt x="1678" y="231"/>
                    </a:lnTo>
                    <a:lnTo>
                      <a:pt x="1722" y="248"/>
                    </a:lnTo>
                    <a:lnTo>
                      <a:pt x="1767" y="268"/>
                    </a:lnTo>
                    <a:lnTo>
                      <a:pt x="1767" y="268"/>
                    </a:lnTo>
                    <a:lnTo>
                      <a:pt x="1749" y="317"/>
                    </a:lnTo>
                    <a:lnTo>
                      <a:pt x="1735" y="344"/>
                    </a:lnTo>
                    <a:lnTo>
                      <a:pt x="1722" y="371"/>
                    </a:lnTo>
                    <a:lnTo>
                      <a:pt x="1709" y="400"/>
                    </a:lnTo>
                    <a:lnTo>
                      <a:pt x="1696" y="427"/>
                    </a:lnTo>
                    <a:lnTo>
                      <a:pt x="1684" y="454"/>
                    </a:lnTo>
                    <a:lnTo>
                      <a:pt x="1671" y="480"/>
                    </a:lnTo>
                    <a:lnTo>
                      <a:pt x="1665" y="493"/>
                    </a:lnTo>
                    <a:lnTo>
                      <a:pt x="1658" y="506"/>
                    </a:lnTo>
                    <a:lnTo>
                      <a:pt x="1649" y="518"/>
                    </a:lnTo>
                    <a:lnTo>
                      <a:pt x="1640" y="529"/>
                    </a:lnTo>
                    <a:lnTo>
                      <a:pt x="1640" y="529"/>
                    </a:lnTo>
                    <a:lnTo>
                      <a:pt x="1544" y="533"/>
                    </a:lnTo>
                    <a:lnTo>
                      <a:pt x="1534" y="527"/>
                    </a:lnTo>
                    <a:lnTo>
                      <a:pt x="1526" y="519"/>
                    </a:lnTo>
                    <a:lnTo>
                      <a:pt x="1520" y="513"/>
                    </a:lnTo>
                    <a:lnTo>
                      <a:pt x="1513" y="505"/>
                    </a:lnTo>
                    <a:lnTo>
                      <a:pt x="1502" y="492"/>
                    </a:lnTo>
                    <a:lnTo>
                      <a:pt x="1491" y="480"/>
                    </a:lnTo>
                    <a:lnTo>
                      <a:pt x="1486" y="474"/>
                    </a:lnTo>
                    <a:lnTo>
                      <a:pt x="1480" y="470"/>
                    </a:lnTo>
                    <a:lnTo>
                      <a:pt x="1473" y="465"/>
                    </a:lnTo>
                    <a:lnTo>
                      <a:pt x="1465" y="461"/>
                    </a:lnTo>
                    <a:lnTo>
                      <a:pt x="1456" y="458"/>
                    </a:lnTo>
                    <a:lnTo>
                      <a:pt x="1446" y="456"/>
                    </a:lnTo>
                    <a:lnTo>
                      <a:pt x="1433" y="454"/>
                    </a:lnTo>
                    <a:lnTo>
                      <a:pt x="1419" y="454"/>
                    </a:lnTo>
                    <a:lnTo>
                      <a:pt x="1398" y="454"/>
                    </a:lnTo>
                    <a:lnTo>
                      <a:pt x="1377" y="456"/>
                    </a:lnTo>
                    <a:lnTo>
                      <a:pt x="1356" y="458"/>
                    </a:lnTo>
                    <a:lnTo>
                      <a:pt x="1336" y="461"/>
                    </a:lnTo>
                    <a:lnTo>
                      <a:pt x="1315" y="463"/>
                    </a:lnTo>
                    <a:lnTo>
                      <a:pt x="1294" y="466"/>
                    </a:lnTo>
                    <a:lnTo>
                      <a:pt x="1274" y="467"/>
                    </a:lnTo>
                    <a:lnTo>
                      <a:pt x="1252" y="467"/>
                    </a:lnTo>
                    <a:lnTo>
                      <a:pt x="1226" y="466"/>
                    </a:lnTo>
                    <a:lnTo>
                      <a:pt x="1205" y="466"/>
                    </a:lnTo>
                    <a:lnTo>
                      <a:pt x="1195" y="467"/>
                    </a:lnTo>
                    <a:lnTo>
                      <a:pt x="1184" y="471"/>
                    </a:lnTo>
                    <a:lnTo>
                      <a:pt x="1174" y="478"/>
                    </a:lnTo>
                    <a:lnTo>
                      <a:pt x="1162" y="487"/>
                    </a:lnTo>
                    <a:lnTo>
                      <a:pt x="1148" y="501"/>
                    </a:lnTo>
                    <a:lnTo>
                      <a:pt x="1136" y="515"/>
                    </a:lnTo>
                    <a:lnTo>
                      <a:pt x="1126" y="529"/>
                    </a:lnTo>
                    <a:lnTo>
                      <a:pt x="1116" y="544"/>
                    </a:lnTo>
                    <a:lnTo>
                      <a:pt x="1105" y="558"/>
                    </a:lnTo>
                    <a:lnTo>
                      <a:pt x="1093" y="572"/>
                    </a:lnTo>
                    <a:lnTo>
                      <a:pt x="1081" y="585"/>
                    </a:lnTo>
                    <a:lnTo>
                      <a:pt x="1064" y="598"/>
                    </a:lnTo>
                    <a:lnTo>
                      <a:pt x="1051" y="607"/>
                    </a:lnTo>
                    <a:lnTo>
                      <a:pt x="1039" y="612"/>
                    </a:lnTo>
                    <a:lnTo>
                      <a:pt x="1027" y="616"/>
                    </a:lnTo>
                    <a:lnTo>
                      <a:pt x="1018" y="617"/>
                    </a:lnTo>
                    <a:lnTo>
                      <a:pt x="1008" y="617"/>
                    </a:lnTo>
                    <a:lnTo>
                      <a:pt x="999" y="615"/>
                    </a:lnTo>
                    <a:lnTo>
                      <a:pt x="991" y="612"/>
                    </a:lnTo>
                    <a:lnTo>
                      <a:pt x="983" y="608"/>
                    </a:lnTo>
                    <a:lnTo>
                      <a:pt x="967" y="599"/>
                    </a:lnTo>
                    <a:lnTo>
                      <a:pt x="951" y="592"/>
                    </a:lnTo>
                    <a:lnTo>
                      <a:pt x="942" y="589"/>
                    </a:lnTo>
                    <a:lnTo>
                      <a:pt x="933" y="586"/>
                    </a:lnTo>
                    <a:lnTo>
                      <a:pt x="924" y="586"/>
                    </a:lnTo>
                    <a:lnTo>
                      <a:pt x="912" y="588"/>
                    </a:lnTo>
                    <a:lnTo>
                      <a:pt x="908" y="588"/>
                    </a:lnTo>
                    <a:lnTo>
                      <a:pt x="904" y="590"/>
                    </a:lnTo>
                    <a:lnTo>
                      <a:pt x="900" y="592"/>
                    </a:lnTo>
                    <a:lnTo>
                      <a:pt x="898" y="594"/>
                    </a:lnTo>
                    <a:lnTo>
                      <a:pt x="894" y="601"/>
                    </a:lnTo>
                    <a:lnTo>
                      <a:pt x="890" y="607"/>
                    </a:lnTo>
                    <a:lnTo>
                      <a:pt x="888" y="615"/>
                    </a:lnTo>
                    <a:lnTo>
                      <a:pt x="884" y="621"/>
                    </a:lnTo>
                    <a:lnTo>
                      <a:pt x="878" y="628"/>
                    </a:lnTo>
                    <a:lnTo>
                      <a:pt x="872" y="634"/>
                    </a:lnTo>
                    <a:lnTo>
                      <a:pt x="853" y="645"/>
                    </a:lnTo>
                    <a:lnTo>
                      <a:pt x="829" y="654"/>
                    </a:lnTo>
                    <a:lnTo>
                      <a:pt x="803" y="662"/>
                    </a:lnTo>
                    <a:lnTo>
                      <a:pt x="777" y="667"/>
                    </a:lnTo>
                    <a:lnTo>
                      <a:pt x="763" y="668"/>
                    </a:lnTo>
                    <a:lnTo>
                      <a:pt x="750" y="669"/>
                    </a:lnTo>
                    <a:lnTo>
                      <a:pt x="737" y="669"/>
                    </a:lnTo>
                    <a:lnTo>
                      <a:pt x="724" y="669"/>
                    </a:lnTo>
                    <a:lnTo>
                      <a:pt x="713" y="667"/>
                    </a:lnTo>
                    <a:lnTo>
                      <a:pt x="700" y="664"/>
                    </a:lnTo>
                    <a:lnTo>
                      <a:pt x="689" y="659"/>
                    </a:lnTo>
                    <a:lnTo>
                      <a:pt x="679" y="654"/>
                    </a:lnTo>
                    <a:lnTo>
                      <a:pt x="674" y="650"/>
                    </a:lnTo>
                    <a:lnTo>
                      <a:pt x="667" y="650"/>
                    </a:lnTo>
                    <a:lnTo>
                      <a:pt x="663" y="651"/>
                    </a:lnTo>
                    <a:lnTo>
                      <a:pt x="660" y="654"/>
                    </a:lnTo>
                    <a:lnTo>
                      <a:pt x="656" y="659"/>
                    </a:lnTo>
                    <a:lnTo>
                      <a:pt x="652" y="665"/>
                    </a:lnTo>
                    <a:lnTo>
                      <a:pt x="649" y="672"/>
                    </a:lnTo>
                    <a:lnTo>
                      <a:pt x="648" y="680"/>
                    </a:lnTo>
                    <a:lnTo>
                      <a:pt x="641" y="712"/>
                    </a:lnTo>
                    <a:lnTo>
                      <a:pt x="640" y="734"/>
                    </a:lnTo>
                    <a:lnTo>
                      <a:pt x="639" y="751"/>
                    </a:lnTo>
                    <a:lnTo>
                      <a:pt x="636" y="766"/>
                    </a:lnTo>
                    <a:lnTo>
                      <a:pt x="634" y="782"/>
                    </a:lnTo>
                    <a:lnTo>
                      <a:pt x="632" y="799"/>
                    </a:lnTo>
                    <a:lnTo>
                      <a:pt x="635" y="817"/>
                    </a:lnTo>
                    <a:lnTo>
                      <a:pt x="637" y="839"/>
                    </a:lnTo>
                    <a:lnTo>
                      <a:pt x="639" y="851"/>
                    </a:lnTo>
                    <a:lnTo>
                      <a:pt x="639" y="861"/>
                    </a:lnTo>
                    <a:lnTo>
                      <a:pt x="637" y="869"/>
                    </a:lnTo>
                    <a:lnTo>
                      <a:pt x="635" y="877"/>
                    </a:lnTo>
                    <a:lnTo>
                      <a:pt x="618" y="873"/>
                    </a:lnTo>
                    <a:lnTo>
                      <a:pt x="603" y="871"/>
                    </a:lnTo>
                    <a:lnTo>
                      <a:pt x="587" y="871"/>
                    </a:lnTo>
                    <a:lnTo>
                      <a:pt x="573" y="873"/>
                    </a:lnTo>
                    <a:lnTo>
                      <a:pt x="543" y="877"/>
                    </a:lnTo>
                    <a:lnTo>
                      <a:pt x="512" y="882"/>
                    </a:lnTo>
                    <a:lnTo>
                      <a:pt x="490" y="884"/>
                    </a:lnTo>
                    <a:lnTo>
                      <a:pt x="466" y="887"/>
                    </a:lnTo>
                    <a:lnTo>
                      <a:pt x="442" y="890"/>
                    </a:lnTo>
                    <a:lnTo>
                      <a:pt x="416" y="891"/>
                    </a:lnTo>
                    <a:lnTo>
                      <a:pt x="390" y="891"/>
                    </a:lnTo>
                    <a:lnTo>
                      <a:pt x="364" y="890"/>
                    </a:lnTo>
                    <a:lnTo>
                      <a:pt x="337" y="886"/>
                    </a:lnTo>
                    <a:lnTo>
                      <a:pt x="311" y="880"/>
                    </a:lnTo>
                    <a:lnTo>
                      <a:pt x="152" y="814"/>
                    </a:lnTo>
                    <a:lnTo>
                      <a:pt x="89" y="722"/>
                    </a:lnTo>
                    <a:lnTo>
                      <a:pt x="89" y="722"/>
                    </a:lnTo>
                    <a:lnTo>
                      <a:pt x="69" y="665"/>
                    </a:lnTo>
                    <a:lnTo>
                      <a:pt x="53" y="646"/>
                    </a:lnTo>
                    <a:lnTo>
                      <a:pt x="39" y="624"/>
                    </a:lnTo>
                    <a:lnTo>
                      <a:pt x="25" y="602"/>
                    </a:lnTo>
                    <a:lnTo>
                      <a:pt x="12" y="581"/>
                    </a:lnTo>
                    <a:lnTo>
                      <a:pt x="8" y="576"/>
                    </a:lnTo>
                    <a:lnTo>
                      <a:pt x="5" y="570"/>
                    </a:lnTo>
                    <a:lnTo>
                      <a:pt x="3" y="563"/>
                    </a:lnTo>
                    <a:lnTo>
                      <a:pt x="1" y="558"/>
                    </a:lnTo>
                    <a:lnTo>
                      <a:pt x="0" y="545"/>
                    </a:lnTo>
                    <a:lnTo>
                      <a:pt x="1" y="532"/>
                    </a:lnTo>
                    <a:lnTo>
                      <a:pt x="3" y="520"/>
                    </a:lnTo>
                    <a:lnTo>
                      <a:pt x="7" y="507"/>
                    </a:lnTo>
                    <a:lnTo>
                      <a:pt x="12" y="496"/>
                    </a:lnTo>
                    <a:lnTo>
                      <a:pt x="17" y="484"/>
                    </a:lnTo>
                    <a:lnTo>
                      <a:pt x="25" y="471"/>
                    </a:lnTo>
                    <a:lnTo>
                      <a:pt x="31" y="458"/>
                    </a:lnTo>
                    <a:lnTo>
                      <a:pt x="34" y="452"/>
                    </a:lnTo>
                    <a:lnTo>
                      <a:pt x="36" y="445"/>
                    </a:lnTo>
                    <a:lnTo>
                      <a:pt x="36" y="439"/>
                    </a:lnTo>
                    <a:lnTo>
                      <a:pt x="35" y="431"/>
                    </a:lnTo>
                    <a:lnTo>
                      <a:pt x="35" y="43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31" name="Freeform 150"/>
              <p:cNvSpPr>
                <a:spLocks/>
              </p:cNvSpPr>
              <p:nvPr/>
            </p:nvSpPr>
            <p:spPr bwMode="auto">
              <a:xfrm>
                <a:off x="7036526" y="4246753"/>
                <a:ext cx="1083906" cy="561761"/>
              </a:xfrm>
              <a:custGeom>
                <a:avLst/>
                <a:gdLst/>
                <a:ahLst/>
                <a:cxnLst>
                  <a:cxn ang="0">
                    <a:pos x="215" y="673"/>
                  </a:cxn>
                  <a:cxn ang="0">
                    <a:pos x="279" y="685"/>
                  </a:cxn>
                  <a:cxn ang="0">
                    <a:pos x="302" y="596"/>
                  </a:cxn>
                  <a:cxn ang="0">
                    <a:pos x="340" y="576"/>
                  </a:cxn>
                  <a:cxn ang="0">
                    <a:pos x="404" y="634"/>
                  </a:cxn>
                  <a:cxn ang="0">
                    <a:pos x="496" y="659"/>
                  </a:cxn>
                  <a:cxn ang="0">
                    <a:pos x="625" y="636"/>
                  </a:cxn>
                  <a:cxn ang="0">
                    <a:pos x="785" y="625"/>
                  </a:cxn>
                  <a:cxn ang="0">
                    <a:pos x="851" y="553"/>
                  </a:cxn>
                  <a:cxn ang="0">
                    <a:pos x="901" y="575"/>
                  </a:cxn>
                  <a:cxn ang="0">
                    <a:pos x="996" y="605"/>
                  </a:cxn>
                  <a:cxn ang="0">
                    <a:pos x="1065" y="653"/>
                  </a:cxn>
                  <a:cxn ang="0">
                    <a:pos x="1092" y="607"/>
                  </a:cxn>
                  <a:cxn ang="0">
                    <a:pos x="1019" y="390"/>
                  </a:cxn>
                  <a:cxn ang="0">
                    <a:pos x="1098" y="356"/>
                  </a:cxn>
                  <a:cxn ang="0">
                    <a:pos x="1210" y="344"/>
                  </a:cxn>
                  <a:cxn ang="0">
                    <a:pos x="1255" y="259"/>
                  </a:cxn>
                  <a:cxn ang="0">
                    <a:pos x="1304" y="221"/>
                  </a:cxn>
                  <a:cxn ang="0">
                    <a:pos x="1375" y="185"/>
                  </a:cxn>
                  <a:cxn ang="0">
                    <a:pos x="1423" y="131"/>
                  </a:cxn>
                  <a:cxn ang="0">
                    <a:pos x="1502" y="193"/>
                  </a:cxn>
                  <a:cxn ang="0">
                    <a:pos x="1581" y="159"/>
                  </a:cxn>
                  <a:cxn ang="0">
                    <a:pos x="1693" y="94"/>
                  </a:cxn>
                  <a:cxn ang="0">
                    <a:pos x="1729" y="19"/>
                  </a:cxn>
                  <a:cxn ang="0">
                    <a:pos x="1795" y="5"/>
                  </a:cxn>
                  <a:cxn ang="0">
                    <a:pos x="1984" y="125"/>
                  </a:cxn>
                  <a:cxn ang="0">
                    <a:pos x="2118" y="127"/>
                  </a:cxn>
                  <a:cxn ang="0">
                    <a:pos x="2281" y="160"/>
                  </a:cxn>
                  <a:cxn ang="0">
                    <a:pos x="2326" y="221"/>
                  </a:cxn>
                  <a:cxn ang="0">
                    <a:pos x="2291" y="308"/>
                  </a:cxn>
                  <a:cxn ang="0">
                    <a:pos x="2329" y="400"/>
                  </a:cxn>
                  <a:cxn ang="0">
                    <a:pos x="2308" y="655"/>
                  </a:cxn>
                  <a:cxn ang="0">
                    <a:pos x="2218" y="675"/>
                  </a:cxn>
                  <a:cxn ang="0">
                    <a:pos x="2223" y="737"/>
                  </a:cxn>
                  <a:cxn ang="0">
                    <a:pos x="2193" y="817"/>
                  </a:cxn>
                  <a:cxn ang="0">
                    <a:pos x="2154" y="882"/>
                  </a:cxn>
                  <a:cxn ang="0">
                    <a:pos x="2124" y="982"/>
                  </a:cxn>
                  <a:cxn ang="0">
                    <a:pos x="1882" y="1124"/>
                  </a:cxn>
                  <a:cxn ang="0">
                    <a:pos x="1778" y="1160"/>
                  </a:cxn>
                  <a:cxn ang="0">
                    <a:pos x="1679" y="1164"/>
                  </a:cxn>
                  <a:cxn ang="0">
                    <a:pos x="1553" y="1239"/>
                  </a:cxn>
                  <a:cxn ang="0">
                    <a:pos x="1264" y="1171"/>
                  </a:cxn>
                  <a:cxn ang="0">
                    <a:pos x="1190" y="1140"/>
                  </a:cxn>
                  <a:cxn ang="0">
                    <a:pos x="1053" y="1080"/>
                  </a:cxn>
                  <a:cxn ang="0">
                    <a:pos x="938" y="1058"/>
                  </a:cxn>
                  <a:cxn ang="0">
                    <a:pos x="844" y="989"/>
                  </a:cxn>
                  <a:cxn ang="0">
                    <a:pos x="833" y="848"/>
                  </a:cxn>
                  <a:cxn ang="0">
                    <a:pos x="763" y="825"/>
                  </a:cxn>
                  <a:cxn ang="0">
                    <a:pos x="570" y="817"/>
                  </a:cxn>
                  <a:cxn ang="0">
                    <a:pos x="460" y="846"/>
                  </a:cxn>
                  <a:cxn ang="0">
                    <a:pos x="347" y="851"/>
                  </a:cxn>
                  <a:cxn ang="0">
                    <a:pos x="260" y="884"/>
                  </a:cxn>
                  <a:cxn ang="0">
                    <a:pos x="158" y="884"/>
                  </a:cxn>
                  <a:cxn ang="0">
                    <a:pos x="96" y="862"/>
                  </a:cxn>
                  <a:cxn ang="0">
                    <a:pos x="57" y="792"/>
                  </a:cxn>
                  <a:cxn ang="0">
                    <a:pos x="22" y="702"/>
                  </a:cxn>
                  <a:cxn ang="0">
                    <a:pos x="27" y="647"/>
                  </a:cxn>
                  <a:cxn ang="0">
                    <a:pos x="31" y="576"/>
                  </a:cxn>
                </a:cxnLst>
                <a:rect l="0" t="0" r="r" b="b"/>
                <a:pathLst>
                  <a:path w="2379" h="1242">
                    <a:moveTo>
                      <a:pt x="31" y="576"/>
                    </a:moveTo>
                    <a:lnTo>
                      <a:pt x="86" y="566"/>
                    </a:lnTo>
                    <a:lnTo>
                      <a:pt x="101" y="581"/>
                    </a:lnTo>
                    <a:lnTo>
                      <a:pt x="121" y="601"/>
                    </a:lnTo>
                    <a:lnTo>
                      <a:pt x="142" y="620"/>
                    </a:lnTo>
                    <a:lnTo>
                      <a:pt x="158" y="632"/>
                    </a:lnTo>
                    <a:lnTo>
                      <a:pt x="184" y="651"/>
                    </a:lnTo>
                    <a:lnTo>
                      <a:pt x="215" y="673"/>
                    </a:lnTo>
                    <a:lnTo>
                      <a:pt x="222" y="678"/>
                    </a:lnTo>
                    <a:lnTo>
                      <a:pt x="230" y="684"/>
                    </a:lnTo>
                    <a:lnTo>
                      <a:pt x="239" y="686"/>
                    </a:lnTo>
                    <a:lnTo>
                      <a:pt x="247" y="689"/>
                    </a:lnTo>
                    <a:lnTo>
                      <a:pt x="255" y="690"/>
                    </a:lnTo>
                    <a:lnTo>
                      <a:pt x="264" y="690"/>
                    </a:lnTo>
                    <a:lnTo>
                      <a:pt x="272" y="689"/>
                    </a:lnTo>
                    <a:lnTo>
                      <a:pt x="279" y="685"/>
                    </a:lnTo>
                    <a:lnTo>
                      <a:pt x="283" y="681"/>
                    </a:lnTo>
                    <a:lnTo>
                      <a:pt x="287" y="676"/>
                    </a:lnTo>
                    <a:lnTo>
                      <a:pt x="290" y="669"/>
                    </a:lnTo>
                    <a:lnTo>
                      <a:pt x="291" y="663"/>
                    </a:lnTo>
                    <a:lnTo>
                      <a:pt x="294" y="646"/>
                    </a:lnTo>
                    <a:lnTo>
                      <a:pt x="295" y="628"/>
                    </a:lnTo>
                    <a:lnTo>
                      <a:pt x="298" y="611"/>
                    </a:lnTo>
                    <a:lnTo>
                      <a:pt x="302" y="596"/>
                    </a:lnTo>
                    <a:lnTo>
                      <a:pt x="304" y="588"/>
                    </a:lnTo>
                    <a:lnTo>
                      <a:pt x="308" y="583"/>
                    </a:lnTo>
                    <a:lnTo>
                      <a:pt x="313" y="579"/>
                    </a:lnTo>
                    <a:lnTo>
                      <a:pt x="320" y="576"/>
                    </a:lnTo>
                    <a:lnTo>
                      <a:pt x="325" y="575"/>
                    </a:lnTo>
                    <a:lnTo>
                      <a:pt x="330" y="575"/>
                    </a:lnTo>
                    <a:lnTo>
                      <a:pt x="335" y="575"/>
                    </a:lnTo>
                    <a:lnTo>
                      <a:pt x="340" y="576"/>
                    </a:lnTo>
                    <a:lnTo>
                      <a:pt x="349" y="579"/>
                    </a:lnTo>
                    <a:lnTo>
                      <a:pt x="359" y="584"/>
                    </a:lnTo>
                    <a:lnTo>
                      <a:pt x="366" y="590"/>
                    </a:lnTo>
                    <a:lnTo>
                      <a:pt x="374" y="598"/>
                    </a:lnTo>
                    <a:lnTo>
                      <a:pt x="381" y="606"/>
                    </a:lnTo>
                    <a:lnTo>
                      <a:pt x="386" y="614"/>
                    </a:lnTo>
                    <a:lnTo>
                      <a:pt x="395" y="625"/>
                    </a:lnTo>
                    <a:lnTo>
                      <a:pt x="404" y="634"/>
                    </a:lnTo>
                    <a:lnTo>
                      <a:pt x="414" y="642"/>
                    </a:lnTo>
                    <a:lnTo>
                      <a:pt x="425" y="649"/>
                    </a:lnTo>
                    <a:lnTo>
                      <a:pt x="436" y="654"/>
                    </a:lnTo>
                    <a:lnTo>
                      <a:pt x="448" y="656"/>
                    </a:lnTo>
                    <a:lnTo>
                      <a:pt x="460" y="659"/>
                    </a:lnTo>
                    <a:lnTo>
                      <a:pt x="471" y="660"/>
                    </a:lnTo>
                    <a:lnTo>
                      <a:pt x="484" y="659"/>
                    </a:lnTo>
                    <a:lnTo>
                      <a:pt x="496" y="659"/>
                    </a:lnTo>
                    <a:lnTo>
                      <a:pt x="509" y="656"/>
                    </a:lnTo>
                    <a:lnTo>
                      <a:pt x="522" y="655"/>
                    </a:lnTo>
                    <a:lnTo>
                      <a:pt x="546" y="649"/>
                    </a:lnTo>
                    <a:lnTo>
                      <a:pt x="572" y="642"/>
                    </a:lnTo>
                    <a:lnTo>
                      <a:pt x="585" y="638"/>
                    </a:lnTo>
                    <a:lnTo>
                      <a:pt x="598" y="636"/>
                    </a:lnTo>
                    <a:lnTo>
                      <a:pt x="611" y="636"/>
                    </a:lnTo>
                    <a:lnTo>
                      <a:pt x="625" y="636"/>
                    </a:lnTo>
                    <a:lnTo>
                      <a:pt x="651" y="637"/>
                    </a:lnTo>
                    <a:lnTo>
                      <a:pt x="678" y="640"/>
                    </a:lnTo>
                    <a:lnTo>
                      <a:pt x="706" y="641"/>
                    </a:lnTo>
                    <a:lnTo>
                      <a:pt x="732" y="641"/>
                    </a:lnTo>
                    <a:lnTo>
                      <a:pt x="746" y="640"/>
                    </a:lnTo>
                    <a:lnTo>
                      <a:pt x="759" y="636"/>
                    </a:lnTo>
                    <a:lnTo>
                      <a:pt x="772" y="632"/>
                    </a:lnTo>
                    <a:lnTo>
                      <a:pt x="785" y="625"/>
                    </a:lnTo>
                    <a:lnTo>
                      <a:pt x="798" y="611"/>
                    </a:lnTo>
                    <a:lnTo>
                      <a:pt x="808" y="594"/>
                    </a:lnTo>
                    <a:lnTo>
                      <a:pt x="813" y="587"/>
                    </a:lnTo>
                    <a:lnTo>
                      <a:pt x="820" y="579"/>
                    </a:lnTo>
                    <a:lnTo>
                      <a:pt x="825" y="571"/>
                    </a:lnTo>
                    <a:lnTo>
                      <a:pt x="833" y="564"/>
                    </a:lnTo>
                    <a:lnTo>
                      <a:pt x="840" y="558"/>
                    </a:lnTo>
                    <a:lnTo>
                      <a:pt x="851" y="553"/>
                    </a:lnTo>
                    <a:lnTo>
                      <a:pt x="856" y="552"/>
                    </a:lnTo>
                    <a:lnTo>
                      <a:pt x="861" y="552"/>
                    </a:lnTo>
                    <a:lnTo>
                      <a:pt x="866" y="553"/>
                    </a:lnTo>
                    <a:lnTo>
                      <a:pt x="872" y="555"/>
                    </a:lnTo>
                    <a:lnTo>
                      <a:pt x="881" y="562"/>
                    </a:lnTo>
                    <a:lnTo>
                      <a:pt x="891" y="568"/>
                    </a:lnTo>
                    <a:lnTo>
                      <a:pt x="896" y="572"/>
                    </a:lnTo>
                    <a:lnTo>
                      <a:pt x="901" y="575"/>
                    </a:lnTo>
                    <a:lnTo>
                      <a:pt x="908" y="576"/>
                    </a:lnTo>
                    <a:lnTo>
                      <a:pt x="913" y="577"/>
                    </a:lnTo>
                    <a:lnTo>
                      <a:pt x="931" y="579"/>
                    </a:lnTo>
                    <a:lnTo>
                      <a:pt x="945" y="581"/>
                    </a:lnTo>
                    <a:lnTo>
                      <a:pt x="961" y="587"/>
                    </a:lnTo>
                    <a:lnTo>
                      <a:pt x="978" y="593"/>
                    </a:lnTo>
                    <a:lnTo>
                      <a:pt x="987" y="597"/>
                    </a:lnTo>
                    <a:lnTo>
                      <a:pt x="996" y="605"/>
                    </a:lnTo>
                    <a:lnTo>
                      <a:pt x="1004" y="612"/>
                    </a:lnTo>
                    <a:lnTo>
                      <a:pt x="1010" y="620"/>
                    </a:lnTo>
                    <a:lnTo>
                      <a:pt x="1018" y="629"/>
                    </a:lnTo>
                    <a:lnTo>
                      <a:pt x="1024" y="637"/>
                    </a:lnTo>
                    <a:lnTo>
                      <a:pt x="1033" y="645"/>
                    </a:lnTo>
                    <a:lnTo>
                      <a:pt x="1043" y="651"/>
                    </a:lnTo>
                    <a:lnTo>
                      <a:pt x="1054" y="653"/>
                    </a:lnTo>
                    <a:lnTo>
                      <a:pt x="1065" y="653"/>
                    </a:lnTo>
                    <a:lnTo>
                      <a:pt x="1072" y="651"/>
                    </a:lnTo>
                    <a:lnTo>
                      <a:pt x="1079" y="649"/>
                    </a:lnTo>
                    <a:lnTo>
                      <a:pt x="1084" y="645"/>
                    </a:lnTo>
                    <a:lnTo>
                      <a:pt x="1088" y="638"/>
                    </a:lnTo>
                    <a:lnTo>
                      <a:pt x="1090" y="632"/>
                    </a:lnTo>
                    <a:lnTo>
                      <a:pt x="1093" y="624"/>
                    </a:lnTo>
                    <a:lnTo>
                      <a:pt x="1093" y="616"/>
                    </a:lnTo>
                    <a:lnTo>
                      <a:pt x="1092" y="607"/>
                    </a:lnTo>
                    <a:lnTo>
                      <a:pt x="1090" y="597"/>
                    </a:lnTo>
                    <a:lnTo>
                      <a:pt x="1088" y="585"/>
                    </a:lnTo>
                    <a:lnTo>
                      <a:pt x="1081" y="562"/>
                    </a:lnTo>
                    <a:lnTo>
                      <a:pt x="1072" y="537"/>
                    </a:lnTo>
                    <a:lnTo>
                      <a:pt x="1052" y="484"/>
                    </a:lnTo>
                    <a:lnTo>
                      <a:pt x="1032" y="432"/>
                    </a:lnTo>
                    <a:lnTo>
                      <a:pt x="1024" y="410"/>
                    </a:lnTo>
                    <a:lnTo>
                      <a:pt x="1019" y="390"/>
                    </a:lnTo>
                    <a:lnTo>
                      <a:pt x="1018" y="381"/>
                    </a:lnTo>
                    <a:lnTo>
                      <a:pt x="1017" y="373"/>
                    </a:lnTo>
                    <a:lnTo>
                      <a:pt x="1017" y="365"/>
                    </a:lnTo>
                    <a:lnTo>
                      <a:pt x="1018" y="359"/>
                    </a:lnTo>
                    <a:lnTo>
                      <a:pt x="1036" y="356"/>
                    </a:lnTo>
                    <a:lnTo>
                      <a:pt x="1055" y="355"/>
                    </a:lnTo>
                    <a:lnTo>
                      <a:pt x="1076" y="355"/>
                    </a:lnTo>
                    <a:lnTo>
                      <a:pt x="1098" y="356"/>
                    </a:lnTo>
                    <a:lnTo>
                      <a:pt x="1119" y="359"/>
                    </a:lnTo>
                    <a:lnTo>
                      <a:pt x="1141" y="359"/>
                    </a:lnTo>
                    <a:lnTo>
                      <a:pt x="1162" y="359"/>
                    </a:lnTo>
                    <a:lnTo>
                      <a:pt x="1182" y="356"/>
                    </a:lnTo>
                    <a:lnTo>
                      <a:pt x="1190" y="353"/>
                    </a:lnTo>
                    <a:lnTo>
                      <a:pt x="1198" y="351"/>
                    </a:lnTo>
                    <a:lnTo>
                      <a:pt x="1204" y="348"/>
                    </a:lnTo>
                    <a:lnTo>
                      <a:pt x="1210" y="344"/>
                    </a:lnTo>
                    <a:lnTo>
                      <a:pt x="1220" y="336"/>
                    </a:lnTo>
                    <a:lnTo>
                      <a:pt x="1228" y="327"/>
                    </a:lnTo>
                    <a:lnTo>
                      <a:pt x="1234" y="317"/>
                    </a:lnTo>
                    <a:lnTo>
                      <a:pt x="1239" y="305"/>
                    </a:lnTo>
                    <a:lnTo>
                      <a:pt x="1243" y="294"/>
                    </a:lnTo>
                    <a:lnTo>
                      <a:pt x="1247" y="282"/>
                    </a:lnTo>
                    <a:lnTo>
                      <a:pt x="1251" y="270"/>
                    </a:lnTo>
                    <a:lnTo>
                      <a:pt x="1255" y="259"/>
                    </a:lnTo>
                    <a:lnTo>
                      <a:pt x="1259" y="248"/>
                    </a:lnTo>
                    <a:lnTo>
                      <a:pt x="1264" y="239"/>
                    </a:lnTo>
                    <a:lnTo>
                      <a:pt x="1272" y="232"/>
                    </a:lnTo>
                    <a:lnTo>
                      <a:pt x="1280" y="226"/>
                    </a:lnTo>
                    <a:lnTo>
                      <a:pt x="1285" y="224"/>
                    </a:lnTo>
                    <a:lnTo>
                      <a:pt x="1291" y="222"/>
                    </a:lnTo>
                    <a:lnTo>
                      <a:pt x="1296" y="221"/>
                    </a:lnTo>
                    <a:lnTo>
                      <a:pt x="1304" y="221"/>
                    </a:lnTo>
                    <a:lnTo>
                      <a:pt x="1325" y="221"/>
                    </a:lnTo>
                    <a:lnTo>
                      <a:pt x="1340" y="219"/>
                    </a:lnTo>
                    <a:lnTo>
                      <a:pt x="1353" y="216"/>
                    </a:lnTo>
                    <a:lnTo>
                      <a:pt x="1361" y="211"/>
                    </a:lnTo>
                    <a:lnTo>
                      <a:pt x="1368" y="206"/>
                    </a:lnTo>
                    <a:lnTo>
                      <a:pt x="1372" y="200"/>
                    </a:lnTo>
                    <a:lnTo>
                      <a:pt x="1374" y="193"/>
                    </a:lnTo>
                    <a:lnTo>
                      <a:pt x="1375" y="185"/>
                    </a:lnTo>
                    <a:lnTo>
                      <a:pt x="1375" y="167"/>
                    </a:lnTo>
                    <a:lnTo>
                      <a:pt x="1377" y="147"/>
                    </a:lnTo>
                    <a:lnTo>
                      <a:pt x="1381" y="136"/>
                    </a:lnTo>
                    <a:lnTo>
                      <a:pt x="1385" y="125"/>
                    </a:lnTo>
                    <a:lnTo>
                      <a:pt x="1392" y="114"/>
                    </a:lnTo>
                    <a:lnTo>
                      <a:pt x="1401" y="102"/>
                    </a:lnTo>
                    <a:lnTo>
                      <a:pt x="1412" y="115"/>
                    </a:lnTo>
                    <a:lnTo>
                      <a:pt x="1423" y="131"/>
                    </a:lnTo>
                    <a:lnTo>
                      <a:pt x="1438" y="146"/>
                    </a:lnTo>
                    <a:lnTo>
                      <a:pt x="1453" y="162"/>
                    </a:lnTo>
                    <a:lnTo>
                      <a:pt x="1461" y="169"/>
                    </a:lnTo>
                    <a:lnTo>
                      <a:pt x="1469" y="176"/>
                    </a:lnTo>
                    <a:lnTo>
                      <a:pt x="1478" y="181"/>
                    </a:lnTo>
                    <a:lnTo>
                      <a:pt x="1486" y="186"/>
                    </a:lnTo>
                    <a:lnTo>
                      <a:pt x="1495" y="190"/>
                    </a:lnTo>
                    <a:lnTo>
                      <a:pt x="1502" y="193"/>
                    </a:lnTo>
                    <a:lnTo>
                      <a:pt x="1512" y="194"/>
                    </a:lnTo>
                    <a:lnTo>
                      <a:pt x="1519" y="193"/>
                    </a:lnTo>
                    <a:lnTo>
                      <a:pt x="1526" y="191"/>
                    </a:lnTo>
                    <a:lnTo>
                      <a:pt x="1534" y="189"/>
                    </a:lnTo>
                    <a:lnTo>
                      <a:pt x="1541" y="185"/>
                    </a:lnTo>
                    <a:lnTo>
                      <a:pt x="1549" y="181"/>
                    </a:lnTo>
                    <a:lnTo>
                      <a:pt x="1565" y="171"/>
                    </a:lnTo>
                    <a:lnTo>
                      <a:pt x="1581" y="159"/>
                    </a:lnTo>
                    <a:lnTo>
                      <a:pt x="1598" y="146"/>
                    </a:lnTo>
                    <a:lnTo>
                      <a:pt x="1614" y="134"/>
                    </a:lnTo>
                    <a:lnTo>
                      <a:pt x="1631" y="124"/>
                    </a:lnTo>
                    <a:lnTo>
                      <a:pt x="1646" y="116"/>
                    </a:lnTo>
                    <a:lnTo>
                      <a:pt x="1659" y="112"/>
                    </a:lnTo>
                    <a:lnTo>
                      <a:pt x="1671" y="107"/>
                    </a:lnTo>
                    <a:lnTo>
                      <a:pt x="1683" y="101"/>
                    </a:lnTo>
                    <a:lnTo>
                      <a:pt x="1693" y="94"/>
                    </a:lnTo>
                    <a:lnTo>
                      <a:pt x="1702" y="86"/>
                    </a:lnTo>
                    <a:lnTo>
                      <a:pt x="1710" y="77"/>
                    </a:lnTo>
                    <a:lnTo>
                      <a:pt x="1712" y="72"/>
                    </a:lnTo>
                    <a:lnTo>
                      <a:pt x="1715" y="67"/>
                    </a:lnTo>
                    <a:lnTo>
                      <a:pt x="1717" y="61"/>
                    </a:lnTo>
                    <a:lnTo>
                      <a:pt x="1719" y="55"/>
                    </a:lnTo>
                    <a:lnTo>
                      <a:pt x="1723" y="37"/>
                    </a:lnTo>
                    <a:lnTo>
                      <a:pt x="1729" y="19"/>
                    </a:lnTo>
                    <a:lnTo>
                      <a:pt x="1733" y="11"/>
                    </a:lnTo>
                    <a:lnTo>
                      <a:pt x="1740" y="5"/>
                    </a:lnTo>
                    <a:lnTo>
                      <a:pt x="1743" y="2"/>
                    </a:lnTo>
                    <a:lnTo>
                      <a:pt x="1747" y="1"/>
                    </a:lnTo>
                    <a:lnTo>
                      <a:pt x="1751" y="0"/>
                    </a:lnTo>
                    <a:lnTo>
                      <a:pt x="1756" y="0"/>
                    </a:lnTo>
                    <a:lnTo>
                      <a:pt x="1778" y="2"/>
                    </a:lnTo>
                    <a:lnTo>
                      <a:pt x="1795" y="5"/>
                    </a:lnTo>
                    <a:lnTo>
                      <a:pt x="1809" y="9"/>
                    </a:lnTo>
                    <a:lnTo>
                      <a:pt x="1821" y="14"/>
                    </a:lnTo>
                    <a:lnTo>
                      <a:pt x="1843" y="29"/>
                    </a:lnTo>
                    <a:lnTo>
                      <a:pt x="1873" y="51"/>
                    </a:lnTo>
                    <a:lnTo>
                      <a:pt x="1909" y="77"/>
                    </a:lnTo>
                    <a:lnTo>
                      <a:pt x="1945" y="105"/>
                    </a:lnTo>
                    <a:lnTo>
                      <a:pt x="1965" y="116"/>
                    </a:lnTo>
                    <a:lnTo>
                      <a:pt x="1984" y="125"/>
                    </a:lnTo>
                    <a:lnTo>
                      <a:pt x="1995" y="129"/>
                    </a:lnTo>
                    <a:lnTo>
                      <a:pt x="2005" y="133"/>
                    </a:lnTo>
                    <a:lnTo>
                      <a:pt x="2015" y="136"/>
                    </a:lnTo>
                    <a:lnTo>
                      <a:pt x="2027" y="137"/>
                    </a:lnTo>
                    <a:lnTo>
                      <a:pt x="2049" y="134"/>
                    </a:lnTo>
                    <a:lnTo>
                      <a:pt x="2071" y="131"/>
                    </a:lnTo>
                    <a:lnTo>
                      <a:pt x="2094" y="128"/>
                    </a:lnTo>
                    <a:lnTo>
                      <a:pt x="2118" y="127"/>
                    </a:lnTo>
                    <a:lnTo>
                      <a:pt x="2141" y="125"/>
                    </a:lnTo>
                    <a:lnTo>
                      <a:pt x="2164" y="127"/>
                    </a:lnTo>
                    <a:lnTo>
                      <a:pt x="2186" y="129"/>
                    </a:lnTo>
                    <a:lnTo>
                      <a:pt x="2208" y="133"/>
                    </a:lnTo>
                    <a:lnTo>
                      <a:pt x="2228" y="137"/>
                    </a:lnTo>
                    <a:lnTo>
                      <a:pt x="2246" y="143"/>
                    </a:lnTo>
                    <a:lnTo>
                      <a:pt x="2264" y="151"/>
                    </a:lnTo>
                    <a:lnTo>
                      <a:pt x="2281" y="160"/>
                    </a:lnTo>
                    <a:lnTo>
                      <a:pt x="2288" y="165"/>
                    </a:lnTo>
                    <a:lnTo>
                      <a:pt x="2294" y="171"/>
                    </a:lnTo>
                    <a:lnTo>
                      <a:pt x="2299" y="177"/>
                    </a:lnTo>
                    <a:lnTo>
                      <a:pt x="2304" y="182"/>
                    </a:lnTo>
                    <a:lnTo>
                      <a:pt x="2315" y="194"/>
                    </a:lnTo>
                    <a:lnTo>
                      <a:pt x="2325" y="207"/>
                    </a:lnTo>
                    <a:lnTo>
                      <a:pt x="2326" y="215"/>
                    </a:lnTo>
                    <a:lnTo>
                      <a:pt x="2326" y="221"/>
                    </a:lnTo>
                    <a:lnTo>
                      <a:pt x="2324" y="228"/>
                    </a:lnTo>
                    <a:lnTo>
                      <a:pt x="2321" y="234"/>
                    </a:lnTo>
                    <a:lnTo>
                      <a:pt x="2315" y="247"/>
                    </a:lnTo>
                    <a:lnTo>
                      <a:pt x="2307" y="260"/>
                    </a:lnTo>
                    <a:lnTo>
                      <a:pt x="2302" y="272"/>
                    </a:lnTo>
                    <a:lnTo>
                      <a:pt x="2297" y="283"/>
                    </a:lnTo>
                    <a:lnTo>
                      <a:pt x="2293" y="296"/>
                    </a:lnTo>
                    <a:lnTo>
                      <a:pt x="2291" y="308"/>
                    </a:lnTo>
                    <a:lnTo>
                      <a:pt x="2290" y="321"/>
                    </a:lnTo>
                    <a:lnTo>
                      <a:pt x="2291" y="334"/>
                    </a:lnTo>
                    <a:lnTo>
                      <a:pt x="2293" y="339"/>
                    </a:lnTo>
                    <a:lnTo>
                      <a:pt x="2295" y="346"/>
                    </a:lnTo>
                    <a:lnTo>
                      <a:pt x="2298" y="352"/>
                    </a:lnTo>
                    <a:lnTo>
                      <a:pt x="2302" y="357"/>
                    </a:lnTo>
                    <a:lnTo>
                      <a:pt x="2315" y="378"/>
                    </a:lnTo>
                    <a:lnTo>
                      <a:pt x="2329" y="400"/>
                    </a:lnTo>
                    <a:lnTo>
                      <a:pt x="2343" y="422"/>
                    </a:lnTo>
                    <a:lnTo>
                      <a:pt x="2359" y="441"/>
                    </a:lnTo>
                    <a:lnTo>
                      <a:pt x="2379" y="498"/>
                    </a:lnTo>
                    <a:lnTo>
                      <a:pt x="2372" y="619"/>
                    </a:lnTo>
                    <a:lnTo>
                      <a:pt x="2356" y="631"/>
                    </a:lnTo>
                    <a:lnTo>
                      <a:pt x="2339" y="640"/>
                    </a:lnTo>
                    <a:lnTo>
                      <a:pt x="2324" y="649"/>
                    </a:lnTo>
                    <a:lnTo>
                      <a:pt x="2308" y="655"/>
                    </a:lnTo>
                    <a:lnTo>
                      <a:pt x="2291" y="659"/>
                    </a:lnTo>
                    <a:lnTo>
                      <a:pt x="2275" y="663"/>
                    </a:lnTo>
                    <a:lnTo>
                      <a:pt x="2255" y="666"/>
                    </a:lnTo>
                    <a:lnTo>
                      <a:pt x="2236" y="666"/>
                    </a:lnTo>
                    <a:lnTo>
                      <a:pt x="2229" y="667"/>
                    </a:lnTo>
                    <a:lnTo>
                      <a:pt x="2224" y="668"/>
                    </a:lnTo>
                    <a:lnTo>
                      <a:pt x="2220" y="671"/>
                    </a:lnTo>
                    <a:lnTo>
                      <a:pt x="2218" y="675"/>
                    </a:lnTo>
                    <a:lnTo>
                      <a:pt x="2216" y="678"/>
                    </a:lnTo>
                    <a:lnTo>
                      <a:pt x="2215" y="684"/>
                    </a:lnTo>
                    <a:lnTo>
                      <a:pt x="2215" y="690"/>
                    </a:lnTo>
                    <a:lnTo>
                      <a:pt x="2216" y="697"/>
                    </a:lnTo>
                    <a:lnTo>
                      <a:pt x="2219" y="710"/>
                    </a:lnTo>
                    <a:lnTo>
                      <a:pt x="2221" y="724"/>
                    </a:lnTo>
                    <a:lnTo>
                      <a:pt x="2221" y="730"/>
                    </a:lnTo>
                    <a:lnTo>
                      <a:pt x="2223" y="737"/>
                    </a:lnTo>
                    <a:lnTo>
                      <a:pt x="2221" y="743"/>
                    </a:lnTo>
                    <a:lnTo>
                      <a:pt x="2220" y="750"/>
                    </a:lnTo>
                    <a:lnTo>
                      <a:pt x="2212" y="767"/>
                    </a:lnTo>
                    <a:lnTo>
                      <a:pt x="2203" y="782"/>
                    </a:lnTo>
                    <a:lnTo>
                      <a:pt x="2199" y="789"/>
                    </a:lnTo>
                    <a:lnTo>
                      <a:pt x="2197" y="798"/>
                    </a:lnTo>
                    <a:lnTo>
                      <a:pt x="2194" y="807"/>
                    </a:lnTo>
                    <a:lnTo>
                      <a:pt x="2193" y="817"/>
                    </a:lnTo>
                    <a:lnTo>
                      <a:pt x="2192" y="824"/>
                    </a:lnTo>
                    <a:lnTo>
                      <a:pt x="2190" y="830"/>
                    </a:lnTo>
                    <a:lnTo>
                      <a:pt x="2188" y="835"/>
                    </a:lnTo>
                    <a:lnTo>
                      <a:pt x="2185" y="840"/>
                    </a:lnTo>
                    <a:lnTo>
                      <a:pt x="2179" y="851"/>
                    </a:lnTo>
                    <a:lnTo>
                      <a:pt x="2170" y="861"/>
                    </a:lnTo>
                    <a:lnTo>
                      <a:pt x="2162" y="871"/>
                    </a:lnTo>
                    <a:lnTo>
                      <a:pt x="2154" y="882"/>
                    </a:lnTo>
                    <a:lnTo>
                      <a:pt x="2150" y="887"/>
                    </a:lnTo>
                    <a:lnTo>
                      <a:pt x="2148" y="892"/>
                    </a:lnTo>
                    <a:lnTo>
                      <a:pt x="2145" y="899"/>
                    </a:lnTo>
                    <a:lnTo>
                      <a:pt x="2144" y="905"/>
                    </a:lnTo>
                    <a:lnTo>
                      <a:pt x="2141" y="925"/>
                    </a:lnTo>
                    <a:lnTo>
                      <a:pt x="2136" y="944"/>
                    </a:lnTo>
                    <a:lnTo>
                      <a:pt x="2131" y="963"/>
                    </a:lnTo>
                    <a:lnTo>
                      <a:pt x="2124" y="982"/>
                    </a:lnTo>
                    <a:lnTo>
                      <a:pt x="2110" y="1019"/>
                    </a:lnTo>
                    <a:lnTo>
                      <a:pt x="2096" y="1055"/>
                    </a:lnTo>
                    <a:lnTo>
                      <a:pt x="2028" y="1088"/>
                    </a:lnTo>
                    <a:lnTo>
                      <a:pt x="1995" y="1098"/>
                    </a:lnTo>
                    <a:lnTo>
                      <a:pt x="1964" y="1107"/>
                    </a:lnTo>
                    <a:lnTo>
                      <a:pt x="1933" y="1114"/>
                    </a:lnTo>
                    <a:lnTo>
                      <a:pt x="1899" y="1120"/>
                    </a:lnTo>
                    <a:lnTo>
                      <a:pt x="1882" y="1124"/>
                    </a:lnTo>
                    <a:lnTo>
                      <a:pt x="1866" y="1131"/>
                    </a:lnTo>
                    <a:lnTo>
                      <a:pt x="1850" y="1137"/>
                    </a:lnTo>
                    <a:lnTo>
                      <a:pt x="1834" y="1145"/>
                    </a:lnTo>
                    <a:lnTo>
                      <a:pt x="1817" y="1151"/>
                    </a:lnTo>
                    <a:lnTo>
                      <a:pt x="1802" y="1156"/>
                    </a:lnTo>
                    <a:lnTo>
                      <a:pt x="1794" y="1158"/>
                    </a:lnTo>
                    <a:lnTo>
                      <a:pt x="1786" y="1159"/>
                    </a:lnTo>
                    <a:lnTo>
                      <a:pt x="1778" y="1160"/>
                    </a:lnTo>
                    <a:lnTo>
                      <a:pt x="1771" y="1159"/>
                    </a:lnTo>
                    <a:lnTo>
                      <a:pt x="1750" y="1158"/>
                    </a:lnTo>
                    <a:lnTo>
                      <a:pt x="1730" y="1156"/>
                    </a:lnTo>
                    <a:lnTo>
                      <a:pt x="1721" y="1156"/>
                    </a:lnTo>
                    <a:lnTo>
                      <a:pt x="1712" y="1156"/>
                    </a:lnTo>
                    <a:lnTo>
                      <a:pt x="1702" y="1158"/>
                    </a:lnTo>
                    <a:lnTo>
                      <a:pt x="1692" y="1160"/>
                    </a:lnTo>
                    <a:lnTo>
                      <a:pt x="1679" y="1164"/>
                    </a:lnTo>
                    <a:lnTo>
                      <a:pt x="1666" y="1171"/>
                    </a:lnTo>
                    <a:lnTo>
                      <a:pt x="1655" y="1177"/>
                    </a:lnTo>
                    <a:lnTo>
                      <a:pt x="1644" y="1184"/>
                    </a:lnTo>
                    <a:lnTo>
                      <a:pt x="1623" y="1199"/>
                    </a:lnTo>
                    <a:lnTo>
                      <a:pt x="1601" y="1216"/>
                    </a:lnTo>
                    <a:lnTo>
                      <a:pt x="1581" y="1228"/>
                    </a:lnTo>
                    <a:lnTo>
                      <a:pt x="1566" y="1236"/>
                    </a:lnTo>
                    <a:lnTo>
                      <a:pt x="1553" y="1239"/>
                    </a:lnTo>
                    <a:lnTo>
                      <a:pt x="1540" y="1242"/>
                    </a:lnTo>
                    <a:lnTo>
                      <a:pt x="1512" y="1241"/>
                    </a:lnTo>
                    <a:lnTo>
                      <a:pt x="1474" y="1236"/>
                    </a:lnTo>
                    <a:lnTo>
                      <a:pt x="1312" y="1236"/>
                    </a:lnTo>
                    <a:lnTo>
                      <a:pt x="1300" y="1216"/>
                    </a:lnTo>
                    <a:lnTo>
                      <a:pt x="1289" y="1199"/>
                    </a:lnTo>
                    <a:lnTo>
                      <a:pt x="1277" y="1184"/>
                    </a:lnTo>
                    <a:lnTo>
                      <a:pt x="1264" y="1171"/>
                    </a:lnTo>
                    <a:lnTo>
                      <a:pt x="1256" y="1164"/>
                    </a:lnTo>
                    <a:lnTo>
                      <a:pt x="1249" y="1159"/>
                    </a:lnTo>
                    <a:lnTo>
                      <a:pt x="1241" y="1154"/>
                    </a:lnTo>
                    <a:lnTo>
                      <a:pt x="1232" y="1150"/>
                    </a:lnTo>
                    <a:lnTo>
                      <a:pt x="1223" y="1146"/>
                    </a:lnTo>
                    <a:lnTo>
                      <a:pt x="1212" y="1144"/>
                    </a:lnTo>
                    <a:lnTo>
                      <a:pt x="1202" y="1141"/>
                    </a:lnTo>
                    <a:lnTo>
                      <a:pt x="1190" y="1140"/>
                    </a:lnTo>
                    <a:lnTo>
                      <a:pt x="1176" y="1137"/>
                    </a:lnTo>
                    <a:lnTo>
                      <a:pt x="1163" y="1134"/>
                    </a:lnTo>
                    <a:lnTo>
                      <a:pt x="1151" y="1131"/>
                    </a:lnTo>
                    <a:lnTo>
                      <a:pt x="1140" y="1125"/>
                    </a:lnTo>
                    <a:lnTo>
                      <a:pt x="1118" y="1115"/>
                    </a:lnTo>
                    <a:lnTo>
                      <a:pt x="1097" y="1103"/>
                    </a:lnTo>
                    <a:lnTo>
                      <a:pt x="1075" y="1092"/>
                    </a:lnTo>
                    <a:lnTo>
                      <a:pt x="1053" y="1080"/>
                    </a:lnTo>
                    <a:lnTo>
                      <a:pt x="1041" y="1076"/>
                    </a:lnTo>
                    <a:lnTo>
                      <a:pt x="1028" y="1072"/>
                    </a:lnTo>
                    <a:lnTo>
                      <a:pt x="1014" y="1070"/>
                    </a:lnTo>
                    <a:lnTo>
                      <a:pt x="1000" y="1067"/>
                    </a:lnTo>
                    <a:lnTo>
                      <a:pt x="983" y="1066"/>
                    </a:lnTo>
                    <a:lnTo>
                      <a:pt x="967" y="1065"/>
                    </a:lnTo>
                    <a:lnTo>
                      <a:pt x="952" y="1062"/>
                    </a:lnTo>
                    <a:lnTo>
                      <a:pt x="938" y="1058"/>
                    </a:lnTo>
                    <a:lnTo>
                      <a:pt x="923" y="1054"/>
                    </a:lnTo>
                    <a:lnTo>
                      <a:pt x="909" y="1048"/>
                    </a:lnTo>
                    <a:lnTo>
                      <a:pt x="895" y="1041"/>
                    </a:lnTo>
                    <a:lnTo>
                      <a:pt x="879" y="1032"/>
                    </a:lnTo>
                    <a:lnTo>
                      <a:pt x="868" y="1020"/>
                    </a:lnTo>
                    <a:lnTo>
                      <a:pt x="859" y="1010"/>
                    </a:lnTo>
                    <a:lnTo>
                      <a:pt x="851" y="1000"/>
                    </a:lnTo>
                    <a:lnTo>
                      <a:pt x="844" y="989"/>
                    </a:lnTo>
                    <a:lnTo>
                      <a:pt x="839" y="980"/>
                    </a:lnTo>
                    <a:lnTo>
                      <a:pt x="837" y="970"/>
                    </a:lnTo>
                    <a:lnTo>
                      <a:pt x="834" y="961"/>
                    </a:lnTo>
                    <a:lnTo>
                      <a:pt x="833" y="952"/>
                    </a:lnTo>
                    <a:lnTo>
                      <a:pt x="834" y="909"/>
                    </a:lnTo>
                    <a:lnTo>
                      <a:pt x="835" y="857"/>
                    </a:lnTo>
                    <a:lnTo>
                      <a:pt x="834" y="852"/>
                    </a:lnTo>
                    <a:lnTo>
                      <a:pt x="833" y="848"/>
                    </a:lnTo>
                    <a:lnTo>
                      <a:pt x="831" y="846"/>
                    </a:lnTo>
                    <a:lnTo>
                      <a:pt x="829" y="842"/>
                    </a:lnTo>
                    <a:lnTo>
                      <a:pt x="821" y="837"/>
                    </a:lnTo>
                    <a:lnTo>
                      <a:pt x="812" y="833"/>
                    </a:lnTo>
                    <a:lnTo>
                      <a:pt x="802" y="829"/>
                    </a:lnTo>
                    <a:lnTo>
                      <a:pt x="790" y="826"/>
                    </a:lnTo>
                    <a:lnTo>
                      <a:pt x="776" y="825"/>
                    </a:lnTo>
                    <a:lnTo>
                      <a:pt x="763" y="825"/>
                    </a:lnTo>
                    <a:lnTo>
                      <a:pt x="706" y="827"/>
                    </a:lnTo>
                    <a:lnTo>
                      <a:pt x="664" y="830"/>
                    </a:lnTo>
                    <a:lnTo>
                      <a:pt x="649" y="829"/>
                    </a:lnTo>
                    <a:lnTo>
                      <a:pt x="633" y="827"/>
                    </a:lnTo>
                    <a:lnTo>
                      <a:pt x="616" y="825"/>
                    </a:lnTo>
                    <a:lnTo>
                      <a:pt x="601" y="822"/>
                    </a:lnTo>
                    <a:lnTo>
                      <a:pt x="585" y="820"/>
                    </a:lnTo>
                    <a:lnTo>
                      <a:pt x="570" y="817"/>
                    </a:lnTo>
                    <a:lnTo>
                      <a:pt x="554" y="816"/>
                    </a:lnTo>
                    <a:lnTo>
                      <a:pt x="540" y="816"/>
                    </a:lnTo>
                    <a:lnTo>
                      <a:pt x="530" y="817"/>
                    </a:lnTo>
                    <a:lnTo>
                      <a:pt x="519" y="818"/>
                    </a:lnTo>
                    <a:lnTo>
                      <a:pt x="509" y="822"/>
                    </a:lnTo>
                    <a:lnTo>
                      <a:pt x="498" y="826"/>
                    </a:lnTo>
                    <a:lnTo>
                      <a:pt x="479" y="835"/>
                    </a:lnTo>
                    <a:lnTo>
                      <a:pt x="460" y="846"/>
                    </a:lnTo>
                    <a:lnTo>
                      <a:pt x="439" y="855"/>
                    </a:lnTo>
                    <a:lnTo>
                      <a:pt x="419" y="862"/>
                    </a:lnTo>
                    <a:lnTo>
                      <a:pt x="409" y="865"/>
                    </a:lnTo>
                    <a:lnTo>
                      <a:pt x="400" y="866"/>
                    </a:lnTo>
                    <a:lnTo>
                      <a:pt x="390" y="866"/>
                    </a:lnTo>
                    <a:lnTo>
                      <a:pt x="379" y="865"/>
                    </a:lnTo>
                    <a:lnTo>
                      <a:pt x="365" y="860"/>
                    </a:lnTo>
                    <a:lnTo>
                      <a:pt x="347" y="851"/>
                    </a:lnTo>
                    <a:lnTo>
                      <a:pt x="339" y="847"/>
                    </a:lnTo>
                    <a:lnTo>
                      <a:pt x="330" y="843"/>
                    </a:lnTo>
                    <a:lnTo>
                      <a:pt x="324" y="842"/>
                    </a:lnTo>
                    <a:lnTo>
                      <a:pt x="320" y="842"/>
                    </a:lnTo>
                    <a:lnTo>
                      <a:pt x="300" y="855"/>
                    </a:lnTo>
                    <a:lnTo>
                      <a:pt x="279" y="870"/>
                    </a:lnTo>
                    <a:lnTo>
                      <a:pt x="270" y="878"/>
                    </a:lnTo>
                    <a:lnTo>
                      <a:pt x="260" y="884"/>
                    </a:lnTo>
                    <a:lnTo>
                      <a:pt x="248" y="890"/>
                    </a:lnTo>
                    <a:lnTo>
                      <a:pt x="237" y="892"/>
                    </a:lnTo>
                    <a:lnTo>
                      <a:pt x="228" y="888"/>
                    </a:lnTo>
                    <a:lnTo>
                      <a:pt x="217" y="886"/>
                    </a:lnTo>
                    <a:lnTo>
                      <a:pt x="208" y="883"/>
                    </a:lnTo>
                    <a:lnTo>
                      <a:pt x="198" y="882"/>
                    </a:lnTo>
                    <a:lnTo>
                      <a:pt x="177" y="882"/>
                    </a:lnTo>
                    <a:lnTo>
                      <a:pt x="158" y="884"/>
                    </a:lnTo>
                    <a:lnTo>
                      <a:pt x="147" y="886"/>
                    </a:lnTo>
                    <a:lnTo>
                      <a:pt x="138" y="886"/>
                    </a:lnTo>
                    <a:lnTo>
                      <a:pt x="130" y="886"/>
                    </a:lnTo>
                    <a:lnTo>
                      <a:pt x="123" y="884"/>
                    </a:lnTo>
                    <a:lnTo>
                      <a:pt x="115" y="882"/>
                    </a:lnTo>
                    <a:lnTo>
                      <a:pt x="108" y="877"/>
                    </a:lnTo>
                    <a:lnTo>
                      <a:pt x="102" y="871"/>
                    </a:lnTo>
                    <a:lnTo>
                      <a:pt x="96" y="862"/>
                    </a:lnTo>
                    <a:lnTo>
                      <a:pt x="89" y="851"/>
                    </a:lnTo>
                    <a:lnTo>
                      <a:pt x="85" y="840"/>
                    </a:lnTo>
                    <a:lnTo>
                      <a:pt x="81" y="829"/>
                    </a:lnTo>
                    <a:lnTo>
                      <a:pt x="77" y="818"/>
                    </a:lnTo>
                    <a:lnTo>
                      <a:pt x="72" y="808"/>
                    </a:lnTo>
                    <a:lnTo>
                      <a:pt x="66" y="799"/>
                    </a:lnTo>
                    <a:lnTo>
                      <a:pt x="62" y="795"/>
                    </a:lnTo>
                    <a:lnTo>
                      <a:pt x="57" y="792"/>
                    </a:lnTo>
                    <a:lnTo>
                      <a:pt x="51" y="789"/>
                    </a:lnTo>
                    <a:lnTo>
                      <a:pt x="45" y="786"/>
                    </a:lnTo>
                    <a:lnTo>
                      <a:pt x="40" y="767"/>
                    </a:lnTo>
                    <a:lnTo>
                      <a:pt x="36" y="759"/>
                    </a:lnTo>
                    <a:lnTo>
                      <a:pt x="32" y="751"/>
                    </a:lnTo>
                    <a:lnTo>
                      <a:pt x="28" y="742"/>
                    </a:lnTo>
                    <a:lnTo>
                      <a:pt x="26" y="733"/>
                    </a:lnTo>
                    <a:lnTo>
                      <a:pt x="22" y="702"/>
                    </a:lnTo>
                    <a:lnTo>
                      <a:pt x="19" y="691"/>
                    </a:lnTo>
                    <a:lnTo>
                      <a:pt x="15" y="681"/>
                    </a:lnTo>
                    <a:lnTo>
                      <a:pt x="7" y="672"/>
                    </a:lnTo>
                    <a:lnTo>
                      <a:pt x="0" y="663"/>
                    </a:lnTo>
                    <a:lnTo>
                      <a:pt x="9" y="658"/>
                    </a:lnTo>
                    <a:lnTo>
                      <a:pt x="20" y="653"/>
                    </a:lnTo>
                    <a:lnTo>
                      <a:pt x="24" y="650"/>
                    </a:lnTo>
                    <a:lnTo>
                      <a:pt x="27" y="647"/>
                    </a:lnTo>
                    <a:lnTo>
                      <a:pt x="28" y="644"/>
                    </a:lnTo>
                    <a:lnTo>
                      <a:pt x="29" y="640"/>
                    </a:lnTo>
                    <a:lnTo>
                      <a:pt x="31" y="629"/>
                    </a:lnTo>
                    <a:lnTo>
                      <a:pt x="31" y="619"/>
                    </a:lnTo>
                    <a:lnTo>
                      <a:pt x="31" y="607"/>
                    </a:lnTo>
                    <a:lnTo>
                      <a:pt x="29" y="598"/>
                    </a:lnTo>
                    <a:lnTo>
                      <a:pt x="29" y="588"/>
                    </a:lnTo>
                    <a:lnTo>
                      <a:pt x="31" y="57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32" name="Freeform 151"/>
              <p:cNvSpPr>
                <a:spLocks/>
              </p:cNvSpPr>
              <p:nvPr/>
            </p:nvSpPr>
            <p:spPr bwMode="auto">
              <a:xfrm>
                <a:off x="7036526" y="4246753"/>
                <a:ext cx="1083906" cy="561761"/>
              </a:xfrm>
              <a:custGeom>
                <a:avLst/>
                <a:gdLst/>
                <a:ahLst/>
                <a:cxnLst>
                  <a:cxn ang="0">
                    <a:pos x="215" y="673"/>
                  </a:cxn>
                  <a:cxn ang="0">
                    <a:pos x="279" y="685"/>
                  </a:cxn>
                  <a:cxn ang="0">
                    <a:pos x="302" y="596"/>
                  </a:cxn>
                  <a:cxn ang="0">
                    <a:pos x="340" y="576"/>
                  </a:cxn>
                  <a:cxn ang="0">
                    <a:pos x="404" y="634"/>
                  </a:cxn>
                  <a:cxn ang="0">
                    <a:pos x="496" y="659"/>
                  </a:cxn>
                  <a:cxn ang="0">
                    <a:pos x="625" y="636"/>
                  </a:cxn>
                  <a:cxn ang="0">
                    <a:pos x="785" y="625"/>
                  </a:cxn>
                  <a:cxn ang="0">
                    <a:pos x="851" y="553"/>
                  </a:cxn>
                  <a:cxn ang="0">
                    <a:pos x="901" y="575"/>
                  </a:cxn>
                  <a:cxn ang="0">
                    <a:pos x="996" y="605"/>
                  </a:cxn>
                  <a:cxn ang="0">
                    <a:pos x="1065" y="653"/>
                  </a:cxn>
                  <a:cxn ang="0">
                    <a:pos x="1092" y="607"/>
                  </a:cxn>
                  <a:cxn ang="0">
                    <a:pos x="1019" y="390"/>
                  </a:cxn>
                  <a:cxn ang="0">
                    <a:pos x="1098" y="356"/>
                  </a:cxn>
                  <a:cxn ang="0">
                    <a:pos x="1210" y="344"/>
                  </a:cxn>
                  <a:cxn ang="0">
                    <a:pos x="1255" y="259"/>
                  </a:cxn>
                  <a:cxn ang="0">
                    <a:pos x="1304" y="221"/>
                  </a:cxn>
                  <a:cxn ang="0">
                    <a:pos x="1375" y="185"/>
                  </a:cxn>
                  <a:cxn ang="0">
                    <a:pos x="1412" y="115"/>
                  </a:cxn>
                  <a:cxn ang="0">
                    <a:pos x="1495" y="190"/>
                  </a:cxn>
                  <a:cxn ang="0">
                    <a:pos x="1565" y="171"/>
                  </a:cxn>
                  <a:cxn ang="0">
                    <a:pos x="1683" y="101"/>
                  </a:cxn>
                  <a:cxn ang="0">
                    <a:pos x="1723" y="37"/>
                  </a:cxn>
                  <a:cxn ang="0">
                    <a:pos x="1778" y="2"/>
                  </a:cxn>
                  <a:cxn ang="0">
                    <a:pos x="1965" y="116"/>
                  </a:cxn>
                  <a:cxn ang="0">
                    <a:pos x="2094" y="128"/>
                  </a:cxn>
                  <a:cxn ang="0">
                    <a:pos x="2264" y="151"/>
                  </a:cxn>
                  <a:cxn ang="0">
                    <a:pos x="2325" y="207"/>
                  </a:cxn>
                  <a:cxn ang="0">
                    <a:pos x="2297" y="283"/>
                  </a:cxn>
                  <a:cxn ang="0">
                    <a:pos x="2302" y="357"/>
                  </a:cxn>
                  <a:cxn ang="0">
                    <a:pos x="2356" y="631"/>
                  </a:cxn>
                  <a:cxn ang="0">
                    <a:pos x="2229" y="667"/>
                  </a:cxn>
                  <a:cxn ang="0">
                    <a:pos x="2219" y="710"/>
                  </a:cxn>
                  <a:cxn ang="0">
                    <a:pos x="2199" y="789"/>
                  </a:cxn>
                  <a:cxn ang="0">
                    <a:pos x="2179" y="851"/>
                  </a:cxn>
                  <a:cxn ang="0">
                    <a:pos x="2141" y="925"/>
                  </a:cxn>
                  <a:cxn ang="0">
                    <a:pos x="1995" y="1098"/>
                  </a:cxn>
                  <a:cxn ang="0">
                    <a:pos x="1817" y="1151"/>
                  </a:cxn>
                  <a:cxn ang="0">
                    <a:pos x="1721" y="1156"/>
                  </a:cxn>
                  <a:cxn ang="0">
                    <a:pos x="1623" y="1199"/>
                  </a:cxn>
                  <a:cxn ang="0">
                    <a:pos x="1312" y="1236"/>
                  </a:cxn>
                  <a:cxn ang="0">
                    <a:pos x="1241" y="1154"/>
                  </a:cxn>
                  <a:cxn ang="0">
                    <a:pos x="1151" y="1131"/>
                  </a:cxn>
                  <a:cxn ang="0">
                    <a:pos x="1014" y="1070"/>
                  </a:cxn>
                  <a:cxn ang="0">
                    <a:pos x="895" y="1041"/>
                  </a:cxn>
                  <a:cxn ang="0">
                    <a:pos x="834" y="961"/>
                  </a:cxn>
                  <a:cxn ang="0">
                    <a:pos x="821" y="837"/>
                  </a:cxn>
                  <a:cxn ang="0">
                    <a:pos x="649" y="829"/>
                  </a:cxn>
                  <a:cxn ang="0">
                    <a:pos x="530" y="817"/>
                  </a:cxn>
                  <a:cxn ang="0">
                    <a:pos x="409" y="865"/>
                  </a:cxn>
                  <a:cxn ang="0">
                    <a:pos x="324" y="842"/>
                  </a:cxn>
                  <a:cxn ang="0">
                    <a:pos x="237" y="892"/>
                  </a:cxn>
                  <a:cxn ang="0">
                    <a:pos x="138" y="886"/>
                  </a:cxn>
                  <a:cxn ang="0">
                    <a:pos x="85" y="840"/>
                  </a:cxn>
                  <a:cxn ang="0">
                    <a:pos x="45" y="786"/>
                  </a:cxn>
                  <a:cxn ang="0">
                    <a:pos x="19" y="691"/>
                  </a:cxn>
                  <a:cxn ang="0">
                    <a:pos x="27" y="647"/>
                  </a:cxn>
                  <a:cxn ang="0">
                    <a:pos x="31" y="576"/>
                  </a:cxn>
                </a:cxnLst>
                <a:rect l="0" t="0" r="r" b="b"/>
                <a:pathLst>
                  <a:path w="2379" h="1242">
                    <a:moveTo>
                      <a:pt x="31" y="576"/>
                    </a:moveTo>
                    <a:lnTo>
                      <a:pt x="86" y="566"/>
                    </a:lnTo>
                    <a:lnTo>
                      <a:pt x="101" y="581"/>
                    </a:lnTo>
                    <a:lnTo>
                      <a:pt x="121" y="601"/>
                    </a:lnTo>
                    <a:lnTo>
                      <a:pt x="142" y="620"/>
                    </a:lnTo>
                    <a:lnTo>
                      <a:pt x="158" y="632"/>
                    </a:lnTo>
                    <a:lnTo>
                      <a:pt x="184" y="651"/>
                    </a:lnTo>
                    <a:lnTo>
                      <a:pt x="215" y="673"/>
                    </a:lnTo>
                    <a:lnTo>
                      <a:pt x="222" y="678"/>
                    </a:lnTo>
                    <a:lnTo>
                      <a:pt x="230" y="684"/>
                    </a:lnTo>
                    <a:lnTo>
                      <a:pt x="239" y="686"/>
                    </a:lnTo>
                    <a:lnTo>
                      <a:pt x="247" y="689"/>
                    </a:lnTo>
                    <a:lnTo>
                      <a:pt x="255" y="690"/>
                    </a:lnTo>
                    <a:lnTo>
                      <a:pt x="264" y="690"/>
                    </a:lnTo>
                    <a:lnTo>
                      <a:pt x="272" y="689"/>
                    </a:lnTo>
                    <a:lnTo>
                      <a:pt x="279" y="685"/>
                    </a:lnTo>
                    <a:lnTo>
                      <a:pt x="283" y="681"/>
                    </a:lnTo>
                    <a:lnTo>
                      <a:pt x="287" y="676"/>
                    </a:lnTo>
                    <a:lnTo>
                      <a:pt x="290" y="669"/>
                    </a:lnTo>
                    <a:lnTo>
                      <a:pt x="291" y="663"/>
                    </a:lnTo>
                    <a:lnTo>
                      <a:pt x="294" y="646"/>
                    </a:lnTo>
                    <a:lnTo>
                      <a:pt x="295" y="628"/>
                    </a:lnTo>
                    <a:lnTo>
                      <a:pt x="298" y="611"/>
                    </a:lnTo>
                    <a:lnTo>
                      <a:pt x="302" y="596"/>
                    </a:lnTo>
                    <a:lnTo>
                      <a:pt x="304" y="588"/>
                    </a:lnTo>
                    <a:lnTo>
                      <a:pt x="308" y="583"/>
                    </a:lnTo>
                    <a:lnTo>
                      <a:pt x="313" y="579"/>
                    </a:lnTo>
                    <a:lnTo>
                      <a:pt x="320" y="576"/>
                    </a:lnTo>
                    <a:lnTo>
                      <a:pt x="325" y="575"/>
                    </a:lnTo>
                    <a:lnTo>
                      <a:pt x="330" y="575"/>
                    </a:lnTo>
                    <a:lnTo>
                      <a:pt x="335" y="575"/>
                    </a:lnTo>
                    <a:lnTo>
                      <a:pt x="340" y="576"/>
                    </a:lnTo>
                    <a:lnTo>
                      <a:pt x="349" y="579"/>
                    </a:lnTo>
                    <a:lnTo>
                      <a:pt x="359" y="584"/>
                    </a:lnTo>
                    <a:lnTo>
                      <a:pt x="366" y="590"/>
                    </a:lnTo>
                    <a:lnTo>
                      <a:pt x="374" y="598"/>
                    </a:lnTo>
                    <a:lnTo>
                      <a:pt x="381" y="606"/>
                    </a:lnTo>
                    <a:lnTo>
                      <a:pt x="386" y="614"/>
                    </a:lnTo>
                    <a:lnTo>
                      <a:pt x="395" y="625"/>
                    </a:lnTo>
                    <a:lnTo>
                      <a:pt x="404" y="634"/>
                    </a:lnTo>
                    <a:lnTo>
                      <a:pt x="414" y="642"/>
                    </a:lnTo>
                    <a:lnTo>
                      <a:pt x="425" y="649"/>
                    </a:lnTo>
                    <a:lnTo>
                      <a:pt x="436" y="654"/>
                    </a:lnTo>
                    <a:lnTo>
                      <a:pt x="448" y="656"/>
                    </a:lnTo>
                    <a:lnTo>
                      <a:pt x="460" y="659"/>
                    </a:lnTo>
                    <a:lnTo>
                      <a:pt x="471" y="660"/>
                    </a:lnTo>
                    <a:lnTo>
                      <a:pt x="484" y="659"/>
                    </a:lnTo>
                    <a:lnTo>
                      <a:pt x="496" y="659"/>
                    </a:lnTo>
                    <a:lnTo>
                      <a:pt x="509" y="656"/>
                    </a:lnTo>
                    <a:lnTo>
                      <a:pt x="522" y="655"/>
                    </a:lnTo>
                    <a:lnTo>
                      <a:pt x="546" y="649"/>
                    </a:lnTo>
                    <a:lnTo>
                      <a:pt x="572" y="642"/>
                    </a:lnTo>
                    <a:lnTo>
                      <a:pt x="585" y="638"/>
                    </a:lnTo>
                    <a:lnTo>
                      <a:pt x="598" y="636"/>
                    </a:lnTo>
                    <a:lnTo>
                      <a:pt x="611" y="636"/>
                    </a:lnTo>
                    <a:lnTo>
                      <a:pt x="625" y="636"/>
                    </a:lnTo>
                    <a:lnTo>
                      <a:pt x="651" y="637"/>
                    </a:lnTo>
                    <a:lnTo>
                      <a:pt x="678" y="640"/>
                    </a:lnTo>
                    <a:lnTo>
                      <a:pt x="706" y="641"/>
                    </a:lnTo>
                    <a:lnTo>
                      <a:pt x="732" y="641"/>
                    </a:lnTo>
                    <a:lnTo>
                      <a:pt x="746" y="640"/>
                    </a:lnTo>
                    <a:lnTo>
                      <a:pt x="759" y="636"/>
                    </a:lnTo>
                    <a:lnTo>
                      <a:pt x="772" y="632"/>
                    </a:lnTo>
                    <a:lnTo>
                      <a:pt x="785" y="625"/>
                    </a:lnTo>
                    <a:lnTo>
                      <a:pt x="798" y="611"/>
                    </a:lnTo>
                    <a:lnTo>
                      <a:pt x="808" y="594"/>
                    </a:lnTo>
                    <a:lnTo>
                      <a:pt x="813" y="587"/>
                    </a:lnTo>
                    <a:lnTo>
                      <a:pt x="820" y="579"/>
                    </a:lnTo>
                    <a:lnTo>
                      <a:pt x="825" y="571"/>
                    </a:lnTo>
                    <a:lnTo>
                      <a:pt x="833" y="564"/>
                    </a:lnTo>
                    <a:lnTo>
                      <a:pt x="840" y="558"/>
                    </a:lnTo>
                    <a:lnTo>
                      <a:pt x="851" y="553"/>
                    </a:lnTo>
                    <a:lnTo>
                      <a:pt x="856" y="552"/>
                    </a:lnTo>
                    <a:lnTo>
                      <a:pt x="861" y="552"/>
                    </a:lnTo>
                    <a:lnTo>
                      <a:pt x="866" y="553"/>
                    </a:lnTo>
                    <a:lnTo>
                      <a:pt x="872" y="555"/>
                    </a:lnTo>
                    <a:lnTo>
                      <a:pt x="881" y="562"/>
                    </a:lnTo>
                    <a:lnTo>
                      <a:pt x="891" y="568"/>
                    </a:lnTo>
                    <a:lnTo>
                      <a:pt x="896" y="572"/>
                    </a:lnTo>
                    <a:lnTo>
                      <a:pt x="901" y="575"/>
                    </a:lnTo>
                    <a:lnTo>
                      <a:pt x="908" y="576"/>
                    </a:lnTo>
                    <a:lnTo>
                      <a:pt x="913" y="577"/>
                    </a:lnTo>
                    <a:lnTo>
                      <a:pt x="931" y="579"/>
                    </a:lnTo>
                    <a:lnTo>
                      <a:pt x="945" y="581"/>
                    </a:lnTo>
                    <a:lnTo>
                      <a:pt x="961" y="587"/>
                    </a:lnTo>
                    <a:lnTo>
                      <a:pt x="978" y="593"/>
                    </a:lnTo>
                    <a:lnTo>
                      <a:pt x="987" y="597"/>
                    </a:lnTo>
                    <a:lnTo>
                      <a:pt x="996" y="605"/>
                    </a:lnTo>
                    <a:lnTo>
                      <a:pt x="1004" y="612"/>
                    </a:lnTo>
                    <a:lnTo>
                      <a:pt x="1010" y="620"/>
                    </a:lnTo>
                    <a:lnTo>
                      <a:pt x="1018" y="629"/>
                    </a:lnTo>
                    <a:lnTo>
                      <a:pt x="1024" y="637"/>
                    </a:lnTo>
                    <a:lnTo>
                      <a:pt x="1033" y="645"/>
                    </a:lnTo>
                    <a:lnTo>
                      <a:pt x="1043" y="651"/>
                    </a:lnTo>
                    <a:lnTo>
                      <a:pt x="1054" y="653"/>
                    </a:lnTo>
                    <a:lnTo>
                      <a:pt x="1065" y="653"/>
                    </a:lnTo>
                    <a:lnTo>
                      <a:pt x="1072" y="651"/>
                    </a:lnTo>
                    <a:lnTo>
                      <a:pt x="1079" y="649"/>
                    </a:lnTo>
                    <a:lnTo>
                      <a:pt x="1084" y="645"/>
                    </a:lnTo>
                    <a:lnTo>
                      <a:pt x="1088" y="638"/>
                    </a:lnTo>
                    <a:lnTo>
                      <a:pt x="1090" y="632"/>
                    </a:lnTo>
                    <a:lnTo>
                      <a:pt x="1093" y="624"/>
                    </a:lnTo>
                    <a:lnTo>
                      <a:pt x="1093" y="616"/>
                    </a:lnTo>
                    <a:lnTo>
                      <a:pt x="1092" y="607"/>
                    </a:lnTo>
                    <a:lnTo>
                      <a:pt x="1090" y="597"/>
                    </a:lnTo>
                    <a:lnTo>
                      <a:pt x="1088" y="585"/>
                    </a:lnTo>
                    <a:lnTo>
                      <a:pt x="1081" y="562"/>
                    </a:lnTo>
                    <a:lnTo>
                      <a:pt x="1072" y="537"/>
                    </a:lnTo>
                    <a:lnTo>
                      <a:pt x="1052" y="484"/>
                    </a:lnTo>
                    <a:lnTo>
                      <a:pt x="1032" y="432"/>
                    </a:lnTo>
                    <a:lnTo>
                      <a:pt x="1024" y="410"/>
                    </a:lnTo>
                    <a:lnTo>
                      <a:pt x="1019" y="390"/>
                    </a:lnTo>
                    <a:lnTo>
                      <a:pt x="1018" y="381"/>
                    </a:lnTo>
                    <a:lnTo>
                      <a:pt x="1017" y="373"/>
                    </a:lnTo>
                    <a:lnTo>
                      <a:pt x="1017" y="365"/>
                    </a:lnTo>
                    <a:lnTo>
                      <a:pt x="1018" y="359"/>
                    </a:lnTo>
                    <a:lnTo>
                      <a:pt x="1036" y="356"/>
                    </a:lnTo>
                    <a:lnTo>
                      <a:pt x="1055" y="355"/>
                    </a:lnTo>
                    <a:lnTo>
                      <a:pt x="1076" y="355"/>
                    </a:lnTo>
                    <a:lnTo>
                      <a:pt x="1098" y="356"/>
                    </a:lnTo>
                    <a:lnTo>
                      <a:pt x="1119" y="359"/>
                    </a:lnTo>
                    <a:lnTo>
                      <a:pt x="1141" y="359"/>
                    </a:lnTo>
                    <a:lnTo>
                      <a:pt x="1162" y="359"/>
                    </a:lnTo>
                    <a:lnTo>
                      <a:pt x="1182" y="356"/>
                    </a:lnTo>
                    <a:lnTo>
                      <a:pt x="1190" y="353"/>
                    </a:lnTo>
                    <a:lnTo>
                      <a:pt x="1198" y="351"/>
                    </a:lnTo>
                    <a:lnTo>
                      <a:pt x="1204" y="348"/>
                    </a:lnTo>
                    <a:lnTo>
                      <a:pt x="1210" y="344"/>
                    </a:lnTo>
                    <a:lnTo>
                      <a:pt x="1220" y="336"/>
                    </a:lnTo>
                    <a:lnTo>
                      <a:pt x="1228" y="327"/>
                    </a:lnTo>
                    <a:lnTo>
                      <a:pt x="1234" y="317"/>
                    </a:lnTo>
                    <a:lnTo>
                      <a:pt x="1239" y="305"/>
                    </a:lnTo>
                    <a:lnTo>
                      <a:pt x="1243" y="294"/>
                    </a:lnTo>
                    <a:lnTo>
                      <a:pt x="1247" y="282"/>
                    </a:lnTo>
                    <a:lnTo>
                      <a:pt x="1251" y="270"/>
                    </a:lnTo>
                    <a:lnTo>
                      <a:pt x="1255" y="259"/>
                    </a:lnTo>
                    <a:lnTo>
                      <a:pt x="1259" y="248"/>
                    </a:lnTo>
                    <a:lnTo>
                      <a:pt x="1264" y="239"/>
                    </a:lnTo>
                    <a:lnTo>
                      <a:pt x="1272" y="232"/>
                    </a:lnTo>
                    <a:lnTo>
                      <a:pt x="1280" y="226"/>
                    </a:lnTo>
                    <a:lnTo>
                      <a:pt x="1285" y="224"/>
                    </a:lnTo>
                    <a:lnTo>
                      <a:pt x="1291" y="222"/>
                    </a:lnTo>
                    <a:lnTo>
                      <a:pt x="1296" y="221"/>
                    </a:lnTo>
                    <a:lnTo>
                      <a:pt x="1304" y="221"/>
                    </a:lnTo>
                    <a:lnTo>
                      <a:pt x="1325" y="221"/>
                    </a:lnTo>
                    <a:lnTo>
                      <a:pt x="1340" y="219"/>
                    </a:lnTo>
                    <a:lnTo>
                      <a:pt x="1353" y="216"/>
                    </a:lnTo>
                    <a:lnTo>
                      <a:pt x="1361" y="211"/>
                    </a:lnTo>
                    <a:lnTo>
                      <a:pt x="1368" y="206"/>
                    </a:lnTo>
                    <a:lnTo>
                      <a:pt x="1372" y="200"/>
                    </a:lnTo>
                    <a:lnTo>
                      <a:pt x="1374" y="193"/>
                    </a:lnTo>
                    <a:lnTo>
                      <a:pt x="1375" y="185"/>
                    </a:lnTo>
                    <a:lnTo>
                      <a:pt x="1375" y="167"/>
                    </a:lnTo>
                    <a:lnTo>
                      <a:pt x="1377" y="147"/>
                    </a:lnTo>
                    <a:lnTo>
                      <a:pt x="1381" y="136"/>
                    </a:lnTo>
                    <a:lnTo>
                      <a:pt x="1385" y="125"/>
                    </a:lnTo>
                    <a:lnTo>
                      <a:pt x="1392" y="114"/>
                    </a:lnTo>
                    <a:lnTo>
                      <a:pt x="1401" y="102"/>
                    </a:lnTo>
                    <a:lnTo>
                      <a:pt x="1401" y="102"/>
                    </a:lnTo>
                    <a:lnTo>
                      <a:pt x="1412" y="115"/>
                    </a:lnTo>
                    <a:lnTo>
                      <a:pt x="1423" y="131"/>
                    </a:lnTo>
                    <a:lnTo>
                      <a:pt x="1438" y="146"/>
                    </a:lnTo>
                    <a:lnTo>
                      <a:pt x="1453" y="162"/>
                    </a:lnTo>
                    <a:lnTo>
                      <a:pt x="1461" y="169"/>
                    </a:lnTo>
                    <a:lnTo>
                      <a:pt x="1469" y="176"/>
                    </a:lnTo>
                    <a:lnTo>
                      <a:pt x="1478" y="181"/>
                    </a:lnTo>
                    <a:lnTo>
                      <a:pt x="1486" y="186"/>
                    </a:lnTo>
                    <a:lnTo>
                      <a:pt x="1495" y="190"/>
                    </a:lnTo>
                    <a:lnTo>
                      <a:pt x="1502" y="193"/>
                    </a:lnTo>
                    <a:lnTo>
                      <a:pt x="1512" y="194"/>
                    </a:lnTo>
                    <a:lnTo>
                      <a:pt x="1519" y="193"/>
                    </a:lnTo>
                    <a:lnTo>
                      <a:pt x="1526" y="191"/>
                    </a:lnTo>
                    <a:lnTo>
                      <a:pt x="1534" y="189"/>
                    </a:lnTo>
                    <a:lnTo>
                      <a:pt x="1541" y="185"/>
                    </a:lnTo>
                    <a:lnTo>
                      <a:pt x="1549" y="181"/>
                    </a:lnTo>
                    <a:lnTo>
                      <a:pt x="1565" y="171"/>
                    </a:lnTo>
                    <a:lnTo>
                      <a:pt x="1581" y="159"/>
                    </a:lnTo>
                    <a:lnTo>
                      <a:pt x="1598" y="146"/>
                    </a:lnTo>
                    <a:lnTo>
                      <a:pt x="1614" y="134"/>
                    </a:lnTo>
                    <a:lnTo>
                      <a:pt x="1631" y="124"/>
                    </a:lnTo>
                    <a:lnTo>
                      <a:pt x="1646" y="116"/>
                    </a:lnTo>
                    <a:lnTo>
                      <a:pt x="1659" y="112"/>
                    </a:lnTo>
                    <a:lnTo>
                      <a:pt x="1671" y="107"/>
                    </a:lnTo>
                    <a:lnTo>
                      <a:pt x="1683" y="101"/>
                    </a:lnTo>
                    <a:lnTo>
                      <a:pt x="1693" y="94"/>
                    </a:lnTo>
                    <a:lnTo>
                      <a:pt x="1702" y="86"/>
                    </a:lnTo>
                    <a:lnTo>
                      <a:pt x="1710" y="77"/>
                    </a:lnTo>
                    <a:lnTo>
                      <a:pt x="1712" y="72"/>
                    </a:lnTo>
                    <a:lnTo>
                      <a:pt x="1715" y="67"/>
                    </a:lnTo>
                    <a:lnTo>
                      <a:pt x="1717" y="61"/>
                    </a:lnTo>
                    <a:lnTo>
                      <a:pt x="1719" y="55"/>
                    </a:lnTo>
                    <a:lnTo>
                      <a:pt x="1723" y="37"/>
                    </a:lnTo>
                    <a:lnTo>
                      <a:pt x="1729" y="19"/>
                    </a:lnTo>
                    <a:lnTo>
                      <a:pt x="1733" y="11"/>
                    </a:lnTo>
                    <a:lnTo>
                      <a:pt x="1740" y="5"/>
                    </a:lnTo>
                    <a:lnTo>
                      <a:pt x="1743" y="2"/>
                    </a:lnTo>
                    <a:lnTo>
                      <a:pt x="1747" y="1"/>
                    </a:lnTo>
                    <a:lnTo>
                      <a:pt x="1751" y="0"/>
                    </a:lnTo>
                    <a:lnTo>
                      <a:pt x="1756" y="0"/>
                    </a:lnTo>
                    <a:lnTo>
                      <a:pt x="1778" y="2"/>
                    </a:lnTo>
                    <a:lnTo>
                      <a:pt x="1795" y="5"/>
                    </a:lnTo>
                    <a:lnTo>
                      <a:pt x="1809" y="9"/>
                    </a:lnTo>
                    <a:lnTo>
                      <a:pt x="1821" y="14"/>
                    </a:lnTo>
                    <a:lnTo>
                      <a:pt x="1843" y="29"/>
                    </a:lnTo>
                    <a:lnTo>
                      <a:pt x="1873" y="51"/>
                    </a:lnTo>
                    <a:lnTo>
                      <a:pt x="1909" y="77"/>
                    </a:lnTo>
                    <a:lnTo>
                      <a:pt x="1945" y="105"/>
                    </a:lnTo>
                    <a:lnTo>
                      <a:pt x="1965" y="116"/>
                    </a:lnTo>
                    <a:lnTo>
                      <a:pt x="1984" y="125"/>
                    </a:lnTo>
                    <a:lnTo>
                      <a:pt x="1995" y="129"/>
                    </a:lnTo>
                    <a:lnTo>
                      <a:pt x="2005" y="133"/>
                    </a:lnTo>
                    <a:lnTo>
                      <a:pt x="2015" y="136"/>
                    </a:lnTo>
                    <a:lnTo>
                      <a:pt x="2027" y="137"/>
                    </a:lnTo>
                    <a:lnTo>
                      <a:pt x="2049" y="134"/>
                    </a:lnTo>
                    <a:lnTo>
                      <a:pt x="2071" y="131"/>
                    </a:lnTo>
                    <a:lnTo>
                      <a:pt x="2094" y="128"/>
                    </a:lnTo>
                    <a:lnTo>
                      <a:pt x="2118" y="127"/>
                    </a:lnTo>
                    <a:lnTo>
                      <a:pt x="2141" y="125"/>
                    </a:lnTo>
                    <a:lnTo>
                      <a:pt x="2164" y="127"/>
                    </a:lnTo>
                    <a:lnTo>
                      <a:pt x="2186" y="129"/>
                    </a:lnTo>
                    <a:lnTo>
                      <a:pt x="2208" y="133"/>
                    </a:lnTo>
                    <a:lnTo>
                      <a:pt x="2228" y="137"/>
                    </a:lnTo>
                    <a:lnTo>
                      <a:pt x="2246" y="143"/>
                    </a:lnTo>
                    <a:lnTo>
                      <a:pt x="2264" y="151"/>
                    </a:lnTo>
                    <a:lnTo>
                      <a:pt x="2281" y="160"/>
                    </a:lnTo>
                    <a:lnTo>
                      <a:pt x="2288" y="165"/>
                    </a:lnTo>
                    <a:lnTo>
                      <a:pt x="2294" y="171"/>
                    </a:lnTo>
                    <a:lnTo>
                      <a:pt x="2299" y="177"/>
                    </a:lnTo>
                    <a:lnTo>
                      <a:pt x="2304" y="182"/>
                    </a:lnTo>
                    <a:lnTo>
                      <a:pt x="2315" y="194"/>
                    </a:lnTo>
                    <a:lnTo>
                      <a:pt x="2325" y="207"/>
                    </a:lnTo>
                    <a:lnTo>
                      <a:pt x="2325" y="207"/>
                    </a:lnTo>
                    <a:lnTo>
                      <a:pt x="2326" y="215"/>
                    </a:lnTo>
                    <a:lnTo>
                      <a:pt x="2326" y="221"/>
                    </a:lnTo>
                    <a:lnTo>
                      <a:pt x="2324" y="228"/>
                    </a:lnTo>
                    <a:lnTo>
                      <a:pt x="2321" y="234"/>
                    </a:lnTo>
                    <a:lnTo>
                      <a:pt x="2315" y="247"/>
                    </a:lnTo>
                    <a:lnTo>
                      <a:pt x="2307" y="260"/>
                    </a:lnTo>
                    <a:lnTo>
                      <a:pt x="2302" y="272"/>
                    </a:lnTo>
                    <a:lnTo>
                      <a:pt x="2297" y="283"/>
                    </a:lnTo>
                    <a:lnTo>
                      <a:pt x="2293" y="296"/>
                    </a:lnTo>
                    <a:lnTo>
                      <a:pt x="2291" y="308"/>
                    </a:lnTo>
                    <a:lnTo>
                      <a:pt x="2290" y="321"/>
                    </a:lnTo>
                    <a:lnTo>
                      <a:pt x="2291" y="334"/>
                    </a:lnTo>
                    <a:lnTo>
                      <a:pt x="2293" y="339"/>
                    </a:lnTo>
                    <a:lnTo>
                      <a:pt x="2295" y="346"/>
                    </a:lnTo>
                    <a:lnTo>
                      <a:pt x="2298" y="352"/>
                    </a:lnTo>
                    <a:lnTo>
                      <a:pt x="2302" y="357"/>
                    </a:lnTo>
                    <a:lnTo>
                      <a:pt x="2315" y="378"/>
                    </a:lnTo>
                    <a:lnTo>
                      <a:pt x="2329" y="400"/>
                    </a:lnTo>
                    <a:lnTo>
                      <a:pt x="2343" y="422"/>
                    </a:lnTo>
                    <a:lnTo>
                      <a:pt x="2359" y="441"/>
                    </a:lnTo>
                    <a:lnTo>
                      <a:pt x="2379" y="498"/>
                    </a:lnTo>
                    <a:lnTo>
                      <a:pt x="2379" y="498"/>
                    </a:lnTo>
                    <a:lnTo>
                      <a:pt x="2372" y="619"/>
                    </a:lnTo>
                    <a:lnTo>
                      <a:pt x="2356" y="631"/>
                    </a:lnTo>
                    <a:lnTo>
                      <a:pt x="2339" y="640"/>
                    </a:lnTo>
                    <a:lnTo>
                      <a:pt x="2324" y="649"/>
                    </a:lnTo>
                    <a:lnTo>
                      <a:pt x="2308" y="655"/>
                    </a:lnTo>
                    <a:lnTo>
                      <a:pt x="2291" y="659"/>
                    </a:lnTo>
                    <a:lnTo>
                      <a:pt x="2275" y="663"/>
                    </a:lnTo>
                    <a:lnTo>
                      <a:pt x="2255" y="666"/>
                    </a:lnTo>
                    <a:lnTo>
                      <a:pt x="2236" y="666"/>
                    </a:lnTo>
                    <a:lnTo>
                      <a:pt x="2229" y="667"/>
                    </a:lnTo>
                    <a:lnTo>
                      <a:pt x="2224" y="668"/>
                    </a:lnTo>
                    <a:lnTo>
                      <a:pt x="2220" y="671"/>
                    </a:lnTo>
                    <a:lnTo>
                      <a:pt x="2218" y="675"/>
                    </a:lnTo>
                    <a:lnTo>
                      <a:pt x="2216" y="678"/>
                    </a:lnTo>
                    <a:lnTo>
                      <a:pt x="2215" y="684"/>
                    </a:lnTo>
                    <a:lnTo>
                      <a:pt x="2215" y="690"/>
                    </a:lnTo>
                    <a:lnTo>
                      <a:pt x="2216" y="697"/>
                    </a:lnTo>
                    <a:lnTo>
                      <a:pt x="2219" y="710"/>
                    </a:lnTo>
                    <a:lnTo>
                      <a:pt x="2221" y="724"/>
                    </a:lnTo>
                    <a:lnTo>
                      <a:pt x="2221" y="730"/>
                    </a:lnTo>
                    <a:lnTo>
                      <a:pt x="2223" y="737"/>
                    </a:lnTo>
                    <a:lnTo>
                      <a:pt x="2221" y="743"/>
                    </a:lnTo>
                    <a:lnTo>
                      <a:pt x="2220" y="750"/>
                    </a:lnTo>
                    <a:lnTo>
                      <a:pt x="2212" y="767"/>
                    </a:lnTo>
                    <a:lnTo>
                      <a:pt x="2203" y="782"/>
                    </a:lnTo>
                    <a:lnTo>
                      <a:pt x="2199" y="789"/>
                    </a:lnTo>
                    <a:lnTo>
                      <a:pt x="2197" y="798"/>
                    </a:lnTo>
                    <a:lnTo>
                      <a:pt x="2194" y="807"/>
                    </a:lnTo>
                    <a:lnTo>
                      <a:pt x="2193" y="817"/>
                    </a:lnTo>
                    <a:lnTo>
                      <a:pt x="2192" y="824"/>
                    </a:lnTo>
                    <a:lnTo>
                      <a:pt x="2190" y="830"/>
                    </a:lnTo>
                    <a:lnTo>
                      <a:pt x="2188" y="835"/>
                    </a:lnTo>
                    <a:lnTo>
                      <a:pt x="2185" y="840"/>
                    </a:lnTo>
                    <a:lnTo>
                      <a:pt x="2179" y="851"/>
                    </a:lnTo>
                    <a:lnTo>
                      <a:pt x="2170" y="861"/>
                    </a:lnTo>
                    <a:lnTo>
                      <a:pt x="2162" y="871"/>
                    </a:lnTo>
                    <a:lnTo>
                      <a:pt x="2154" y="882"/>
                    </a:lnTo>
                    <a:lnTo>
                      <a:pt x="2150" y="887"/>
                    </a:lnTo>
                    <a:lnTo>
                      <a:pt x="2148" y="892"/>
                    </a:lnTo>
                    <a:lnTo>
                      <a:pt x="2145" y="899"/>
                    </a:lnTo>
                    <a:lnTo>
                      <a:pt x="2144" y="905"/>
                    </a:lnTo>
                    <a:lnTo>
                      <a:pt x="2141" y="925"/>
                    </a:lnTo>
                    <a:lnTo>
                      <a:pt x="2136" y="944"/>
                    </a:lnTo>
                    <a:lnTo>
                      <a:pt x="2131" y="963"/>
                    </a:lnTo>
                    <a:lnTo>
                      <a:pt x="2124" y="982"/>
                    </a:lnTo>
                    <a:lnTo>
                      <a:pt x="2110" y="1019"/>
                    </a:lnTo>
                    <a:lnTo>
                      <a:pt x="2096" y="1055"/>
                    </a:lnTo>
                    <a:lnTo>
                      <a:pt x="2096" y="1055"/>
                    </a:lnTo>
                    <a:lnTo>
                      <a:pt x="2028" y="1088"/>
                    </a:lnTo>
                    <a:lnTo>
                      <a:pt x="1995" y="1098"/>
                    </a:lnTo>
                    <a:lnTo>
                      <a:pt x="1964" y="1107"/>
                    </a:lnTo>
                    <a:lnTo>
                      <a:pt x="1933" y="1114"/>
                    </a:lnTo>
                    <a:lnTo>
                      <a:pt x="1899" y="1120"/>
                    </a:lnTo>
                    <a:lnTo>
                      <a:pt x="1882" y="1124"/>
                    </a:lnTo>
                    <a:lnTo>
                      <a:pt x="1866" y="1131"/>
                    </a:lnTo>
                    <a:lnTo>
                      <a:pt x="1850" y="1137"/>
                    </a:lnTo>
                    <a:lnTo>
                      <a:pt x="1834" y="1145"/>
                    </a:lnTo>
                    <a:lnTo>
                      <a:pt x="1817" y="1151"/>
                    </a:lnTo>
                    <a:lnTo>
                      <a:pt x="1802" y="1156"/>
                    </a:lnTo>
                    <a:lnTo>
                      <a:pt x="1794" y="1158"/>
                    </a:lnTo>
                    <a:lnTo>
                      <a:pt x="1786" y="1159"/>
                    </a:lnTo>
                    <a:lnTo>
                      <a:pt x="1778" y="1160"/>
                    </a:lnTo>
                    <a:lnTo>
                      <a:pt x="1771" y="1159"/>
                    </a:lnTo>
                    <a:lnTo>
                      <a:pt x="1750" y="1158"/>
                    </a:lnTo>
                    <a:lnTo>
                      <a:pt x="1730" y="1156"/>
                    </a:lnTo>
                    <a:lnTo>
                      <a:pt x="1721" y="1156"/>
                    </a:lnTo>
                    <a:lnTo>
                      <a:pt x="1712" y="1156"/>
                    </a:lnTo>
                    <a:lnTo>
                      <a:pt x="1702" y="1158"/>
                    </a:lnTo>
                    <a:lnTo>
                      <a:pt x="1692" y="1160"/>
                    </a:lnTo>
                    <a:lnTo>
                      <a:pt x="1679" y="1164"/>
                    </a:lnTo>
                    <a:lnTo>
                      <a:pt x="1666" y="1171"/>
                    </a:lnTo>
                    <a:lnTo>
                      <a:pt x="1655" y="1177"/>
                    </a:lnTo>
                    <a:lnTo>
                      <a:pt x="1644" y="1184"/>
                    </a:lnTo>
                    <a:lnTo>
                      <a:pt x="1623" y="1199"/>
                    </a:lnTo>
                    <a:lnTo>
                      <a:pt x="1601" y="1216"/>
                    </a:lnTo>
                    <a:lnTo>
                      <a:pt x="1581" y="1228"/>
                    </a:lnTo>
                    <a:lnTo>
                      <a:pt x="1566" y="1236"/>
                    </a:lnTo>
                    <a:lnTo>
                      <a:pt x="1553" y="1239"/>
                    </a:lnTo>
                    <a:lnTo>
                      <a:pt x="1540" y="1242"/>
                    </a:lnTo>
                    <a:lnTo>
                      <a:pt x="1512" y="1241"/>
                    </a:lnTo>
                    <a:lnTo>
                      <a:pt x="1474" y="1236"/>
                    </a:lnTo>
                    <a:lnTo>
                      <a:pt x="1312" y="1236"/>
                    </a:lnTo>
                    <a:lnTo>
                      <a:pt x="1312" y="1236"/>
                    </a:lnTo>
                    <a:lnTo>
                      <a:pt x="1300" y="1216"/>
                    </a:lnTo>
                    <a:lnTo>
                      <a:pt x="1289" y="1199"/>
                    </a:lnTo>
                    <a:lnTo>
                      <a:pt x="1277" y="1184"/>
                    </a:lnTo>
                    <a:lnTo>
                      <a:pt x="1264" y="1171"/>
                    </a:lnTo>
                    <a:lnTo>
                      <a:pt x="1256" y="1164"/>
                    </a:lnTo>
                    <a:lnTo>
                      <a:pt x="1249" y="1159"/>
                    </a:lnTo>
                    <a:lnTo>
                      <a:pt x="1241" y="1154"/>
                    </a:lnTo>
                    <a:lnTo>
                      <a:pt x="1232" y="1150"/>
                    </a:lnTo>
                    <a:lnTo>
                      <a:pt x="1223" y="1146"/>
                    </a:lnTo>
                    <a:lnTo>
                      <a:pt x="1212" y="1144"/>
                    </a:lnTo>
                    <a:lnTo>
                      <a:pt x="1202" y="1141"/>
                    </a:lnTo>
                    <a:lnTo>
                      <a:pt x="1190" y="1140"/>
                    </a:lnTo>
                    <a:lnTo>
                      <a:pt x="1176" y="1137"/>
                    </a:lnTo>
                    <a:lnTo>
                      <a:pt x="1163" y="1134"/>
                    </a:lnTo>
                    <a:lnTo>
                      <a:pt x="1151" y="1131"/>
                    </a:lnTo>
                    <a:lnTo>
                      <a:pt x="1140" y="1125"/>
                    </a:lnTo>
                    <a:lnTo>
                      <a:pt x="1118" y="1115"/>
                    </a:lnTo>
                    <a:lnTo>
                      <a:pt x="1097" y="1103"/>
                    </a:lnTo>
                    <a:lnTo>
                      <a:pt x="1075" y="1092"/>
                    </a:lnTo>
                    <a:lnTo>
                      <a:pt x="1053" y="1080"/>
                    </a:lnTo>
                    <a:lnTo>
                      <a:pt x="1041" y="1076"/>
                    </a:lnTo>
                    <a:lnTo>
                      <a:pt x="1028" y="1072"/>
                    </a:lnTo>
                    <a:lnTo>
                      <a:pt x="1014" y="1070"/>
                    </a:lnTo>
                    <a:lnTo>
                      <a:pt x="1000" y="1067"/>
                    </a:lnTo>
                    <a:lnTo>
                      <a:pt x="983" y="1066"/>
                    </a:lnTo>
                    <a:lnTo>
                      <a:pt x="967" y="1065"/>
                    </a:lnTo>
                    <a:lnTo>
                      <a:pt x="952" y="1062"/>
                    </a:lnTo>
                    <a:lnTo>
                      <a:pt x="938" y="1058"/>
                    </a:lnTo>
                    <a:lnTo>
                      <a:pt x="923" y="1054"/>
                    </a:lnTo>
                    <a:lnTo>
                      <a:pt x="909" y="1048"/>
                    </a:lnTo>
                    <a:lnTo>
                      <a:pt x="895" y="1041"/>
                    </a:lnTo>
                    <a:lnTo>
                      <a:pt x="879" y="1032"/>
                    </a:lnTo>
                    <a:lnTo>
                      <a:pt x="868" y="1020"/>
                    </a:lnTo>
                    <a:lnTo>
                      <a:pt x="859" y="1010"/>
                    </a:lnTo>
                    <a:lnTo>
                      <a:pt x="851" y="1000"/>
                    </a:lnTo>
                    <a:lnTo>
                      <a:pt x="844" y="989"/>
                    </a:lnTo>
                    <a:lnTo>
                      <a:pt x="839" y="980"/>
                    </a:lnTo>
                    <a:lnTo>
                      <a:pt x="837" y="970"/>
                    </a:lnTo>
                    <a:lnTo>
                      <a:pt x="834" y="961"/>
                    </a:lnTo>
                    <a:lnTo>
                      <a:pt x="833" y="952"/>
                    </a:lnTo>
                    <a:lnTo>
                      <a:pt x="834" y="909"/>
                    </a:lnTo>
                    <a:lnTo>
                      <a:pt x="835" y="857"/>
                    </a:lnTo>
                    <a:lnTo>
                      <a:pt x="834" y="852"/>
                    </a:lnTo>
                    <a:lnTo>
                      <a:pt x="833" y="848"/>
                    </a:lnTo>
                    <a:lnTo>
                      <a:pt x="831" y="846"/>
                    </a:lnTo>
                    <a:lnTo>
                      <a:pt x="829" y="842"/>
                    </a:lnTo>
                    <a:lnTo>
                      <a:pt x="821" y="837"/>
                    </a:lnTo>
                    <a:lnTo>
                      <a:pt x="812" y="833"/>
                    </a:lnTo>
                    <a:lnTo>
                      <a:pt x="802" y="829"/>
                    </a:lnTo>
                    <a:lnTo>
                      <a:pt x="790" y="826"/>
                    </a:lnTo>
                    <a:lnTo>
                      <a:pt x="776" y="825"/>
                    </a:lnTo>
                    <a:lnTo>
                      <a:pt x="763" y="825"/>
                    </a:lnTo>
                    <a:lnTo>
                      <a:pt x="706" y="827"/>
                    </a:lnTo>
                    <a:lnTo>
                      <a:pt x="664" y="830"/>
                    </a:lnTo>
                    <a:lnTo>
                      <a:pt x="649" y="829"/>
                    </a:lnTo>
                    <a:lnTo>
                      <a:pt x="633" y="827"/>
                    </a:lnTo>
                    <a:lnTo>
                      <a:pt x="616" y="825"/>
                    </a:lnTo>
                    <a:lnTo>
                      <a:pt x="601" y="822"/>
                    </a:lnTo>
                    <a:lnTo>
                      <a:pt x="585" y="820"/>
                    </a:lnTo>
                    <a:lnTo>
                      <a:pt x="570" y="817"/>
                    </a:lnTo>
                    <a:lnTo>
                      <a:pt x="554" y="816"/>
                    </a:lnTo>
                    <a:lnTo>
                      <a:pt x="540" y="816"/>
                    </a:lnTo>
                    <a:lnTo>
                      <a:pt x="530" y="817"/>
                    </a:lnTo>
                    <a:lnTo>
                      <a:pt x="519" y="818"/>
                    </a:lnTo>
                    <a:lnTo>
                      <a:pt x="509" y="822"/>
                    </a:lnTo>
                    <a:lnTo>
                      <a:pt x="498" y="826"/>
                    </a:lnTo>
                    <a:lnTo>
                      <a:pt x="479" y="835"/>
                    </a:lnTo>
                    <a:lnTo>
                      <a:pt x="460" y="846"/>
                    </a:lnTo>
                    <a:lnTo>
                      <a:pt x="439" y="855"/>
                    </a:lnTo>
                    <a:lnTo>
                      <a:pt x="419" y="862"/>
                    </a:lnTo>
                    <a:lnTo>
                      <a:pt x="409" y="865"/>
                    </a:lnTo>
                    <a:lnTo>
                      <a:pt x="400" y="866"/>
                    </a:lnTo>
                    <a:lnTo>
                      <a:pt x="390" y="866"/>
                    </a:lnTo>
                    <a:lnTo>
                      <a:pt x="379" y="865"/>
                    </a:lnTo>
                    <a:lnTo>
                      <a:pt x="365" y="860"/>
                    </a:lnTo>
                    <a:lnTo>
                      <a:pt x="347" y="851"/>
                    </a:lnTo>
                    <a:lnTo>
                      <a:pt x="339" y="847"/>
                    </a:lnTo>
                    <a:lnTo>
                      <a:pt x="330" y="843"/>
                    </a:lnTo>
                    <a:lnTo>
                      <a:pt x="324" y="842"/>
                    </a:lnTo>
                    <a:lnTo>
                      <a:pt x="320" y="842"/>
                    </a:lnTo>
                    <a:lnTo>
                      <a:pt x="300" y="855"/>
                    </a:lnTo>
                    <a:lnTo>
                      <a:pt x="279" y="870"/>
                    </a:lnTo>
                    <a:lnTo>
                      <a:pt x="270" y="878"/>
                    </a:lnTo>
                    <a:lnTo>
                      <a:pt x="260" y="884"/>
                    </a:lnTo>
                    <a:lnTo>
                      <a:pt x="248" y="890"/>
                    </a:lnTo>
                    <a:lnTo>
                      <a:pt x="237" y="892"/>
                    </a:lnTo>
                    <a:lnTo>
                      <a:pt x="237" y="892"/>
                    </a:lnTo>
                    <a:lnTo>
                      <a:pt x="228" y="888"/>
                    </a:lnTo>
                    <a:lnTo>
                      <a:pt x="217" y="886"/>
                    </a:lnTo>
                    <a:lnTo>
                      <a:pt x="208" y="883"/>
                    </a:lnTo>
                    <a:lnTo>
                      <a:pt x="198" y="882"/>
                    </a:lnTo>
                    <a:lnTo>
                      <a:pt x="177" y="882"/>
                    </a:lnTo>
                    <a:lnTo>
                      <a:pt x="158" y="884"/>
                    </a:lnTo>
                    <a:lnTo>
                      <a:pt x="147" y="886"/>
                    </a:lnTo>
                    <a:lnTo>
                      <a:pt x="138" y="886"/>
                    </a:lnTo>
                    <a:lnTo>
                      <a:pt x="130" y="886"/>
                    </a:lnTo>
                    <a:lnTo>
                      <a:pt x="123" y="884"/>
                    </a:lnTo>
                    <a:lnTo>
                      <a:pt x="115" y="882"/>
                    </a:lnTo>
                    <a:lnTo>
                      <a:pt x="108" y="877"/>
                    </a:lnTo>
                    <a:lnTo>
                      <a:pt x="102" y="871"/>
                    </a:lnTo>
                    <a:lnTo>
                      <a:pt x="96" y="862"/>
                    </a:lnTo>
                    <a:lnTo>
                      <a:pt x="89" y="851"/>
                    </a:lnTo>
                    <a:lnTo>
                      <a:pt x="85" y="840"/>
                    </a:lnTo>
                    <a:lnTo>
                      <a:pt x="81" y="829"/>
                    </a:lnTo>
                    <a:lnTo>
                      <a:pt x="77" y="818"/>
                    </a:lnTo>
                    <a:lnTo>
                      <a:pt x="72" y="808"/>
                    </a:lnTo>
                    <a:lnTo>
                      <a:pt x="66" y="799"/>
                    </a:lnTo>
                    <a:lnTo>
                      <a:pt x="62" y="795"/>
                    </a:lnTo>
                    <a:lnTo>
                      <a:pt x="57" y="792"/>
                    </a:lnTo>
                    <a:lnTo>
                      <a:pt x="51" y="789"/>
                    </a:lnTo>
                    <a:lnTo>
                      <a:pt x="45" y="786"/>
                    </a:lnTo>
                    <a:lnTo>
                      <a:pt x="45" y="786"/>
                    </a:lnTo>
                    <a:lnTo>
                      <a:pt x="40" y="767"/>
                    </a:lnTo>
                    <a:lnTo>
                      <a:pt x="36" y="759"/>
                    </a:lnTo>
                    <a:lnTo>
                      <a:pt x="32" y="751"/>
                    </a:lnTo>
                    <a:lnTo>
                      <a:pt x="28" y="742"/>
                    </a:lnTo>
                    <a:lnTo>
                      <a:pt x="26" y="733"/>
                    </a:lnTo>
                    <a:lnTo>
                      <a:pt x="22" y="702"/>
                    </a:lnTo>
                    <a:lnTo>
                      <a:pt x="19" y="691"/>
                    </a:lnTo>
                    <a:lnTo>
                      <a:pt x="15" y="681"/>
                    </a:lnTo>
                    <a:lnTo>
                      <a:pt x="7" y="672"/>
                    </a:lnTo>
                    <a:lnTo>
                      <a:pt x="0" y="663"/>
                    </a:lnTo>
                    <a:lnTo>
                      <a:pt x="0" y="663"/>
                    </a:lnTo>
                    <a:lnTo>
                      <a:pt x="9" y="658"/>
                    </a:lnTo>
                    <a:lnTo>
                      <a:pt x="20" y="653"/>
                    </a:lnTo>
                    <a:lnTo>
                      <a:pt x="24" y="650"/>
                    </a:lnTo>
                    <a:lnTo>
                      <a:pt x="27" y="647"/>
                    </a:lnTo>
                    <a:lnTo>
                      <a:pt x="28" y="644"/>
                    </a:lnTo>
                    <a:lnTo>
                      <a:pt x="29" y="640"/>
                    </a:lnTo>
                    <a:lnTo>
                      <a:pt x="31" y="629"/>
                    </a:lnTo>
                    <a:lnTo>
                      <a:pt x="31" y="619"/>
                    </a:lnTo>
                    <a:lnTo>
                      <a:pt x="31" y="607"/>
                    </a:lnTo>
                    <a:lnTo>
                      <a:pt x="29" y="598"/>
                    </a:lnTo>
                    <a:lnTo>
                      <a:pt x="29" y="588"/>
                    </a:lnTo>
                    <a:lnTo>
                      <a:pt x="31" y="576"/>
                    </a:lnTo>
                    <a:lnTo>
                      <a:pt x="31" y="576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33" name="Freeform 152"/>
              <p:cNvSpPr>
                <a:spLocks/>
              </p:cNvSpPr>
              <p:nvPr/>
            </p:nvSpPr>
            <p:spPr bwMode="auto">
              <a:xfrm>
                <a:off x="7023773" y="4546599"/>
                <a:ext cx="34613" cy="61414"/>
              </a:xfrm>
              <a:custGeom>
                <a:avLst/>
                <a:gdLst/>
                <a:ahLst/>
                <a:cxnLst>
                  <a:cxn ang="0">
                    <a:pos x="30" y="0"/>
                  </a:cxn>
                  <a:cxn ang="0">
                    <a:pos x="37" y="9"/>
                  </a:cxn>
                  <a:cxn ang="0">
                    <a:pos x="45" y="18"/>
                  </a:cxn>
                  <a:cxn ang="0">
                    <a:pos x="49" y="28"/>
                  </a:cxn>
                  <a:cxn ang="0">
                    <a:pos x="52" y="39"/>
                  </a:cxn>
                  <a:cxn ang="0">
                    <a:pos x="56" y="70"/>
                  </a:cxn>
                  <a:cxn ang="0">
                    <a:pos x="58" y="79"/>
                  </a:cxn>
                  <a:cxn ang="0">
                    <a:pos x="62" y="88"/>
                  </a:cxn>
                  <a:cxn ang="0">
                    <a:pos x="66" y="96"/>
                  </a:cxn>
                  <a:cxn ang="0">
                    <a:pos x="70" y="104"/>
                  </a:cxn>
                  <a:cxn ang="0">
                    <a:pos x="75" y="123"/>
                  </a:cxn>
                  <a:cxn ang="0">
                    <a:pos x="6" y="135"/>
                  </a:cxn>
                  <a:cxn ang="0">
                    <a:pos x="2" y="100"/>
                  </a:cxn>
                  <a:cxn ang="0">
                    <a:pos x="0" y="62"/>
                  </a:cxn>
                  <a:cxn ang="0">
                    <a:pos x="0" y="53"/>
                  </a:cxn>
                  <a:cxn ang="0">
                    <a:pos x="1" y="45"/>
                  </a:cxn>
                  <a:cxn ang="0">
                    <a:pos x="4" y="36"/>
                  </a:cxn>
                  <a:cxn ang="0">
                    <a:pos x="6" y="28"/>
                  </a:cxn>
                  <a:cxn ang="0">
                    <a:pos x="10" y="21"/>
                  </a:cxn>
                  <a:cxn ang="0">
                    <a:pos x="15" y="13"/>
                  </a:cxn>
                  <a:cxn ang="0">
                    <a:pos x="22" y="6"/>
                  </a:cxn>
                  <a:cxn ang="0">
                    <a:pos x="30" y="0"/>
                  </a:cxn>
                </a:cxnLst>
                <a:rect l="0" t="0" r="r" b="b"/>
                <a:pathLst>
                  <a:path w="75" h="135">
                    <a:moveTo>
                      <a:pt x="30" y="0"/>
                    </a:moveTo>
                    <a:lnTo>
                      <a:pt x="37" y="9"/>
                    </a:lnTo>
                    <a:lnTo>
                      <a:pt x="45" y="18"/>
                    </a:lnTo>
                    <a:lnTo>
                      <a:pt x="49" y="28"/>
                    </a:lnTo>
                    <a:lnTo>
                      <a:pt x="52" y="39"/>
                    </a:lnTo>
                    <a:lnTo>
                      <a:pt x="56" y="70"/>
                    </a:lnTo>
                    <a:lnTo>
                      <a:pt x="58" y="79"/>
                    </a:lnTo>
                    <a:lnTo>
                      <a:pt x="62" y="88"/>
                    </a:lnTo>
                    <a:lnTo>
                      <a:pt x="66" y="96"/>
                    </a:lnTo>
                    <a:lnTo>
                      <a:pt x="70" y="104"/>
                    </a:lnTo>
                    <a:lnTo>
                      <a:pt x="75" y="123"/>
                    </a:lnTo>
                    <a:lnTo>
                      <a:pt x="6" y="135"/>
                    </a:lnTo>
                    <a:lnTo>
                      <a:pt x="2" y="100"/>
                    </a:lnTo>
                    <a:lnTo>
                      <a:pt x="0" y="62"/>
                    </a:lnTo>
                    <a:lnTo>
                      <a:pt x="0" y="53"/>
                    </a:lnTo>
                    <a:lnTo>
                      <a:pt x="1" y="45"/>
                    </a:lnTo>
                    <a:lnTo>
                      <a:pt x="4" y="36"/>
                    </a:lnTo>
                    <a:lnTo>
                      <a:pt x="6" y="28"/>
                    </a:lnTo>
                    <a:lnTo>
                      <a:pt x="10" y="21"/>
                    </a:lnTo>
                    <a:lnTo>
                      <a:pt x="15" y="13"/>
                    </a:lnTo>
                    <a:lnTo>
                      <a:pt x="22" y="6"/>
                    </a:lnTo>
                    <a:lnTo>
                      <a:pt x="30" y="0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34" name="Freeform 153"/>
              <p:cNvSpPr>
                <a:spLocks/>
              </p:cNvSpPr>
              <p:nvPr/>
            </p:nvSpPr>
            <p:spPr bwMode="auto">
              <a:xfrm>
                <a:off x="7023773" y="4546599"/>
                <a:ext cx="34613" cy="61414"/>
              </a:xfrm>
              <a:custGeom>
                <a:avLst/>
                <a:gdLst/>
                <a:ahLst/>
                <a:cxnLst>
                  <a:cxn ang="0">
                    <a:pos x="30" y="0"/>
                  </a:cxn>
                  <a:cxn ang="0">
                    <a:pos x="37" y="9"/>
                  </a:cxn>
                  <a:cxn ang="0">
                    <a:pos x="45" y="18"/>
                  </a:cxn>
                  <a:cxn ang="0">
                    <a:pos x="49" y="28"/>
                  </a:cxn>
                  <a:cxn ang="0">
                    <a:pos x="52" y="39"/>
                  </a:cxn>
                  <a:cxn ang="0">
                    <a:pos x="56" y="70"/>
                  </a:cxn>
                  <a:cxn ang="0">
                    <a:pos x="58" y="79"/>
                  </a:cxn>
                  <a:cxn ang="0">
                    <a:pos x="62" y="88"/>
                  </a:cxn>
                  <a:cxn ang="0">
                    <a:pos x="66" y="96"/>
                  </a:cxn>
                  <a:cxn ang="0">
                    <a:pos x="70" y="104"/>
                  </a:cxn>
                  <a:cxn ang="0">
                    <a:pos x="75" y="123"/>
                  </a:cxn>
                  <a:cxn ang="0">
                    <a:pos x="75" y="123"/>
                  </a:cxn>
                  <a:cxn ang="0">
                    <a:pos x="6" y="135"/>
                  </a:cxn>
                  <a:cxn ang="0">
                    <a:pos x="2" y="100"/>
                  </a:cxn>
                  <a:cxn ang="0">
                    <a:pos x="0" y="62"/>
                  </a:cxn>
                  <a:cxn ang="0">
                    <a:pos x="0" y="53"/>
                  </a:cxn>
                  <a:cxn ang="0">
                    <a:pos x="1" y="45"/>
                  </a:cxn>
                  <a:cxn ang="0">
                    <a:pos x="4" y="36"/>
                  </a:cxn>
                  <a:cxn ang="0">
                    <a:pos x="6" y="28"/>
                  </a:cxn>
                  <a:cxn ang="0">
                    <a:pos x="10" y="21"/>
                  </a:cxn>
                  <a:cxn ang="0">
                    <a:pos x="15" y="13"/>
                  </a:cxn>
                  <a:cxn ang="0">
                    <a:pos x="22" y="6"/>
                  </a:cxn>
                  <a:cxn ang="0">
                    <a:pos x="30" y="0"/>
                  </a:cxn>
                  <a:cxn ang="0">
                    <a:pos x="30" y="0"/>
                  </a:cxn>
                </a:cxnLst>
                <a:rect l="0" t="0" r="r" b="b"/>
                <a:pathLst>
                  <a:path w="75" h="135">
                    <a:moveTo>
                      <a:pt x="30" y="0"/>
                    </a:moveTo>
                    <a:lnTo>
                      <a:pt x="37" y="9"/>
                    </a:lnTo>
                    <a:lnTo>
                      <a:pt x="45" y="18"/>
                    </a:lnTo>
                    <a:lnTo>
                      <a:pt x="49" y="28"/>
                    </a:lnTo>
                    <a:lnTo>
                      <a:pt x="52" y="39"/>
                    </a:lnTo>
                    <a:lnTo>
                      <a:pt x="56" y="70"/>
                    </a:lnTo>
                    <a:lnTo>
                      <a:pt x="58" y="79"/>
                    </a:lnTo>
                    <a:lnTo>
                      <a:pt x="62" y="88"/>
                    </a:lnTo>
                    <a:lnTo>
                      <a:pt x="66" y="96"/>
                    </a:lnTo>
                    <a:lnTo>
                      <a:pt x="70" y="104"/>
                    </a:lnTo>
                    <a:lnTo>
                      <a:pt x="75" y="123"/>
                    </a:lnTo>
                    <a:lnTo>
                      <a:pt x="75" y="123"/>
                    </a:lnTo>
                    <a:lnTo>
                      <a:pt x="6" y="135"/>
                    </a:lnTo>
                    <a:lnTo>
                      <a:pt x="2" y="100"/>
                    </a:lnTo>
                    <a:lnTo>
                      <a:pt x="0" y="62"/>
                    </a:lnTo>
                    <a:lnTo>
                      <a:pt x="0" y="53"/>
                    </a:lnTo>
                    <a:lnTo>
                      <a:pt x="1" y="45"/>
                    </a:lnTo>
                    <a:lnTo>
                      <a:pt x="4" y="36"/>
                    </a:lnTo>
                    <a:lnTo>
                      <a:pt x="6" y="28"/>
                    </a:lnTo>
                    <a:lnTo>
                      <a:pt x="10" y="21"/>
                    </a:lnTo>
                    <a:lnTo>
                      <a:pt x="15" y="13"/>
                    </a:lnTo>
                    <a:lnTo>
                      <a:pt x="22" y="6"/>
                    </a:lnTo>
                    <a:lnTo>
                      <a:pt x="30" y="0"/>
                    </a:lnTo>
                    <a:lnTo>
                      <a:pt x="30" y="0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35" name="Freeform 154"/>
              <p:cNvSpPr>
                <a:spLocks/>
              </p:cNvSpPr>
              <p:nvPr/>
            </p:nvSpPr>
            <p:spPr bwMode="auto">
              <a:xfrm>
                <a:off x="6464515" y="4411127"/>
                <a:ext cx="681312" cy="413644"/>
              </a:xfrm>
              <a:custGeom>
                <a:avLst/>
                <a:gdLst/>
                <a:ahLst/>
                <a:cxnLst>
                  <a:cxn ang="0">
                    <a:pos x="1231" y="347"/>
                  </a:cxn>
                  <a:cxn ang="0">
                    <a:pos x="1317" y="431"/>
                  </a:cxn>
                  <a:cxn ang="0">
                    <a:pos x="1349" y="490"/>
                  </a:cxn>
                  <a:cxn ang="0">
                    <a:pos x="1398" y="525"/>
                  </a:cxn>
                  <a:cxn ang="0">
                    <a:pos x="1488" y="527"/>
                  </a:cxn>
                  <a:cxn ang="0">
                    <a:pos x="1459" y="615"/>
                  </a:cxn>
                  <a:cxn ang="0">
                    <a:pos x="1467" y="667"/>
                  </a:cxn>
                  <a:cxn ang="0">
                    <a:pos x="1428" y="691"/>
                  </a:cxn>
                  <a:cxn ang="0">
                    <a:pos x="1366" y="681"/>
                  </a:cxn>
                  <a:cxn ang="0">
                    <a:pos x="1359" y="726"/>
                  </a:cxn>
                  <a:cxn ang="0">
                    <a:pos x="1350" y="772"/>
                  </a:cxn>
                  <a:cxn ang="0">
                    <a:pos x="1284" y="763"/>
                  </a:cxn>
                  <a:cxn ang="0">
                    <a:pos x="1216" y="751"/>
                  </a:cxn>
                  <a:cxn ang="0">
                    <a:pos x="1142" y="675"/>
                  </a:cxn>
                  <a:cxn ang="0">
                    <a:pos x="1120" y="680"/>
                  </a:cxn>
                  <a:cxn ang="0">
                    <a:pos x="1098" y="753"/>
                  </a:cxn>
                  <a:cxn ang="0">
                    <a:pos x="1037" y="846"/>
                  </a:cxn>
                  <a:cxn ang="0">
                    <a:pos x="986" y="915"/>
                  </a:cxn>
                  <a:cxn ang="0">
                    <a:pos x="953" y="909"/>
                  </a:cxn>
                  <a:cxn ang="0">
                    <a:pos x="879" y="784"/>
                  </a:cxn>
                  <a:cxn ang="0">
                    <a:pos x="828" y="754"/>
                  </a:cxn>
                  <a:cxn ang="0">
                    <a:pos x="820" y="705"/>
                  </a:cxn>
                  <a:cxn ang="0">
                    <a:pos x="831" y="658"/>
                  </a:cxn>
                  <a:cxn ang="0">
                    <a:pos x="731" y="718"/>
                  </a:cxn>
                  <a:cxn ang="0">
                    <a:pos x="678" y="812"/>
                  </a:cxn>
                  <a:cxn ang="0">
                    <a:pos x="625" y="847"/>
                  </a:cxn>
                  <a:cxn ang="0">
                    <a:pos x="526" y="820"/>
                  </a:cxn>
                  <a:cxn ang="0">
                    <a:pos x="458" y="825"/>
                  </a:cxn>
                  <a:cxn ang="0">
                    <a:pos x="339" y="815"/>
                  </a:cxn>
                  <a:cxn ang="0">
                    <a:pos x="327" y="745"/>
                  </a:cxn>
                  <a:cxn ang="0">
                    <a:pos x="317" y="692"/>
                  </a:cxn>
                  <a:cxn ang="0">
                    <a:pos x="309" y="593"/>
                  </a:cxn>
                  <a:cxn ang="0">
                    <a:pos x="250" y="557"/>
                  </a:cxn>
                  <a:cxn ang="0">
                    <a:pos x="160" y="582"/>
                  </a:cxn>
                  <a:cxn ang="0">
                    <a:pos x="131" y="626"/>
                  </a:cxn>
                  <a:cxn ang="0">
                    <a:pos x="92" y="666"/>
                  </a:cxn>
                  <a:cxn ang="0">
                    <a:pos x="28" y="654"/>
                  </a:cxn>
                  <a:cxn ang="0">
                    <a:pos x="7" y="587"/>
                  </a:cxn>
                  <a:cxn ang="0">
                    <a:pos x="94" y="505"/>
                  </a:cxn>
                  <a:cxn ang="0">
                    <a:pos x="166" y="400"/>
                  </a:cxn>
                  <a:cxn ang="0">
                    <a:pos x="252" y="315"/>
                  </a:cxn>
                  <a:cxn ang="0">
                    <a:pos x="322" y="268"/>
                  </a:cxn>
                  <a:cxn ang="0">
                    <a:pos x="401" y="248"/>
                  </a:cxn>
                  <a:cxn ang="0">
                    <a:pos x="459" y="185"/>
                  </a:cxn>
                  <a:cxn ang="0">
                    <a:pos x="416" y="167"/>
                  </a:cxn>
                  <a:cxn ang="0">
                    <a:pos x="402" y="140"/>
                  </a:cxn>
                  <a:cxn ang="0">
                    <a:pos x="459" y="78"/>
                  </a:cxn>
                  <a:cxn ang="0">
                    <a:pos x="551" y="106"/>
                  </a:cxn>
                  <a:cxn ang="0">
                    <a:pos x="617" y="106"/>
                  </a:cxn>
                  <a:cxn ang="0">
                    <a:pos x="708" y="96"/>
                  </a:cxn>
                  <a:cxn ang="0">
                    <a:pos x="792" y="92"/>
                  </a:cxn>
                  <a:cxn ang="0">
                    <a:pos x="857" y="97"/>
                  </a:cxn>
                  <a:cxn ang="0">
                    <a:pos x="934" y="139"/>
                  </a:cxn>
                  <a:cxn ang="0">
                    <a:pos x="973" y="112"/>
                  </a:cxn>
                  <a:cxn ang="0">
                    <a:pos x="980" y="8"/>
                  </a:cxn>
                  <a:cxn ang="0">
                    <a:pos x="1030" y="5"/>
                  </a:cxn>
                  <a:cxn ang="0">
                    <a:pos x="1134" y="66"/>
                  </a:cxn>
                  <a:cxn ang="0">
                    <a:pos x="1291" y="215"/>
                  </a:cxn>
                  <a:cxn ang="0">
                    <a:pos x="1288" y="283"/>
                  </a:cxn>
                </a:cxnLst>
                <a:rect l="0" t="0" r="r" b="b"/>
                <a:pathLst>
                  <a:path w="1497" h="919">
                    <a:moveTo>
                      <a:pt x="1260" y="302"/>
                    </a:moveTo>
                    <a:lnTo>
                      <a:pt x="1252" y="308"/>
                    </a:lnTo>
                    <a:lnTo>
                      <a:pt x="1245" y="315"/>
                    </a:lnTo>
                    <a:lnTo>
                      <a:pt x="1240" y="323"/>
                    </a:lnTo>
                    <a:lnTo>
                      <a:pt x="1236" y="330"/>
                    </a:lnTo>
                    <a:lnTo>
                      <a:pt x="1234" y="338"/>
                    </a:lnTo>
                    <a:lnTo>
                      <a:pt x="1231" y="347"/>
                    </a:lnTo>
                    <a:lnTo>
                      <a:pt x="1230" y="355"/>
                    </a:lnTo>
                    <a:lnTo>
                      <a:pt x="1230" y="364"/>
                    </a:lnTo>
                    <a:lnTo>
                      <a:pt x="1232" y="402"/>
                    </a:lnTo>
                    <a:lnTo>
                      <a:pt x="1236" y="437"/>
                    </a:lnTo>
                    <a:lnTo>
                      <a:pt x="1305" y="425"/>
                    </a:lnTo>
                    <a:lnTo>
                      <a:pt x="1311" y="428"/>
                    </a:lnTo>
                    <a:lnTo>
                      <a:pt x="1317" y="431"/>
                    </a:lnTo>
                    <a:lnTo>
                      <a:pt x="1322" y="434"/>
                    </a:lnTo>
                    <a:lnTo>
                      <a:pt x="1326" y="438"/>
                    </a:lnTo>
                    <a:lnTo>
                      <a:pt x="1332" y="447"/>
                    </a:lnTo>
                    <a:lnTo>
                      <a:pt x="1337" y="457"/>
                    </a:lnTo>
                    <a:lnTo>
                      <a:pt x="1341" y="468"/>
                    </a:lnTo>
                    <a:lnTo>
                      <a:pt x="1345" y="479"/>
                    </a:lnTo>
                    <a:lnTo>
                      <a:pt x="1349" y="490"/>
                    </a:lnTo>
                    <a:lnTo>
                      <a:pt x="1356" y="501"/>
                    </a:lnTo>
                    <a:lnTo>
                      <a:pt x="1362" y="510"/>
                    </a:lnTo>
                    <a:lnTo>
                      <a:pt x="1368" y="516"/>
                    </a:lnTo>
                    <a:lnTo>
                      <a:pt x="1375" y="521"/>
                    </a:lnTo>
                    <a:lnTo>
                      <a:pt x="1383" y="523"/>
                    </a:lnTo>
                    <a:lnTo>
                      <a:pt x="1390" y="525"/>
                    </a:lnTo>
                    <a:lnTo>
                      <a:pt x="1398" y="525"/>
                    </a:lnTo>
                    <a:lnTo>
                      <a:pt x="1407" y="525"/>
                    </a:lnTo>
                    <a:lnTo>
                      <a:pt x="1418" y="523"/>
                    </a:lnTo>
                    <a:lnTo>
                      <a:pt x="1437" y="521"/>
                    </a:lnTo>
                    <a:lnTo>
                      <a:pt x="1458" y="521"/>
                    </a:lnTo>
                    <a:lnTo>
                      <a:pt x="1468" y="522"/>
                    </a:lnTo>
                    <a:lnTo>
                      <a:pt x="1477" y="525"/>
                    </a:lnTo>
                    <a:lnTo>
                      <a:pt x="1488" y="527"/>
                    </a:lnTo>
                    <a:lnTo>
                      <a:pt x="1497" y="531"/>
                    </a:lnTo>
                    <a:lnTo>
                      <a:pt x="1472" y="573"/>
                    </a:lnTo>
                    <a:lnTo>
                      <a:pt x="1466" y="584"/>
                    </a:lnTo>
                    <a:lnTo>
                      <a:pt x="1460" y="596"/>
                    </a:lnTo>
                    <a:lnTo>
                      <a:pt x="1459" y="602"/>
                    </a:lnTo>
                    <a:lnTo>
                      <a:pt x="1459" y="609"/>
                    </a:lnTo>
                    <a:lnTo>
                      <a:pt x="1459" y="615"/>
                    </a:lnTo>
                    <a:lnTo>
                      <a:pt x="1462" y="622"/>
                    </a:lnTo>
                    <a:lnTo>
                      <a:pt x="1466" y="634"/>
                    </a:lnTo>
                    <a:lnTo>
                      <a:pt x="1468" y="644"/>
                    </a:lnTo>
                    <a:lnTo>
                      <a:pt x="1470" y="649"/>
                    </a:lnTo>
                    <a:lnTo>
                      <a:pt x="1470" y="654"/>
                    </a:lnTo>
                    <a:lnTo>
                      <a:pt x="1470" y="661"/>
                    </a:lnTo>
                    <a:lnTo>
                      <a:pt x="1467" y="667"/>
                    </a:lnTo>
                    <a:lnTo>
                      <a:pt x="1464" y="675"/>
                    </a:lnTo>
                    <a:lnTo>
                      <a:pt x="1460" y="681"/>
                    </a:lnTo>
                    <a:lnTo>
                      <a:pt x="1455" y="685"/>
                    </a:lnTo>
                    <a:lnTo>
                      <a:pt x="1449" y="689"/>
                    </a:lnTo>
                    <a:lnTo>
                      <a:pt x="1442" y="691"/>
                    </a:lnTo>
                    <a:lnTo>
                      <a:pt x="1436" y="691"/>
                    </a:lnTo>
                    <a:lnTo>
                      <a:pt x="1428" y="691"/>
                    </a:lnTo>
                    <a:lnTo>
                      <a:pt x="1420" y="689"/>
                    </a:lnTo>
                    <a:lnTo>
                      <a:pt x="1405" y="685"/>
                    </a:lnTo>
                    <a:lnTo>
                      <a:pt x="1389" y="681"/>
                    </a:lnTo>
                    <a:lnTo>
                      <a:pt x="1383" y="680"/>
                    </a:lnTo>
                    <a:lnTo>
                      <a:pt x="1376" y="680"/>
                    </a:lnTo>
                    <a:lnTo>
                      <a:pt x="1371" y="680"/>
                    </a:lnTo>
                    <a:lnTo>
                      <a:pt x="1366" y="681"/>
                    </a:lnTo>
                    <a:lnTo>
                      <a:pt x="1363" y="683"/>
                    </a:lnTo>
                    <a:lnTo>
                      <a:pt x="1362" y="684"/>
                    </a:lnTo>
                    <a:lnTo>
                      <a:pt x="1359" y="688"/>
                    </a:lnTo>
                    <a:lnTo>
                      <a:pt x="1358" y="691"/>
                    </a:lnTo>
                    <a:lnTo>
                      <a:pt x="1358" y="698"/>
                    </a:lnTo>
                    <a:lnTo>
                      <a:pt x="1358" y="707"/>
                    </a:lnTo>
                    <a:lnTo>
                      <a:pt x="1359" y="726"/>
                    </a:lnTo>
                    <a:lnTo>
                      <a:pt x="1362" y="740"/>
                    </a:lnTo>
                    <a:lnTo>
                      <a:pt x="1361" y="748"/>
                    </a:lnTo>
                    <a:lnTo>
                      <a:pt x="1361" y="755"/>
                    </a:lnTo>
                    <a:lnTo>
                      <a:pt x="1358" y="761"/>
                    </a:lnTo>
                    <a:lnTo>
                      <a:pt x="1357" y="766"/>
                    </a:lnTo>
                    <a:lnTo>
                      <a:pt x="1353" y="770"/>
                    </a:lnTo>
                    <a:lnTo>
                      <a:pt x="1350" y="772"/>
                    </a:lnTo>
                    <a:lnTo>
                      <a:pt x="1346" y="775"/>
                    </a:lnTo>
                    <a:lnTo>
                      <a:pt x="1343" y="776"/>
                    </a:lnTo>
                    <a:lnTo>
                      <a:pt x="1332" y="777"/>
                    </a:lnTo>
                    <a:lnTo>
                      <a:pt x="1322" y="775"/>
                    </a:lnTo>
                    <a:lnTo>
                      <a:pt x="1310" y="772"/>
                    </a:lnTo>
                    <a:lnTo>
                      <a:pt x="1297" y="768"/>
                    </a:lnTo>
                    <a:lnTo>
                      <a:pt x="1284" y="763"/>
                    </a:lnTo>
                    <a:lnTo>
                      <a:pt x="1273" y="761"/>
                    </a:lnTo>
                    <a:lnTo>
                      <a:pt x="1261" y="759"/>
                    </a:lnTo>
                    <a:lnTo>
                      <a:pt x="1247" y="759"/>
                    </a:lnTo>
                    <a:lnTo>
                      <a:pt x="1239" y="758"/>
                    </a:lnTo>
                    <a:lnTo>
                      <a:pt x="1231" y="757"/>
                    </a:lnTo>
                    <a:lnTo>
                      <a:pt x="1223" y="754"/>
                    </a:lnTo>
                    <a:lnTo>
                      <a:pt x="1216" y="751"/>
                    </a:lnTo>
                    <a:lnTo>
                      <a:pt x="1200" y="745"/>
                    </a:lnTo>
                    <a:lnTo>
                      <a:pt x="1186" y="738"/>
                    </a:lnTo>
                    <a:lnTo>
                      <a:pt x="1174" y="724"/>
                    </a:lnTo>
                    <a:lnTo>
                      <a:pt x="1160" y="700"/>
                    </a:lnTo>
                    <a:lnTo>
                      <a:pt x="1153" y="688"/>
                    </a:lnTo>
                    <a:lnTo>
                      <a:pt x="1146" y="679"/>
                    </a:lnTo>
                    <a:lnTo>
                      <a:pt x="1142" y="675"/>
                    </a:lnTo>
                    <a:lnTo>
                      <a:pt x="1139" y="672"/>
                    </a:lnTo>
                    <a:lnTo>
                      <a:pt x="1135" y="670"/>
                    </a:lnTo>
                    <a:lnTo>
                      <a:pt x="1133" y="670"/>
                    </a:lnTo>
                    <a:lnTo>
                      <a:pt x="1130" y="671"/>
                    </a:lnTo>
                    <a:lnTo>
                      <a:pt x="1126" y="674"/>
                    </a:lnTo>
                    <a:lnTo>
                      <a:pt x="1122" y="676"/>
                    </a:lnTo>
                    <a:lnTo>
                      <a:pt x="1120" y="680"/>
                    </a:lnTo>
                    <a:lnTo>
                      <a:pt x="1113" y="691"/>
                    </a:lnTo>
                    <a:lnTo>
                      <a:pt x="1109" y="701"/>
                    </a:lnTo>
                    <a:lnTo>
                      <a:pt x="1105" y="713"/>
                    </a:lnTo>
                    <a:lnTo>
                      <a:pt x="1102" y="723"/>
                    </a:lnTo>
                    <a:lnTo>
                      <a:pt x="1100" y="733"/>
                    </a:lnTo>
                    <a:lnTo>
                      <a:pt x="1099" y="741"/>
                    </a:lnTo>
                    <a:lnTo>
                      <a:pt x="1098" y="753"/>
                    </a:lnTo>
                    <a:lnTo>
                      <a:pt x="1096" y="763"/>
                    </a:lnTo>
                    <a:lnTo>
                      <a:pt x="1093" y="772"/>
                    </a:lnTo>
                    <a:lnTo>
                      <a:pt x="1089" y="781"/>
                    </a:lnTo>
                    <a:lnTo>
                      <a:pt x="1078" y="798"/>
                    </a:lnTo>
                    <a:lnTo>
                      <a:pt x="1065" y="815"/>
                    </a:lnTo>
                    <a:lnTo>
                      <a:pt x="1051" y="830"/>
                    </a:lnTo>
                    <a:lnTo>
                      <a:pt x="1037" y="846"/>
                    </a:lnTo>
                    <a:lnTo>
                      <a:pt x="1024" y="864"/>
                    </a:lnTo>
                    <a:lnTo>
                      <a:pt x="1011" y="884"/>
                    </a:lnTo>
                    <a:lnTo>
                      <a:pt x="1007" y="891"/>
                    </a:lnTo>
                    <a:lnTo>
                      <a:pt x="1002" y="899"/>
                    </a:lnTo>
                    <a:lnTo>
                      <a:pt x="997" y="906"/>
                    </a:lnTo>
                    <a:lnTo>
                      <a:pt x="991" y="911"/>
                    </a:lnTo>
                    <a:lnTo>
                      <a:pt x="986" y="915"/>
                    </a:lnTo>
                    <a:lnTo>
                      <a:pt x="982" y="917"/>
                    </a:lnTo>
                    <a:lnTo>
                      <a:pt x="977" y="919"/>
                    </a:lnTo>
                    <a:lnTo>
                      <a:pt x="972" y="919"/>
                    </a:lnTo>
                    <a:lnTo>
                      <a:pt x="967" y="919"/>
                    </a:lnTo>
                    <a:lnTo>
                      <a:pt x="963" y="916"/>
                    </a:lnTo>
                    <a:lnTo>
                      <a:pt x="958" y="913"/>
                    </a:lnTo>
                    <a:lnTo>
                      <a:pt x="953" y="909"/>
                    </a:lnTo>
                    <a:lnTo>
                      <a:pt x="944" y="899"/>
                    </a:lnTo>
                    <a:lnTo>
                      <a:pt x="933" y="885"/>
                    </a:lnTo>
                    <a:lnTo>
                      <a:pt x="918" y="852"/>
                    </a:lnTo>
                    <a:lnTo>
                      <a:pt x="903" y="819"/>
                    </a:lnTo>
                    <a:lnTo>
                      <a:pt x="896" y="803"/>
                    </a:lnTo>
                    <a:lnTo>
                      <a:pt x="884" y="790"/>
                    </a:lnTo>
                    <a:lnTo>
                      <a:pt x="879" y="784"/>
                    </a:lnTo>
                    <a:lnTo>
                      <a:pt x="871" y="779"/>
                    </a:lnTo>
                    <a:lnTo>
                      <a:pt x="863" y="773"/>
                    </a:lnTo>
                    <a:lnTo>
                      <a:pt x="854" y="770"/>
                    </a:lnTo>
                    <a:lnTo>
                      <a:pt x="846" y="766"/>
                    </a:lnTo>
                    <a:lnTo>
                      <a:pt x="839" y="762"/>
                    </a:lnTo>
                    <a:lnTo>
                      <a:pt x="833" y="758"/>
                    </a:lnTo>
                    <a:lnTo>
                      <a:pt x="828" y="754"/>
                    </a:lnTo>
                    <a:lnTo>
                      <a:pt x="824" y="749"/>
                    </a:lnTo>
                    <a:lnTo>
                      <a:pt x="822" y="744"/>
                    </a:lnTo>
                    <a:lnTo>
                      <a:pt x="819" y="740"/>
                    </a:lnTo>
                    <a:lnTo>
                      <a:pt x="818" y="735"/>
                    </a:lnTo>
                    <a:lnTo>
                      <a:pt x="817" y="724"/>
                    </a:lnTo>
                    <a:lnTo>
                      <a:pt x="818" y="714"/>
                    </a:lnTo>
                    <a:lnTo>
                      <a:pt x="820" y="705"/>
                    </a:lnTo>
                    <a:lnTo>
                      <a:pt x="824" y="694"/>
                    </a:lnTo>
                    <a:lnTo>
                      <a:pt x="832" y="678"/>
                    </a:lnTo>
                    <a:lnTo>
                      <a:pt x="836" y="665"/>
                    </a:lnTo>
                    <a:lnTo>
                      <a:pt x="836" y="663"/>
                    </a:lnTo>
                    <a:lnTo>
                      <a:pt x="835" y="661"/>
                    </a:lnTo>
                    <a:lnTo>
                      <a:pt x="833" y="659"/>
                    </a:lnTo>
                    <a:lnTo>
                      <a:pt x="831" y="658"/>
                    </a:lnTo>
                    <a:lnTo>
                      <a:pt x="824" y="658"/>
                    </a:lnTo>
                    <a:lnTo>
                      <a:pt x="814" y="661"/>
                    </a:lnTo>
                    <a:lnTo>
                      <a:pt x="802" y="665"/>
                    </a:lnTo>
                    <a:lnTo>
                      <a:pt x="789" y="672"/>
                    </a:lnTo>
                    <a:lnTo>
                      <a:pt x="774" y="681"/>
                    </a:lnTo>
                    <a:lnTo>
                      <a:pt x="760" y="693"/>
                    </a:lnTo>
                    <a:lnTo>
                      <a:pt x="731" y="718"/>
                    </a:lnTo>
                    <a:lnTo>
                      <a:pt x="712" y="738"/>
                    </a:lnTo>
                    <a:lnTo>
                      <a:pt x="706" y="746"/>
                    </a:lnTo>
                    <a:lnTo>
                      <a:pt x="701" y="754"/>
                    </a:lnTo>
                    <a:lnTo>
                      <a:pt x="696" y="764"/>
                    </a:lnTo>
                    <a:lnTo>
                      <a:pt x="692" y="773"/>
                    </a:lnTo>
                    <a:lnTo>
                      <a:pt x="686" y="793"/>
                    </a:lnTo>
                    <a:lnTo>
                      <a:pt x="678" y="812"/>
                    </a:lnTo>
                    <a:lnTo>
                      <a:pt x="673" y="820"/>
                    </a:lnTo>
                    <a:lnTo>
                      <a:pt x="668" y="828"/>
                    </a:lnTo>
                    <a:lnTo>
                      <a:pt x="661" y="834"/>
                    </a:lnTo>
                    <a:lnTo>
                      <a:pt x="655" y="841"/>
                    </a:lnTo>
                    <a:lnTo>
                      <a:pt x="646" y="845"/>
                    </a:lnTo>
                    <a:lnTo>
                      <a:pt x="637" y="847"/>
                    </a:lnTo>
                    <a:lnTo>
                      <a:pt x="625" y="847"/>
                    </a:lnTo>
                    <a:lnTo>
                      <a:pt x="611" y="847"/>
                    </a:lnTo>
                    <a:lnTo>
                      <a:pt x="594" y="843"/>
                    </a:lnTo>
                    <a:lnTo>
                      <a:pt x="581" y="840"/>
                    </a:lnTo>
                    <a:lnTo>
                      <a:pt x="568" y="837"/>
                    </a:lnTo>
                    <a:lnTo>
                      <a:pt x="557" y="833"/>
                    </a:lnTo>
                    <a:lnTo>
                      <a:pt x="541" y="825"/>
                    </a:lnTo>
                    <a:lnTo>
                      <a:pt x="526" y="820"/>
                    </a:lnTo>
                    <a:lnTo>
                      <a:pt x="520" y="818"/>
                    </a:lnTo>
                    <a:lnTo>
                      <a:pt x="512" y="816"/>
                    </a:lnTo>
                    <a:lnTo>
                      <a:pt x="504" y="816"/>
                    </a:lnTo>
                    <a:lnTo>
                      <a:pt x="495" y="816"/>
                    </a:lnTo>
                    <a:lnTo>
                      <a:pt x="485" y="818"/>
                    </a:lnTo>
                    <a:lnTo>
                      <a:pt x="472" y="821"/>
                    </a:lnTo>
                    <a:lnTo>
                      <a:pt x="458" y="825"/>
                    </a:lnTo>
                    <a:lnTo>
                      <a:pt x="441" y="830"/>
                    </a:lnTo>
                    <a:lnTo>
                      <a:pt x="427" y="836"/>
                    </a:lnTo>
                    <a:lnTo>
                      <a:pt x="412" y="837"/>
                    </a:lnTo>
                    <a:lnTo>
                      <a:pt x="399" y="837"/>
                    </a:lnTo>
                    <a:lnTo>
                      <a:pt x="388" y="834"/>
                    </a:lnTo>
                    <a:lnTo>
                      <a:pt x="364" y="827"/>
                    </a:lnTo>
                    <a:lnTo>
                      <a:pt x="339" y="815"/>
                    </a:lnTo>
                    <a:lnTo>
                      <a:pt x="339" y="805"/>
                    </a:lnTo>
                    <a:lnTo>
                      <a:pt x="337" y="793"/>
                    </a:lnTo>
                    <a:lnTo>
                      <a:pt x="337" y="781"/>
                    </a:lnTo>
                    <a:lnTo>
                      <a:pt x="337" y="771"/>
                    </a:lnTo>
                    <a:lnTo>
                      <a:pt x="335" y="761"/>
                    </a:lnTo>
                    <a:lnTo>
                      <a:pt x="331" y="753"/>
                    </a:lnTo>
                    <a:lnTo>
                      <a:pt x="327" y="745"/>
                    </a:lnTo>
                    <a:lnTo>
                      <a:pt x="322" y="736"/>
                    </a:lnTo>
                    <a:lnTo>
                      <a:pt x="318" y="731"/>
                    </a:lnTo>
                    <a:lnTo>
                      <a:pt x="317" y="724"/>
                    </a:lnTo>
                    <a:lnTo>
                      <a:pt x="315" y="719"/>
                    </a:lnTo>
                    <a:lnTo>
                      <a:pt x="315" y="711"/>
                    </a:lnTo>
                    <a:lnTo>
                      <a:pt x="315" y="701"/>
                    </a:lnTo>
                    <a:lnTo>
                      <a:pt x="317" y="692"/>
                    </a:lnTo>
                    <a:lnTo>
                      <a:pt x="320" y="684"/>
                    </a:lnTo>
                    <a:lnTo>
                      <a:pt x="324" y="674"/>
                    </a:lnTo>
                    <a:lnTo>
                      <a:pt x="323" y="648"/>
                    </a:lnTo>
                    <a:lnTo>
                      <a:pt x="320" y="624"/>
                    </a:lnTo>
                    <a:lnTo>
                      <a:pt x="318" y="613"/>
                    </a:lnTo>
                    <a:lnTo>
                      <a:pt x="314" y="602"/>
                    </a:lnTo>
                    <a:lnTo>
                      <a:pt x="309" y="593"/>
                    </a:lnTo>
                    <a:lnTo>
                      <a:pt x="304" y="584"/>
                    </a:lnTo>
                    <a:lnTo>
                      <a:pt x="298" y="577"/>
                    </a:lnTo>
                    <a:lnTo>
                      <a:pt x="291" y="570"/>
                    </a:lnTo>
                    <a:lnTo>
                      <a:pt x="282" y="565"/>
                    </a:lnTo>
                    <a:lnTo>
                      <a:pt x="272" y="561"/>
                    </a:lnTo>
                    <a:lnTo>
                      <a:pt x="262" y="558"/>
                    </a:lnTo>
                    <a:lnTo>
                      <a:pt x="250" y="557"/>
                    </a:lnTo>
                    <a:lnTo>
                      <a:pt x="236" y="558"/>
                    </a:lnTo>
                    <a:lnTo>
                      <a:pt x="222" y="560"/>
                    </a:lnTo>
                    <a:lnTo>
                      <a:pt x="205" y="564"/>
                    </a:lnTo>
                    <a:lnTo>
                      <a:pt x="191" y="567"/>
                    </a:lnTo>
                    <a:lnTo>
                      <a:pt x="177" y="571"/>
                    </a:lnTo>
                    <a:lnTo>
                      <a:pt x="165" y="578"/>
                    </a:lnTo>
                    <a:lnTo>
                      <a:pt x="160" y="582"/>
                    </a:lnTo>
                    <a:lnTo>
                      <a:pt x="155" y="586"/>
                    </a:lnTo>
                    <a:lnTo>
                      <a:pt x="149" y="591"/>
                    </a:lnTo>
                    <a:lnTo>
                      <a:pt x="146" y="596"/>
                    </a:lnTo>
                    <a:lnTo>
                      <a:pt x="140" y="602"/>
                    </a:lnTo>
                    <a:lnTo>
                      <a:pt x="138" y="610"/>
                    </a:lnTo>
                    <a:lnTo>
                      <a:pt x="134" y="618"/>
                    </a:lnTo>
                    <a:lnTo>
                      <a:pt x="131" y="626"/>
                    </a:lnTo>
                    <a:lnTo>
                      <a:pt x="130" y="632"/>
                    </a:lnTo>
                    <a:lnTo>
                      <a:pt x="127" y="639"/>
                    </a:lnTo>
                    <a:lnTo>
                      <a:pt x="125" y="644"/>
                    </a:lnTo>
                    <a:lnTo>
                      <a:pt x="121" y="648"/>
                    </a:lnTo>
                    <a:lnTo>
                      <a:pt x="113" y="656"/>
                    </a:lnTo>
                    <a:lnTo>
                      <a:pt x="104" y="662"/>
                    </a:lnTo>
                    <a:lnTo>
                      <a:pt x="92" y="666"/>
                    </a:lnTo>
                    <a:lnTo>
                      <a:pt x="81" y="669"/>
                    </a:lnTo>
                    <a:lnTo>
                      <a:pt x="69" y="669"/>
                    </a:lnTo>
                    <a:lnTo>
                      <a:pt x="56" y="667"/>
                    </a:lnTo>
                    <a:lnTo>
                      <a:pt x="47" y="666"/>
                    </a:lnTo>
                    <a:lnTo>
                      <a:pt x="39" y="662"/>
                    </a:lnTo>
                    <a:lnTo>
                      <a:pt x="33" y="658"/>
                    </a:lnTo>
                    <a:lnTo>
                      <a:pt x="28" y="654"/>
                    </a:lnTo>
                    <a:lnTo>
                      <a:pt x="17" y="641"/>
                    </a:lnTo>
                    <a:lnTo>
                      <a:pt x="8" y="628"/>
                    </a:lnTo>
                    <a:lnTo>
                      <a:pt x="3" y="618"/>
                    </a:lnTo>
                    <a:lnTo>
                      <a:pt x="0" y="609"/>
                    </a:lnTo>
                    <a:lnTo>
                      <a:pt x="0" y="601"/>
                    </a:lnTo>
                    <a:lnTo>
                      <a:pt x="3" y="593"/>
                    </a:lnTo>
                    <a:lnTo>
                      <a:pt x="7" y="587"/>
                    </a:lnTo>
                    <a:lnTo>
                      <a:pt x="13" y="580"/>
                    </a:lnTo>
                    <a:lnTo>
                      <a:pt x="21" y="574"/>
                    </a:lnTo>
                    <a:lnTo>
                      <a:pt x="29" y="569"/>
                    </a:lnTo>
                    <a:lnTo>
                      <a:pt x="51" y="548"/>
                    </a:lnTo>
                    <a:lnTo>
                      <a:pt x="74" y="527"/>
                    </a:lnTo>
                    <a:lnTo>
                      <a:pt x="85" y="517"/>
                    </a:lnTo>
                    <a:lnTo>
                      <a:pt x="94" y="505"/>
                    </a:lnTo>
                    <a:lnTo>
                      <a:pt x="103" y="494"/>
                    </a:lnTo>
                    <a:lnTo>
                      <a:pt x="111" y="481"/>
                    </a:lnTo>
                    <a:lnTo>
                      <a:pt x="125" y="456"/>
                    </a:lnTo>
                    <a:lnTo>
                      <a:pt x="139" y="431"/>
                    </a:lnTo>
                    <a:lnTo>
                      <a:pt x="147" y="420"/>
                    </a:lnTo>
                    <a:lnTo>
                      <a:pt x="156" y="409"/>
                    </a:lnTo>
                    <a:lnTo>
                      <a:pt x="166" y="400"/>
                    </a:lnTo>
                    <a:lnTo>
                      <a:pt x="179" y="393"/>
                    </a:lnTo>
                    <a:lnTo>
                      <a:pt x="190" y="385"/>
                    </a:lnTo>
                    <a:lnTo>
                      <a:pt x="200" y="377"/>
                    </a:lnTo>
                    <a:lnTo>
                      <a:pt x="209" y="368"/>
                    </a:lnTo>
                    <a:lnTo>
                      <a:pt x="218" y="358"/>
                    </a:lnTo>
                    <a:lnTo>
                      <a:pt x="236" y="337"/>
                    </a:lnTo>
                    <a:lnTo>
                      <a:pt x="252" y="315"/>
                    </a:lnTo>
                    <a:lnTo>
                      <a:pt x="261" y="305"/>
                    </a:lnTo>
                    <a:lnTo>
                      <a:pt x="270" y="295"/>
                    </a:lnTo>
                    <a:lnTo>
                      <a:pt x="279" y="288"/>
                    </a:lnTo>
                    <a:lnTo>
                      <a:pt x="288" y="280"/>
                    </a:lnTo>
                    <a:lnTo>
                      <a:pt x="298" y="275"/>
                    </a:lnTo>
                    <a:lnTo>
                      <a:pt x="310" y="271"/>
                    </a:lnTo>
                    <a:lnTo>
                      <a:pt x="322" y="268"/>
                    </a:lnTo>
                    <a:lnTo>
                      <a:pt x="335" y="270"/>
                    </a:lnTo>
                    <a:lnTo>
                      <a:pt x="342" y="270"/>
                    </a:lnTo>
                    <a:lnTo>
                      <a:pt x="350" y="268"/>
                    </a:lnTo>
                    <a:lnTo>
                      <a:pt x="359" y="267"/>
                    </a:lnTo>
                    <a:lnTo>
                      <a:pt x="367" y="264"/>
                    </a:lnTo>
                    <a:lnTo>
                      <a:pt x="385" y="258"/>
                    </a:lnTo>
                    <a:lnTo>
                      <a:pt x="401" y="248"/>
                    </a:lnTo>
                    <a:lnTo>
                      <a:pt x="416" y="237"/>
                    </a:lnTo>
                    <a:lnTo>
                      <a:pt x="432" y="224"/>
                    </a:lnTo>
                    <a:lnTo>
                      <a:pt x="443" y="211"/>
                    </a:lnTo>
                    <a:lnTo>
                      <a:pt x="454" y="198"/>
                    </a:lnTo>
                    <a:lnTo>
                      <a:pt x="456" y="193"/>
                    </a:lnTo>
                    <a:lnTo>
                      <a:pt x="458" y="189"/>
                    </a:lnTo>
                    <a:lnTo>
                      <a:pt x="459" y="185"/>
                    </a:lnTo>
                    <a:lnTo>
                      <a:pt x="458" y="183"/>
                    </a:lnTo>
                    <a:lnTo>
                      <a:pt x="456" y="180"/>
                    </a:lnTo>
                    <a:lnTo>
                      <a:pt x="455" y="179"/>
                    </a:lnTo>
                    <a:lnTo>
                      <a:pt x="451" y="178"/>
                    </a:lnTo>
                    <a:lnTo>
                      <a:pt x="449" y="176"/>
                    </a:lnTo>
                    <a:lnTo>
                      <a:pt x="432" y="172"/>
                    </a:lnTo>
                    <a:lnTo>
                      <a:pt x="416" y="167"/>
                    </a:lnTo>
                    <a:lnTo>
                      <a:pt x="411" y="163"/>
                    </a:lnTo>
                    <a:lnTo>
                      <a:pt x="407" y="159"/>
                    </a:lnTo>
                    <a:lnTo>
                      <a:pt x="403" y="156"/>
                    </a:lnTo>
                    <a:lnTo>
                      <a:pt x="402" y="152"/>
                    </a:lnTo>
                    <a:lnTo>
                      <a:pt x="401" y="148"/>
                    </a:lnTo>
                    <a:lnTo>
                      <a:pt x="401" y="144"/>
                    </a:lnTo>
                    <a:lnTo>
                      <a:pt x="402" y="140"/>
                    </a:lnTo>
                    <a:lnTo>
                      <a:pt x="403" y="136"/>
                    </a:lnTo>
                    <a:lnTo>
                      <a:pt x="414" y="121"/>
                    </a:lnTo>
                    <a:lnTo>
                      <a:pt x="427" y="104"/>
                    </a:lnTo>
                    <a:lnTo>
                      <a:pt x="436" y="93"/>
                    </a:lnTo>
                    <a:lnTo>
                      <a:pt x="443" y="84"/>
                    </a:lnTo>
                    <a:lnTo>
                      <a:pt x="451" y="80"/>
                    </a:lnTo>
                    <a:lnTo>
                      <a:pt x="459" y="78"/>
                    </a:lnTo>
                    <a:lnTo>
                      <a:pt x="468" y="79"/>
                    </a:lnTo>
                    <a:lnTo>
                      <a:pt x="478" y="80"/>
                    </a:lnTo>
                    <a:lnTo>
                      <a:pt x="490" y="86"/>
                    </a:lnTo>
                    <a:lnTo>
                      <a:pt x="504" y="91"/>
                    </a:lnTo>
                    <a:lnTo>
                      <a:pt x="519" y="96"/>
                    </a:lnTo>
                    <a:lnTo>
                      <a:pt x="534" y="101"/>
                    </a:lnTo>
                    <a:lnTo>
                      <a:pt x="551" y="106"/>
                    </a:lnTo>
                    <a:lnTo>
                      <a:pt x="569" y="110"/>
                    </a:lnTo>
                    <a:lnTo>
                      <a:pt x="577" y="112"/>
                    </a:lnTo>
                    <a:lnTo>
                      <a:pt x="586" y="113"/>
                    </a:lnTo>
                    <a:lnTo>
                      <a:pt x="594" y="112"/>
                    </a:lnTo>
                    <a:lnTo>
                      <a:pt x="603" y="112"/>
                    </a:lnTo>
                    <a:lnTo>
                      <a:pt x="609" y="110"/>
                    </a:lnTo>
                    <a:lnTo>
                      <a:pt x="617" y="106"/>
                    </a:lnTo>
                    <a:lnTo>
                      <a:pt x="624" y="104"/>
                    </a:lnTo>
                    <a:lnTo>
                      <a:pt x="630" y="99"/>
                    </a:lnTo>
                    <a:lnTo>
                      <a:pt x="691" y="70"/>
                    </a:lnTo>
                    <a:lnTo>
                      <a:pt x="694" y="78"/>
                    </a:lnTo>
                    <a:lnTo>
                      <a:pt x="699" y="84"/>
                    </a:lnTo>
                    <a:lnTo>
                      <a:pt x="703" y="91"/>
                    </a:lnTo>
                    <a:lnTo>
                      <a:pt x="708" y="96"/>
                    </a:lnTo>
                    <a:lnTo>
                      <a:pt x="714" y="100"/>
                    </a:lnTo>
                    <a:lnTo>
                      <a:pt x="721" y="102"/>
                    </a:lnTo>
                    <a:lnTo>
                      <a:pt x="728" y="105"/>
                    </a:lnTo>
                    <a:lnTo>
                      <a:pt x="736" y="105"/>
                    </a:lnTo>
                    <a:lnTo>
                      <a:pt x="758" y="101"/>
                    </a:lnTo>
                    <a:lnTo>
                      <a:pt x="780" y="95"/>
                    </a:lnTo>
                    <a:lnTo>
                      <a:pt x="792" y="92"/>
                    </a:lnTo>
                    <a:lnTo>
                      <a:pt x="804" y="89"/>
                    </a:lnTo>
                    <a:lnTo>
                      <a:pt x="814" y="87"/>
                    </a:lnTo>
                    <a:lnTo>
                      <a:pt x="826" y="87"/>
                    </a:lnTo>
                    <a:lnTo>
                      <a:pt x="833" y="87"/>
                    </a:lnTo>
                    <a:lnTo>
                      <a:pt x="840" y="89"/>
                    </a:lnTo>
                    <a:lnTo>
                      <a:pt x="848" y="93"/>
                    </a:lnTo>
                    <a:lnTo>
                      <a:pt x="857" y="97"/>
                    </a:lnTo>
                    <a:lnTo>
                      <a:pt x="874" y="109"/>
                    </a:lnTo>
                    <a:lnTo>
                      <a:pt x="890" y="119"/>
                    </a:lnTo>
                    <a:lnTo>
                      <a:pt x="900" y="126"/>
                    </a:lnTo>
                    <a:lnTo>
                      <a:pt x="909" y="130"/>
                    </a:lnTo>
                    <a:lnTo>
                      <a:pt x="918" y="134"/>
                    </a:lnTo>
                    <a:lnTo>
                      <a:pt x="925" y="137"/>
                    </a:lnTo>
                    <a:lnTo>
                      <a:pt x="934" y="139"/>
                    </a:lnTo>
                    <a:lnTo>
                      <a:pt x="942" y="139"/>
                    </a:lnTo>
                    <a:lnTo>
                      <a:pt x="950" y="136"/>
                    </a:lnTo>
                    <a:lnTo>
                      <a:pt x="957" y="132"/>
                    </a:lnTo>
                    <a:lnTo>
                      <a:pt x="962" y="127"/>
                    </a:lnTo>
                    <a:lnTo>
                      <a:pt x="967" y="122"/>
                    </a:lnTo>
                    <a:lnTo>
                      <a:pt x="969" y="117"/>
                    </a:lnTo>
                    <a:lnTo>
                      <a:pt x="973" y="112"/>
                    </a:lnTo>
                    <a:lnTo>
                      <a:pt x="971" y="79"/>
                    </a:lnTo>
                    <a:lnTo>
                      <a:pt x="967" y="43"/>
                    </a:lnTo>
                    <a:lnTo>
                      <a:pt x="967" y="34"/>
                    </a:lnTo>
                    <a:lnTo>
                      <a:pt x="968" y="26"/>
                    </a:lnTo>
                    <a:lnTo>
                      <a:pt x="971" y="20"/>
                    </a:lnTo>
                    <a:lnTo>
                      <a:pt x="975" y="13"/>
                    </a:lnTo>
                    <a:lnTo>
                      <a:pt x="980" y="8"/>
                    </a:lnTo>
                    <a:lnTo>
                      <a:pt x="986" y="4"/>
                    </a:lnTo>
                    <a:lnTo>
                      <a:pt x="995" y="1"/>
                    </a:lnTo>
                    <a:lnTo>
                      <a:pt x="1006" y="0"/>
                    </a:lnTo>
                    <a:lnTo>
                      <a:pt x="1012" y="1"/>
                    </a:lnTo>
                    <a:lnTo>
                      <a:pt x="1019" y="1"/>
                    </a:lnTo>
                    <a:lnTo>
                      <a:pt x="1024" y="4"/>
                    </a:lnTo>
                    <a:lnTo>
                      <a:pt x="1030" y="5"/>
                    </a:lnTo>
                    <a:lnTo>
                      <a:pt x="1041" y="12"/>
                    </a:lnTo>
                    <a:lnTo>
                      <a:pt x="1051" y="20"/>
                    </a:lnTo>
                    <a:lnTo>
                      <a:pt x="1069" y="35"/>
                    </a:lnTo>
                    <a:lnTo>
                      <a:pt x="1089" y="49"/>
                    </a:lnTo>
                    <a:lnTo>
                      <a:pt x="1104" y="56"/>
                    </a:lnTo>
                    <a:lnTo>
                      <a:pt x="1118" y="62"/>
                    </a:lnTo>
                    <a:lnTo>
                      <a:pt x="1134" y="66"/>
                    </a:lnTo>
                    <a:lnTo>
                      <a:pt x="1150" y="71"/>
                    </a:lnTo>
                    <a:lnTo>
                      <a:pt x="1165" y="77"/>
                    </a:lnTo>
                    <a:lnTo>
                      <a:pt x="1179" y="83"/>
                    </a:lnTo>
                    <a:lnTo>
                      <a:pt x="1192" y="91"/>
                    </a:lnTo>
                    <a:lnTo>
                      <a:pt x="1205" y="101"/>
                    </a:lnTo>
                    <a:lnTo>
                      <a:pt x="1283" y="176"/>
                    </a:lnTo>
                    <a:lnTo>
                      <a:pt x="1291" y="215"/>
                    </a:lnTo>
                    <a:lnTo>
                      <a:pt x="1289" y="227"/>
                    </a:lnTo>
                    <a:lnTo>
                      <a:pt x="1289" y="237"/>
                    </a:lnTo>
                    <a:lnTo>
                      <a:pt x="1291" y="246"/>
                    </a:lnTo>
                    <a:lnTo>
                      <a:pt x="1291" y="258"/>
                    </a:lnTo>
                    <a:lnTo>
                      <a:pt x="1291" y="268"/>
                    </a:lnTo>
                    <a:lnTo>
                      <a:pt x="1289" y="279"/>
                    </a:lnTo>
                    <a:lnTo>
                      <a:pt x="1288" y="283"/>
                    </a:lnTo>
                    <a:lnTo>
                      <a:pt x="1287" y="286"/>
                    </a:lnTo>
                    <a:lnTo>
                      <a:pt x="1284" y="289"/>
                    </a:lnTo>
                    <a:lnTo>
                      <a:pt x="1280" y="292"/>
                    </a:lnTo>
                    <a:lnTo>
                      <a:pt x="1269" y="297"/>
                    </a:lnTo>
                    <a:lnTo>
                      <a:pt x="1260" y="30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36" name="Freeform 155"/>
              <p:cNvSpPr>
                <a:spLocks/>
              </p:cNvSpPr>
              <p:nvPr/>
            </p:nvSpPr>
            <p:spPr bwMode="auto">
              <a:xfrm>
                <a:off x="6464515" y="4411127"/>
                <a:ext cx="681312" cy="413644"/>
              </a:xfrm>
              <a:custGeom>
                <a:avLst/>
                <a:gdLst/>
                <a:ahLst/>
                <a:cxnLst>
                  <a:cxn ang="0">
                    <a:pos x="1231" y="347"/>
                  </a:cxn>
                  <a:cxn ang="0">
                    <a:pos x="1311" y="428"/>
                  </a:cxn>
                  <a:cxn ang="0">
                    <a:pos x="1345" y="479"/>
                  </a:cxn>
                  <a:cxn ang="0">
                    <a:pos x="1390" y="525"/>
                  </a:cxn>
                  <a:cxn ang="0">
                    <a:pos x="1477" y="525"/>
                  </a:cxn>
                  <a:cxn ang="0">
                    <a:pos x="1459" y="602"/>
                  </a:cxn>
                  <a:cxn ang="0">
                    <a:pos x="1470" y="654"/>
                  </a:cxn>
                  <a:cxn ang="0">
                    <a:pos x="1442" y="691"/>
                  </a:cxn>
                  <a:cxn ang="0">
                    <a:pos x="1376" y="680"/>
                  </a:cxn>
                  <a:cxn ang="0">
                    <a:pos x="1358" y="698"/>
                  </a:cxn>
                  <a:cxn ang="0">
                    <a:pos x="1357" y="766"/>
                  </a:cxn>
                  <a:cxn ang="0">
                    <a:pos x="1310" y="772"/>
                  </a:cxn>
                  <a:cxn ang="0">
                    <a:pos x="1231" y="757"/>
                  </a:cxn>
                  <a:cxn ang="0">
                    <a:pos x="1153" y="688"/>
                  </a:cxn>
                  <a:cxn ang="0">
                    <a:pos x="1126" y="674"/>
                  </a:cxn>
                  <a:cxn ang="0">
                    <a:pos x="1100" y="733"/>
                  </a:cxn>
                  <a:cxn ang="0">
                    <a:pos x="1065" y="815"/>
                  </a:cxn>
                  <a:cxn ang="0">
                    <a:pos x="997" y="906"/>
                  </a:cxn>
                  <a:cxn ang="0">
                    <a:pos x="963" y="916"/>
                  </a:cxn>
                  <a:cxn ang="0">
                    <a:pos x="896" y="803"/>
                  </a:cxn>
                  <a:cxn ang="0">
                    <a:pos x="839" y="762"/>
                  </a:cxn>
                  <a:cxn ang="0">
                    <a:pos x="817" y="724"/>
                  </a:cxn>
                  <a:cxn ang="0">
                    <a:pos x="835" y="661"/>
                  </a:cxn>
                  <a:cxn ang="0">
                    <a:pos x="774" y="681"/>
                  </a:cxn>
                  <a:cxn ang="0">
                    <a:pos x="692" y="773"/>
                  </a:cxn>
                  <a:cxn ang="0">
                    <a:pos x="646" y="845"/>
                  </a:cxn>
                  <a:cxn ang="0">
                    <a:pos x="557" y="833"/>
                  </a:cxn>
                  <a:cxn ang="0">
                    <a:pos x="485" y="818"/>
                  </a:cxn>
                  <a:cxn ang="0">
                    <a:pos x="388" y="834"/>
                  </a:cxn>
                  <a:cxn ang="0">
                    <a:pos x="337" y="771"/>
                  </a:cxn>
                  <a:cxn ang="0">
                    <a:pos x="315" y="719"/>
                  </a:cxn>
                  <a:cxn ang="0">
                    <a:pos x="320" y="624"/>
                  </a:cxn>
                  <a:cxn ang="0">
                    <a:pos x="282" y="565"/>
                  </a:cxn>
                  <a:cxn ang="0">
                    <a:pos x="191" y="567"/>
                  </a:cxn>
                  <a:cxn ang="0">
                    <a:pos x="140" y="602"/>
                  </a:cxn>
                  <a:cxn ang="0">
                    <a:pos x="121" y="648"/>
                  </a:cxn>
                  <a:cxn ang="0">
                    <a:pos x="47" y="666"/>
                  </a:cxn>
                  <a:cxn ang="0">
                    <a:pos x="0" y="609"/>
                  </a:cxn>
                  <a:cxn ang="0">
                    <a:pos x="51" y="548"/>
                  </a:cxn>
                  <a:cxn ang="0">
                    <a:pos x="139" y="431"/>
                  </a:cxn>
                  <a:cxn ang="0">
                    <a:pos x="209" y="368"/>
                  </a:cxn>
                  <a:cxn ang="0">
                    <a:pos x="288" y="280"/>
                  </a:cxn>
                  <a:cxn ang="0">
                    <a:pos x="359" y="267"/>
                  </a:cxn>
                  <a:cxn ang="0">
                    <a:pos x="454" y="198"/>
                  </a:cxn>
                  <a:cxn ang="0">
                    <a:pos x="451" y="178"/>
                  </a:cxn>
                  <a:cxn ang="0">
                    <a:pos x="402" y="152"/>
                  </a:cxn>
                  <a:cxn ang="0">
                    <a:pos x="436" y="93"/>
                  </a:cxn>
                  <a:cxn ang="0">
                    <a:pos x="504" y="91"/>
                  </a:cxn>
                  <a:cxn ang="0">
                    <a:pos x="594" y="112"/>
                  </a:cxn>
                  <a:cxn ang="0">
                    <a:pos x="691" y="70"/>
                  </a:cxn>
                  <a:cxn ang="0">
                    <a:pos x="728" y="105"/>
                  </a:cxn>
                  <a:cxn ang="0">
                    <a:pos x="826" y="87"/>
                  </a:cxn>
                  <a:cxn ang="0">
                    <a:pos x="900" y="126"/>
                  </a:cxn>
                  <a:cxn ang="0">
                    <a:pos x="957" y="132"/>
                  </a:cxn>
                  <a:cxn ang="0">
                    <a:pos x="967" y="34"/>
                  </a:cxn>
                  <a:cxn ang="0">
                    <a:pos x="1006" y="0"/>
                  </a:cxn>
                  <a:cxn ang="0">
                    <a:pos x="1069" y="35"/>
                  </a:cxn>
                  <a:cxn ang="0">
                    <a:pos x="1179" y="83"/>
                  </a:cxn>
                  <a:cxn ang="0">
                    <a:pos x="1289" y="237"/>
                  </a:cxn>
                  <a:cxn ang="0">
                    <a:pos x="1284" y="289"/>
                  </a:cxn>
                </a:cxnLst>
                <a:rect l="0" t="0" r="r" b="b"/>
                <a:pathLst>
                  <a:path w="1497" h="919">
                    <a:moveTo>
                      <a:pt x="1260" y="302"/>
                    </a:moveTo>
                    <a:lnTo>
                      <a:pt x="1252" y="308"/>
                    </a:lnTo>
                    <a:lnTo>
                      <a:pt x="1245" y="315"/>
                    </a:lnTo>
                    <a:lnTo>
                      <a:pt x="1240" y="323"/>
                    </a:lnTo>
                    <a:lnTo>
                      <a:pt x="1236" y="330"/>
                    </a:lnTo>
                    <a:lnTo>
                      <a:pt x="1234" y="338"/>
                    </a:lnTo>
                    <a:lnTo>
                      <a:pt x="1231" y="347"/>
                    </a:lnTo>
                    <a:lnTo>
                      <a:pt x="1230" y="355"/>
                    </a:lnTo>
                    <a:lnTo>
                      <a:pt x="1230" y="364"/>
                    </a:lnTo>
                    <a:lnTo>
                      <a:pt x="1232" y="402"/>
                    </a:lnTo>
                    <a:lnTo>
                      <a:pt x="1236" y="437"/>
                    </a:lnTo>
                    <a:lnTo>
                      <a:pt x="1305" y="425"/>
                    </a:lnTo>
                    <a:lnTo>
                      <a:pt x="1305" y="425"/>
                    </a:lnTo>
                    <a:lnTo>
                      <a:pt x="1311" y="428"/>
                    </a:lnTo>
                    <a:lnTo>
                      <a:pt x="1317" y="431"/>
                    </a:lnTo>
                    <a:lnTo>
                      <a:pt x="1322" y="434"/>
                    </a:lnTo>
                    <a:lnTo>
                      <a:pt x="1326" y="438"/>
                    </a:lnTo>
                    <a:lnTo>
                      <a:pt x="1332" y="447"/>
                    </a:lnTo>
                    <a:lnTo>
                      <a:pt x="1337" y="457"/>
                    </a:lnTo>
                    <a:lnTo>
                      <a:pt x="1341" y="468"/>
                    </a:lnTo>
                    <a:lnTo>
                      <a:pt x="1345" y="479"/>
                    </a:lnTo>
                    <a:lnTo>
                      <a:pt x="1349" y="490"/>
                    </a:lnTo>
                    <a:lnTo>
                      <a:pt x="1356" y="501"/>
                    </a:lnTo>
                    <a:lnTo>
                      <a:pt x="1362" y="510"/>
                    </a:lnTo>
                    <a:lnTo>
                      <a:pt x="1368" y="516"/>
                    </a:lnTo>
                    <a:lnTo>
                      <a:pt x="1375" y="521"/>
                    </a:lnTo>
                    <a:lnTo>
                      <a:pt x="1383" y="523"/>
                    </a:lnTo>
                    <a:lnTo>
                      <a:pt x="1390" y="525"/>
                    </a:lnTo>
                    <a:lnTo>
                      <a:pt x="1398" y="525"/>
                    </a:lnTo>
                    <a:lnTo>
                      <a:pt x="1407" y="525"/>
                    </a:lnTo>
                    <a:lnTo>
                      <a:pt x="1418" y="523"/>
                    </a:lnTo>
                    <a:lnTo>
                      <a:pt x="1437" y="521"/>
                    </a:lnTo>
                    <a:lnTo>
                      <a:pt x="1458" y="521"/>
                    </a:lnTo>
                    <a:lnTo>
                      <a:pt x="1468" y="522"/>
                    </a:lnTo>
                    <a:lnTo>
                      <a:pt x="1477" y="525"/>
                    </a:lnTo>
                    <a:lnTo>
                      <a:pt x="1488" y="527"/>
                    </a:lnTo>
                    <a:lnTo>
                      <a:pt x="1497" y="531"/>
                    </a:lnTo>
                    <a:lnTo>
                      <a:pt x="1497" y="531"/>
                    </a:lnTo>
                    <a:lnTo>
                      <a:pt x="1472" y="573"/>
                    </a:lnTo>
                    <a:lnTo>
                      <a:pt x="1466" y="584"/>
                    </a:lnTo>
                    <a:lnTo>
                      <a:pt x="1460" y="596"/>
                    </a:lnTo>
                    <a:lnTo>
                      <a:pt x="1459" y="602"/>
                    </a:lnTo>
                    <a:lnTo>
                      <a:pt x="1459" y="609"/>
                    </a:lnTo>
                    <a:lnTo>
                      <a:pt x="1459" y="615"/>
                    </a:lnTo>
                    <a:lnTo>
                      <a:pt x="1462" y="622"/>
                    </a:lnTo>
                    <a:lnTo>
                      <a:pt x="1466" y="634"/>
                    </a:lnTo>
                    <a:lnTo>
                      <a:pt x="1468" y="644"/>
                    </a:lnTo>
                    <a:lnTo>
                      <a:pt x="1470" y="649"/>
                    </a:lnTo>
                    <a:lnTo>
                      <a:pt x="1470" y="654"/>
                    </a:lnTo>
                    <a:lnTo>
                      <a:pt x="1470" y="661"/>
                    </a:lnTo>
                    <a:lnTo>
                      <a:pt x="1467" y="667"/>
                    </a:lnTo>
                    <a:lnTo>
                      <a:pt x="1464" y="675"/>
                    </a:lnTo>
                    <a:lnTo>
                      <a:pt x="1460" y="681"/>
                    </a:lnTo>
                    <a:lnTo>
                      <a:pt x="1455" y="685"/>
                    </a:lnTo>
                    <a:lnTo>
                      <a:pt x="1449" y="689"/>
                    </a:lnTo>
                    <a:lnTo>
                      <a:pt x="1442" y="691"/>
                    </a:lnTo>
                    <a:lnTo>
                      <a:pt x="1436" y="691"/>
                    </a:lnTo>
                    <a:lnTo>
                      <a:pt x="1428" y="691"/>
                    </a:lnTo>
                    <a:lnTo>
                      <a:pt x="1420" y="689"/>
                    </a:lnTo>
                    <a:lnTo>
                      <a:pt x="1405" y="685"/>
                    </a:lnTo>
                    <a:lnTo>
                      <a:pt x="1389" y="681"/>
                    </a:lnTo>
                    <a:lnTo>
                      <a:pt x="1383" y="680"/>
                    </a:lnTo>
                    <a:lnTo>
                      <a:pt x="1376" y="680"/>
                    </a:lnTo>
                    <a:lnTo>
                      <a:pt x="1371" y="680"/>
                    </a:lnTo>
                    <a:lnTo>
                      <a:pt x="1366" y="681"/>
                    </a:lnTo>
                    <a:lnTo>
                      <a:pt x="1363" y="683"/>
                    </a:lnTo>
                    <a:lnTo>
                      <a:pt x="1362" y="684"/>
                    </a:lnTo>
                    <a:lnTo>
                      <a:pt x="1359" y="688"/>
                    </a:lnTo>
                    <a:lnTo>
                      <a:pt x="1358" y="691"/>
                    </a:lnTo>
                    <a:lnTo>
                      <a:pt x="1358" y="698"/>
                    </a:lnTo>
                    <a:lnTo>
                      <a:pt x="1358" y="707"/>
                    </a:lnTo>
                    <a:lnTo>
                      <a:pt x="1359" y="726"/>
                    </a:lnTo>
                    <a:lnTo>
                      <a:pt x="1362" y="740"/>
                    </a:lnTo>
                    <a:lnTo>
                      <a:pt x="1361" y="748"/>
                    </a:lnTo>
                    <a:lnTo>
                      <a:pt x="1361" y="755"/>
                    </a:lnTo>
                    <a:lnTo>
                      <a:pt x="1358" y="761"/>
                    </a:lnTo>
                    <a:lnTo>
                      <a:pt x="1357" y="766"/>
                    </a:lnTo>
                    <a:lnTo>
                      <a:pt x="1353" y="770"/>
                    </a:lnTo>
                    <a:lnTo>
                      <a:pt x="1350" y="772"/>
                    </a:lnTo>
                    <a:lnTo>
                      <a:pt x="1346" y="775"/>
                    </a:lnTo>
                    <a:lnTo>
                      <a:pt x="1343" y="776"/>
                    </a:lnTo>
                    <a:lnTo>
                      <a:pt x="1332" y="777"/>
                    </a:lnTo>
                    <a:lnTo>
                      <a:pt x="1322" y="775"/>
                    </a:lnTo>
                    <a:lnTo>
                      <a:pt x="1310" y="772"/>
                    </a:lnTo>
                    <a:lnTo>
                      <a:pt x="1297" y="768"/>
                    </a:lnTo>
                    <a:lnTo>
                      <a:pt x="1284" y="763"/>
                    </a:lnTo>
                    <a:lnTo>
                      <a:pt x="1273" y="761"/>
                    </a:lnTo>
                    <a:lnTo>
                      <a:pt x="1261" y="759"/>
                    </a:lnTo>
                    <a:lnTo>
                      <a:pt x="1247" y="759"/>
                    </a:lnTo>
                    <a:lnTo>
                      <a:pt x="1239" y="758"/>
                    </a:lnTo>
                    <a:lnTo>
                      <a:pt x="1231" y="757"/>
                    </a:lnTo>
                    <a:lnTo>
                      <a:pt x="1223" y="754"/>
                    </a:lnTo>
                    <a:lnTo>
                      <a:pt x="1216" y="751"/>
                    </a:lnTo>
                    <a:lnTo>
                      <a:pt x="1200" y="745"/>
                    </a:lnTo>
                    <a:lnTo>
                      <a:pt x="1186" y="738"/>
                    </a:lnTo>
                    <a:lnTo>
                      <a:pt x="1174" y="724"/>
                    </a:lnTo>
                    <a:lnTo>
                      <a:pt x="1160" y="700"/>
                    </a:lnTo>
                    <a:lnTo>
                      <a:pt x="1153" y="688"/>
                    </a:lnTo>
                    <a:lnTo>
                      <a:pt x="1146" y="679"/>
                    </a:lnTo>
                    <a:lnTo>
                      <a:pt x="1142" y="675"/>
                    </a:lnTo>
                    <a:lnTo>
                      <a:pt x="1139" y="672"/>
                    </a:lnTo>
                    <a:lnTo>
                      <a:pt x="1135" y="670"/>
                    </a:lnTo>
                    <a:lnTo>
                      <a:pt x="1133" y="670"/>
                    </a:lnTo>
                    <a:lnTo>
                      <a:pt x="1130" y="671"/>
                    </a:lnTo>
                    <a:lnTo>
                      <a:pt x="1126" y="674"/>
                    </a:lnTo>
                    <a:lnTo>
                      <a:pt x="1122" y="676"/>
                    </a:lnTo>
                    <a:lnTo>
                      <a:pt x="1120" y="680"/>
                    </a:lnTo>
                    <a:lnTo>
                      <a:pt x="1113" y="691"/>
                    </a:lnTo>
                    <a:lnTo>
                      <a:pt x="1109" y="701"/>
                    </a:lnTo>
                    <a:lnTo>
                      <a:pt x="1105" y="713"/>
                    </a:lnTo>
                    <a:lnTo>
                      <a:pt x="1102" y="723"/>
                    </a:lnTo>
                    <a:lnTo>
                      <a:pt x="1100" y="733"/>
                    </a:lnTo>
                    <a:lnTo>
                      <a:pt x="1099" y="741"/>
                    </a:lnTo>
                    <a:lnTo>
                      <a:pt x="1098" y="753"/>
                    </a:lnTo>
                    <a:lnTo>
                      <a:pt x="1096" y="763"/>
                    </a:lnTo>
                    <a:lnTo>
                      <a:pt x="1093" y="772"/>
                    </a:lnTo>
                    <a:lnTo>
                      <a:pt x="1089" y="781"/>
                    </a:lnTo>
                    <a:lnTo>
                      <a:pt x="1078" y="798"/>
                    </a:lnTo>
                    <a:lnTo>
                      <a:pt x="1065" y="815"/>
                    </a:lnTo>
                    <a:lnTo>
                      <a:pt x="1051" y="830"/>
                    </a:lnTo>
                    <a:lnTo>
                      <a:pt x="1037" y="846"/>
                    </a:lnTo>
                    <a:lnTo>
                      <a:pt x="1024" y="864"/>
                    </a:lnTo>
                    <a:lnTo>
                      <a:pt x="1011" y="884"/>
                    </a:lnTo>
                    <a:lnTo>
                      <a:pt x="1007" y="891"/>
                    </a:lnTo>
                    <a:lnTo>
                      <a:pt x="1002" y="899"/>
                    </a:lnTo>
                    <a:lnTo>
                      <a:pt x="997" y="906"/>
                    </a:lnTo>
                    <a:lnTo>
                      <a:pt x="991" y="911"/>
                    </a:lnTo>
                    <a:lnTo>
                      <a:pt x="986" y="915"/>
                    </a:lnTo>
                    <a:lnTo>
                      <a:pt x="982" y="917"/>
                    </a:lnTo>
                    <a:lnTo>
                      <a:pt x="977" y="919"/>
                    </a:lnTo>
                    <a:lnTo>
                      <a:pt x="972" y="919"/>
                    </a:lnTo>
                    <a:lnTo>
                      <a:pt x="967" y="919"/>
                    </a:lnTo>
                    <a:lnTo>
                      <a:pt x="963" y="916"/>
                    </a:lnTo>
                    <a:lnTo>
                      <a:pt x="958" y="913"/>
                    </a:lnTo>
                    <a:lnTo>
                      <a:pt x="953" y="909"/>
                    </a:lnTo>
                    <a:lnTo>
                      <a:pt x="944" y="899"/>
                    </a:lnTo>
                    <a:lnTo>
                      <a:pt x="933" y="885"/>
                    </a:lnTo>
                    <a:lnTo>
                      <a:pt x="918" y="852"/>
                    </a:lnTo>
                    <a:lnTo>
                      <a:pt x="903" y="819"/>
                    </a:lnTo>
                    <a:lnTo>
                      <a:pt x="896" y="803"/>
                    </a:lnTo>
                    <a:lnTo>
                      <a:pt x="884" y="790"/>
                    </a:lnTo>
                    <a:lnTo>
                      <a:pt x="879" y="784"/>
                    </a:lnTo>
                    <a:lnTo>
                      <a:pt x="871" y="779"/>
                    </a:lnTo>
                    <a:lnTo>
                      <a:pt x="863" y="773"/>
                    </a:lnTo>
                    <a:lnTo>
                      <a:pt x="854" y="770"/>
                    </a:lnTo>
                    <a:lnTo>
                      <a:pt x="846" y="766"/>
                    </a:lnTo>
                    <a:lnTo>
                      <a:pt x="839" y="762"/>
                    </a:lnTo>
                    <a:lnTo>
                      <a:pt x="833" y="758"/>
                    </a:lnTo>
                    <a:lnTo>
                      <a:pt x="828" y="754"/>
                    </a:lnTo>
                    <a:lnTo>
                      <a:pt x="824" y="749"/>
                    </a:lnTo>
                    <a:lnTo>
                      <a:pt x="822" y="744"/>
                    </a:lnTo>
                    <a:lnTo>
                      <a:pt x="819" y="740"/>
                    </a:lnTo>
                    <a:lnTo>
                      <a:pt x="818" y="735"/>
                    </a:lnTo>
                    <a:lnTo>
                      <a:pt x="817" y="724"/>
                    </a:lnTo>
                    <a:lnTo>
                      <a:pt x="818" y="714"/>
                    </a:lnTo>
                    <a:lnTo>
                      <a:pt x="820" y="705"/>
                    </a:lnTo>
                    <a:lnTo>
                      <a:pt x="824" y="694"/>
                    </a:lnTo>
                    <a:lnTo>
                      <a:pt x="832" y="678"/>
                    </a:lnTo>
                    <a:lnTo>
                      <a:pt x="836" y="665"/>
                    </a:lnTo>
                    <a:lnTo>
                      <a:pt x="836" y="663"/>
                    </a:lnTo>
                    <a:lnTo>
                      <a:pt x="835" y="661"/>
                    </a:lnTo>
                    <a:lnTo>
                      <a:pt x="833" y="659"/>
                    </a:lnTo>
                    <a:lnTo>
                      <a:pt x="831" y="658"/>
                    </a:lnTo>
                    <a:lnTo>
                      <a:pt x="824" y="658"/>
                    </a:lnTo>
                    <a:lnTo>
                      <a:pt x="814" y="661"/>
                    </a:lnTo>
                    <a:lnTo>
                      <a:pt x="802" y="665"/>
                    </a:lnTo>
                    <a:lnTo>
                      <a:pt x="789" y="672"/>
                    </a:lnTo>
                    <a:lnTo>
                      <a:pt x="774" y="681"/>
                    </a:lnTo>
                    <a:lnTo>
                      <a:pt x="760" y="693"/>
                    </a:lnTo>
                    <a:lnTo>
                      <a:pt x="731" y="718"/>
                    </a:lnTo>
                    <a:lnTo>
                      <a:pt x="712" y="738"/>
                    </a:lnTo>
                    <a:lnTo>
                      <a:pt x="706" y="746"/>
                    </a:lnTo>
                    <a:lnTo>
                      <a:pt x="701" y="754"/>
                    </a:lnTo>
                    <a:lnTo>
                      <a:pt x="696" y="764"/>
                    </a:lnTo>
                    <a:lnTo>
                      <a:pt x="692" y="773"/>
                    </a:lnTo>
                    <a:lnTo>
                      <a:pt x="686" y="793"/>
                    </a:lnTo>
                    <a:lnTo>
                      <a:pt x="678" y="812"/>
                    </a:lnTo>
                    <a:lnTo>
                      <a:pt x="673" y="820"/>
                    </a:lnTo>
                    <a:lnTo>
                      <a:pt x="668" y="828"/>
                    </a:lnTo>
                    <a:lnTo>
                      <a:pt x="661" y="834"/>
                    </a:lnTo>
                    <a:lnTo>
                      <a:pt x="655" y="841"/>
                    </a:lnTo>
                    <a:lnTo>
                      <a:pt x="646" y="845"/>
                    </a:lnTo>
                    <a:lnTo>
                      <a:pt x="637" y="847"/>
                    </a:lnTo>
                    <a:lnTo>
                      <a:pt x="625" y="847"/>
                    </a:lnTo>
                    <a:lnTo>
                      <a:pt x="611" y="847"/>
                    </a:lnTo>
                    <a:lnTo>
                      <a:pt x="594" y="843"/>
                    </a:lnTo>
                    <a:lnTo>
                      <a:pt x="581" y="840"/>
                    </a:lnTo>
                    <a:lnTo>
                      <a:pt x="568" y="837"/>
                    </a:lnTo>
                    <a:lnTo>
                      <a:pt x="557" y="833"/>
                    </a:lnTo>
                    <a:lnTo>
                      <a:pt x="541" y="825"/>
                    </a:lnTo>
                    <a:lnTo>
                      <a:pt x="526" y="820"/>
                    </a:lnTo>
                    <a:lnTo>
                      <a:pt x="520" y="818"/>
                    </a:lnTo>
                    <a:lnTo>
                      <a:pt x="512" y="816"/>
                    </a:lnTo>
                    <a:lnTo>
                      <a:pt x="504" y="816"/>
                    </a:lnTo>
                    <a:lnTo>
                      <a:pt x="495" y="816"/>
                    </a:lnTo>
                    <a:lnTo>
                      <a:pt x="485" y="818"/>
                    </a:lnTo>
                    <a:lnTo>
                      <a:pt x="472" y="821"/>
                    </a:lnTo>
                    <a:lnTo>
                      <a:pt x="458" y="825"/>
                    </a:lnTo>
                    <a:lnTo>
                      <a:pt x="441" y="830"/>
                    </a:lnTo>
                    <a:lnTo>
                      <a:pt x="427" y="836"/>
                    </a:lnTo>
                    <a:lnTo>
                      <a:pt x="412" y="837"/>
                    </a:lnTo>
                    <a:lnTo>
                      <a:pt x="399" y="837"/>
                    </a:lnTo>
                    <a:lnTo>
                      <a:pt x="388" y="834"/>
                    </a:lnTo>
                    <a:lnTo>
                      <a:pt x="364" y="827"/>
                    </a:lnTo>
                    <a:lnTo>
                      <a:pt x="339" y="815"/>
                    </a:lnTo>
                    <a:lnTo>
                      <a:pt x="339" y="815"/>
                    </a:lnTo>
                    <a:lnTo>
                      <a:pt x="339" y="805"/>
                    </a:lnTo>
                    <a:lnTo>
                      <a:pt x="337" y="793"/>
                    </a:lnTo>
                    <a:lnTo>
                      <a:pt x="337" y="781"/>
                    </a:lnTo>
                    <a:lnTo>
                      <a:pt x="337" y="771"/>
                    </a:lnTo>
                    <a:lnTo>
                      <a:pt x="335" y="761"/>
                    </a:lnTo>
                    <a:lnTo>
                      <a:pt x="331" y="753"/>
                    </a:lnTo>
                    <a:lnTo>
                      <a:pt x="327" y="745"/>
                    </a:lnTo>
                    <a:lnTo>
                      <a:pt x="322" y="736"/>
                    </a:lnTo>
                    <a:lnTo>
                      <a:pt x="318" y="731"/>
                    </a:lnTo>
                    <a:lnTo>
                      <a:pt x="317" y="724"/>
                    </a:lnTo>
                    <a:lnTo>
                      <a:pt x="315" y="719"/>
                    </a:lnTo>
                    <a:lnTo>
                      <a:pt x="315" y="711"/>
                    </a:lnTo>
                    <a:lnTo>
                      <a:pt x="315" y="701"/>
                    </a:lnTo>
                    <a:lnTo>
                      <a:pt x="317" y="692"/>
                    </a:lnTo>
                    <a:lnTo>
                      <a:pt x="320" y="684"/>
                    </a:lnTo>
                    <a:lnTo>
                      <a:pt x="324" y="674"/>
                    </a:lnTo>
                    <a:lnTo>
                      <a:pt x="323" y="648"/>
                    </a:lnTo>
                    <a:lnTo>
                      <a:pt x="320" y="624"/>
                    </a:lnTo>
                    <a:lnTo>
                      <a:pt x="318" y="613"/>
                    </a:lnTo>
                    <a:lnTo>
                      <a:pt x="314" y="602"/>
                    </a:lnTo>
                    <a:lnTo>
                      <a:pt x="309" y="593"/>
                    </a:lnTo>
                    <a:lnTo>
                      <a:pt x="304" y="584"/>
                    </a:lnTo>
                    <a:lnTo>
                      <a:pt x="298" y="577"/>
                    </a:lnTo>
                    <a:lnTo>
                      <a:pt x="291" y="570"/>
                    </a:lnTo>
                    <a:lnTo>
                      <a:pt x="282" y="565"/>
                    </a:lnTo>
                    <a:lnTo>
                      <a:pt x="272" y="561"/>
                    </a:lnTo>
                    <a:lnTo>
                      <a:pt x="262" y="558"/>
                    </a:lnTo>
                    <a:lnTo>
                      <a:pt x="250" y="557"/>
                    </a:lnTo>
                    <a:lnTo>
                      <a:pt x="236" y="558"/>
                    </a:lnTo>
                    <a:lnTo>
                      <a:pt x="222" y="560"/>
                    </a:lnTo>
                    <a:lnTo>
                      <a:pt x="205" y="564"/>
                    </a:lnTo>
                    <a:lnTo>
                      <a:pt x="191" y="567"/>
                    </a:lnTo>
                    <a:lnTo>
                      <a:pt x="177" y="571"/>
                    </a:lnTo>
                    <a:lnTo>
                      <a:pt x="165" y="578"/>
                    </a:lnTo>
                    <a:lnTo>
                      <a:pt x="160" y="582"/>
                    </a:lnTo>
                    <a:lnTo>
                      <a:pt x="155" y="586"/>
                    </a:lnTo>
                    <a:lnTo>
                      <a:pt x="149" y="591"/>
                    </a:lnTo>
                    <a:lnTo>
                      <a:pt x="146" y="596"/>
                    </a:lnTo>
                    <a:lnTo>
                      <a:pt x="140" y="602"/>
                    </a:lnTo>
                    <a:lnTo>
                      <a:pt x="138" y="610"/>
                    </a:lnTo>
                    <a:lnTo>
                      <a:pt x="134" y="618"/>
                    </a:lnTo>
                    <a:lnTo>
                      <a:pt x="131" y="626"/>
                    </a:lnTo>
                    <a:lnTo>
                      <a:pt x="130" y="632"/>
                    </a:lnTo>
                    <a:lnTo>
                      <a:pt x="127" y="639"/>
                    </a:lnTo>
                    <a:lnTo>
                      <a:pt x="125" y="644"/>
                    </a:lnTo>
                    <a:lnTo>
                      <a:pt x="121" y="648"/>
                    </a:lnTo>
                    <a:lnTo>
                      <a:pt x="113" y="656"/>
                    </a:lnTo>
                    <a:lnTo>
                      <a:pt x="104" y="662"/>
                    </a:lnTo>
                    <a:lnTo>
                      <a:pt x="92" y="666"/>
                    </a:lnTo>
                    <a:lnTo>
                      <a:pt x="81" y="669"/>
                    </a:lnTo>
                    <a:lnTo>
                      <a:pt x="69" y="669"/>
                    </a:lnTo>
                    <a:lnTo>
                      <a:pt x="56" y="667"/>
                    </a:lnTo>
                    <a:lnTo>
                      <a:pt x="47" y="666"/>
                    </a:lnTo>
                    <a:lnTo>
                      <a:pt x="39" y="662"/>
                    </a:lnTo>
                    <a:lnTo>
                      <a:pt x="33" y="658"/>
                    </a:lnTo>
                    <a:lnTo>
                      <a:pt x="28" y="654"/>
                    </a:lnTo>
                    <a:lnTo>
                      <a:pt x="17" y="641"/>
                    </a:lnTo>
                    <a:lnTo>
                      <a:pt x="8" y="628"/>
                    </a:lnTo>
                    <a:lnTo>
                      <a:pt x="3" y="618"/>
                    </a:lnTo>
                    <a:lnTo>
                      <a:pt x="0" y="609"/>
                    </a:lnTo>
                    <a:lnTo>
                      <a:pt x="0" y="601"/>
                    </a:lnTo>
                    <a:lnTo>
                      <a:pt x="3" y="593"/>
                    </a:lnTo>
                    <a:lnTo>
                      <a:pt x="7" y="587"/>
                    </a:lnTo>
                    <a:lnTo>
                      <a:pt x="13" y="580"/>
                    </a:lnTo>
                    <a:lnTo>
                      <a:pt x="21" y="574"/>
                    </a:lnTo>
                    <a:lnTo>
                      <a:pt x="29" y="569"/>
                    </a:lnTo>
                    <a:lnTo>
                      <a:pt x="51" y="548"/>
                    </a:lnTo>
                    <a:lnTo>
                      <a:pt x="74" y="527"/>
                    </a:lnTo>
                    <a:lnTo>
                      <a:pt x="85" y="517"/>
                    </a:lnTo>
                    <a:lnTo>
                      <a:pt x="94" y="505"/>
                    </a:lnTo>
                    <a:lnTo>
                      <a:pt x="103" y="494"/>
                    </a:lnTo>
                    <a:lnTo>
                      <a:pt x="111" y="481"/>
                    </a:lnTo>
                    <a:lnTo>
                      <a:pt x="125" y="456"/>
                    </a:lnTo>
                    <a:lnTo>
                      <a:pt x="139" y="431"/>
                    </a:lnTo>
                    <a:lnTo>
                      <a:pt x="147" y="420"/>
                    </a:lnTo>
                    <a:lnTo>
                      <a:pt x="156" y="409"/>
                    </a:lnTo>
                    <a:lnTo>
                      <a:pt x="166" y="400"/>
                    </a:lnTo>
                    <a:lnTo>
                      <a:pt x="179" y="393"/>
                    </a:lnTo>
                    <a:lnTo>
                      <a:pt x="190" y="385"/>
                    </a:lnTo>
                    <a:lnTo>
                      <a:pt x="200" y="377"/>
                    </a:lnTo>
                    <a:lnTo>
                      <a:pt x="209" y="368"/>
                    </a:lnTo>
                    <a:lnTo>
                      <a:pt x="218" y="358"/>
                    </a:lnTo>
                    <a:lnTo>
                      <a:pt x="236" y="337"/>
                    </a:lnTo>
                    <a:lnTo>
                      <a:pt x="252" y="315"/>
                    </a:lnTo>
                    <a:lnTo>
                      <a:pt x="261" y="305"/>
                    </a:lnTo>
                    <a:lnTo>
                      <a:pt x="270" y="295"/>
                    </a:lnTo>
                    <a:lnTo>
                      <a:pt x="279" y="288"/>
                    </a:lnTo>
                    <a:lnTo>
                      <a:pt x="288" y="280"/>
                    </a:lnTo>
                    <a:lnTo>
                      <a:pt x="298" y="275"/>
                    </a:lnTo>
                    <a:lnTo>
                      <a:pt x="310" y="271"/>
                    </a:lnTo>
                    <a:lnTo>
                      <a:pt x="322" y="268"/>
                    </a:lnTo>
                    <a:lnTo>
                      <a:pt x="335" y="270"/>
                    </a:lnTo>
                    <a:lnTo>
                      <a:pt x="342" y="270"/>
                    </a:lnTo>
                    <a:lnTo>
                      <a:pt x="350" y="268"/>
                    </a:lnTo>
                    <a:lnTo>
                      <a:pt x="359" y="267"/>
                    </a:lnTo>
                    <a:lnTo>
                      <a:pt x="367" y="264"/>
                    </a:lnTo>
                    <a:lnTo>
                      <a:pt x="385" y="258"/>
                    </a:lnTo>
                    <a:lnTo>
                      <a:pt x="401" y="248"/>
                    </a:lnTo>
                    <a:lnTo>
                      <a:pt x="416" y="237"/>
                    </a:lnTo>
                    <a:lnTo>
                      <a:pt x="432" y="224"/>
                    </a:lnTo>
                    <a:lnTo>
                      <a:pt x="443" y="211"/>
                    </a:lnTo>
                    <a:lnTo>
                      <a:pt x="454" y="198"/>
                    </a:lnTo>
                    <a:lnTo>
                      <a:pt x="456" y="193"/>
                    </a:lnTo>
                    <a:lnTo>
                      <a:pt x="458" y="189"/>
                    </a:lnTo>
                    <a:lnTo>
                      <a:pt x="459" y="185"/>
                    </a:lnTo>
                    <a:lnTo>
                      <a:pt x="458" y="183"/>
                    </a:lnTo>
                    <a:lnTo>
                      <a:pt x="456" y="180"/>
                    </a:lnTo>
                    <a:lnTo>
                      <a:pt x="455" y="179"/>
                    </a:lnTo>
                    <a:lnTo>
                      <a:pt x="451" y="178"/>
                    </a:lnTo>
                    <a:lnTo>
                      <a:pt x="449" y="176"/>
                    </a:lnTo>
                    <a:lnTo>
                      <a:pt x="432" y="172"/>
                    </a:lnTo>
                    <a:lnTo>
                      <a:pt x="416" y="167"/>
                    </a:lnTo>
                    <a:lnTo>
                      <a:pt x="411" y="163"/>
                    </a:lnTo>
                    <a:lnTo>
                      <a:pt x="407" y="159"/>
                    </a:lnTo>
                    <a:lnTo>
                      <a:pt x="403" y="156"/>
                    </a:lnTo>
                    <a:lnTo>
                      <a:pt x="402" y="152"/>
                    </a:lnTo>
                    <a:lnTo>
                      <a:pt x="401" y="148"/>
                    </a:lnTo>
                    <a:lnTo>
                      <a:pt x="401" y="144"/>
                    </a:lnTo>
                    <a:lnTo>
                      <a:pt x="402" y="140"/>
                    </a:lnTo>
                    <a:lnTo>
                      <a:pt x="403" y="136"/>
                    </a:lnTo>
                    <a:lnTo>
                      <a:pt x="414" y="121"/>
                    </a:lnTo>
                    <a:lnTo>
                      <a:pt x="427" y="104"/>
                    </a:lnTo>
                    <a:lnTo>
                      <a:pt x="436" y="93"/>
                    </a:lnTo>
                    <a:lnTo>
                      <a:pt x="443" y="84"/>
                    </a:lnTo>
                    <a:lnTo>
                      <a:pt x="451" y="80"/>
                    </a:lnTo>
                    <a:lnTo>
                      <a:pt x="459" y="78"/>
                    </a:lnTo>
                    <a:lnTo>
                      <a:pt x="468" y="79"/>
                    </a:lnTo>
                    <a:lnTo>
                      <a:pt x="478" y="80"/>
                    </a:lnTo>
                    <a:lnTo>
                      <a:pt x="490" y="86"/>
                    </a:lnTo>
                    <a:lnTo>
                      <a:pt x="504" y="91"/>
                    </a:lnTo>
                    <a:lnTo>
                      <a:pt x="519" y="96"/>
                    </a:lnTo>
                    <a:lnTo>
                      <a:pt x="534" y="101"/>
                    </a:lnTo>
                    <a:lnTo>
                      <a:pt x="551" y="106"/>
                    </a:lnTo>
                    <a:lnTo>
                      <a:pt x="569" y="110"/>
                    </a:lnTo>
                    <a:lnTo>
                      <a:pt x="577" y="112"/>
                    </a:lnTo>
                    <a:lnTo>
                      <a:pt x="586" y="113"/>
                    </a:lnTo>
                    <a:lnTo>
                      <a:pt x="594" y="112"/>
                    </a:lnTo>
                    <a:lnTo>
                      <a:pt x="603" y="112"/>
                    </a:lnTo>
                    <a:lnTo>
                      <a:pt x="609" y="110"/>
                    </a:lnTo>
                    <a:lnTo>
                      <a:pt x="617" y="106"/>
                    </a:lnTo>
                    <a:lnTo>
                      <a:pt x="624" y="104"/>
                    </a:lnTo>
                    <a:lnTo>
                      <a:pt x="630" y="99"/>
                    </a:lnTo>
                    <a:lnTo>
                      <a:pt x="691" y="70"/>
                    </a:lnTo>
                    <a:lnTo>
                      <a:pt x="691" y="70"/>
                    </a:lnTo>
                    <a:lnTo>
                      <a:pt x="694" y="78"/>
                    </a:lnTo>
                    <a:lnTo>
                      <a:pt x="699" y="84"/>
                    </a:lnTo>
                    <a:lnTo>
                      <a:pt x="703" y="91"/>
                    </a:lnTo>
                    <a:lnTo>
                      <a:pt x="708" y="96"/>
                    </a:lnTo>
                    <a:lnTo>
                      <a:pt x="714" y="100"/>
                    </a:lnTo>
                    <a:lnTo>
                      <a:pt x="721" y="102"/>
                    </a:lnTo>
                    <a:lnTo>
                      <a:pt x="728" y="105"/>
                    </a:lnTo>
                    <a:lnTo>
                      <a:pt x="736" y="105"/>
                    </a:lnTo>
                    <a:lnTo>
                      <a:pt x="758" y="101"/>
                    </a:lnTo>
                    <a:lnTo>
                      <a:pt x="780" y="95"/>
                    </a:lnTo>
                    <a:lnTo>
                      <a:pt x="792" y="92"/>
                    </a:lnTo>
                    <a:lnTo>
                      <a:pt x="804" y="89"/>
                    </a:lnTo>
                    <a:lnTo>
                      <a:pt x="814" y="87"/>
                    </a:lnTo>
                    <a:lnTo>
                      <a:pt x="826" y="87"/>
                    </a:lnTo>
                    <a:lnTo>
                      <a:pt x="833" y="87"/>
                    </a:lnTo>
                    <a:lnTo>
                      <a:pt x="840" y="89"/>
                    </a:lnTo>
                    <a:lnTo>
                      <a:pt x="848" y="93"/>
                    </a:lnTo>
                    <a:lnTo>
                      <a:pt x="857" y="97"/>
                    </a:lnTo>
                    <a:lnTo>
                      <a:pt x="874" y="109"/>
                    </a:lnTo>
                    <a:lnTo>
                      <a:pt x="890" y="119"/>
                    </a:lnTo>
                    <a:lnTo>
                      <a:pt x="900" y="126"/>
                    </a:lnTo>
                    <a:lnTo>
                      <a:pt x="909" y="130"/>
                    </a:lnTo>
                    <a:lnTo>
                      <a:pt x="918" y="134"/>
                    </a:lnTo>
                    <a:lnTo>
                      <a:pt x="925" y="137"/>
                    </a:lnTo>
                    <a:lnTo>
                      <a:pt x="934" y="139"/>
                    </a:lnTo>
                    <a:lnTo>
                      <a:pt x="942" y="139"/>
                    </a:lnTo>
                    <a:lnTo>
                      <a:pt x="950" y="136"/>
                    </a:lnTo>
                    <a:lnTo>
                      <a:pt x="957" y="132"/>
                    </a:lnTo>
                    <a:lnTo>
                      <a:pt x="962" y="127"/>
                    </a:lnTo>
                    <a:lnTo>
                      <a:pt x="967" y="122"/>
                    </a:lnTo>
                    <a:lnTo>
                      <a:pt x="969" y="117"/>
                    </a:lnTo>
                    <a:lnTo>
                      <a:pt x="973" y="112"/>
                    </a:lnTo>
                    <a:lnTo>
                      <a:pt x="971" y="79"/>
                    </a:lnTo>
                    <a:lnTo>
                      <a:pt x="967" y="43"/>
                    </a:lnTo>
                    <a:lnTo>
                      <a:pt x="967" y="34"/>
                    </a:lnTo>
                    <a:lnTo>
                      <a:pt x="968" y="26"/>
                    </a:lnTo>
                    <a:lnTo>
                      <a:pt x="971" y="20"/>
                    </a:lnTo>
                    <a:lnTo>
                      <a:pt x="975" y="13"/>
                    </a:lnTo>
                    <a:lnTo>
                      <a:pt x="980" y="8"/>
                    </a:lnTo>
                    <a:lnTo>
                      <a:pt x="986" y="4"/>
                    </a:lnTo>
                    <a:lnTo>
                      <a:pt x="995" y="1"/>
                    </a:lnTo>
                    <a:lnTo>
                      <a:pt x="1006" y="0"/>
                    </a:lnTo>
                    <a:lnTo>
                      <a:pt x="1012" y="1"/>
                    </a:lnTo>
                    <a:lnTo>
                      <a:pt x="1019" y="1"/>
                    </a:lnTo>
                    <a:lnTo>
                      <a:pt x="1024" y="4"/>
                    </a:lnTo>
                    <a:lnTo>
                      <a:pt x="1030" y="5"/>
                    </a:lnTo>
                    <a:lnTo>
                      <a:pt x="1041" y="12"/>
                    </a:lnTo>
                    <a:lnTo>
                      <a:pt x="1051" y="20"/>
                    </a:lnTo>
                    <a:lnTo>
                      <a:pt x="1069" y="35"/>
                    </a:lnTo>
                    <a:lnTo>
                      <a:pt x="1089" y="49"/>
                    </a:lnTo>
                    <a:lnTo>
                      <a:pt x="1104" y="56"/>
                    </a:lnTo>
                    <a:lnTo>
                      <a:pt x="1118" y="62"/>
                    </a:lnTo>
                    <a:lnTo>
                      <a:pt x="1134" y="66"/>
                    </a:lnTo>
                    <a:lnTo>
                      <a:pt x="1150" y="71"/>
                    </a:lnTo>
                    <a:lnTo>
                      <a:pt x="1165" y="77"/>
                    </a:lnTo>
                    <a:lnTo>
                      <a:pt x="1179" y="83"/>
                    </a:lnTo>
                    <a:lnTo>
                      <a:pt x="1192" y="91"/>
                    </a:lnTo>
                    <a:lnTo>
                      <a:pt x="1205" y="101"/>
                    </a:lnTo>
                    <a:lnTo>
                      <a:pt x="1283" y="176"/>
                    </a:lnTo>
                    <a:lnTo>
                      <a:pt x="1291" y="215"/>
                    </a:lnTo>
                    <a:lnTo>
                      <a:pt x="1291" y="215"/>
                    </a:lnTo>
                    <a:lnTo>
                      <a:pt x="1289" y="227"/>
                    </a:lnTo>
                    <a:lnTo>
                      <a:pt x="1289" y="237"/>
                    </a:lnTo>
                    <a:lnTo>
                      <a:pt x="1291" y="246"/>
                    </a:lnTo>
                    <a:lnTo>
                      <a:pt x="1291" y="258"/>
                    </a:lnTo>
                    <a:lnTo>
                      <a:pt x="1291" y="268"/>
                    </a:lnTo>
                    <a:lnTo>
                      <a:pt x="1289" y="279"/>
                    </a:lnTo>
                    <a:lnTo>
                      <a:pt x="1288" y="283"/>
                    </a:lnTo>
                    <a:lnTo>
                      <a:pt x="1287" y="286"/>
                    </a:lnTo>
                    <a:lnTo>
                      <a:pt x="1284" y="289"/>
                    </a:lnTo>
                    <a:lnTo>
                      <a:pt x="1280" y="292"/>
                    </a:lnTo>
                    <a:lnTo>
                      <a:pt x="1269" y="297"/>
                    </a:lnTo>
                    <a:lnTo>
                      <a:pt x="1260" y="302"/>
                    </a:lnTo>
                    <a:lnTo>
                      <a:pt x="1260" y="302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37" name="Freeform 156"/>
              <p:cNvSpPr>
                <a:spLocks/>
              </p:cNvSpPr>
              <p:nvPr/>
            </p:nvSpPr>
            <p:spPr bwMode="auto">
              <a:xfrm>
                <a:off x="6331531" y="3215353"/>
                <a:ext cx="573833" cy="520216"/>
              </a:xfrm>
              <a:custGeom>
                <a:avLst/>
                <a:gdLst/>
                <a:ahLst/>
                <a:cxnLst>
                  <a:cxn ang="0">
                    <a:pos x="101" y="851"/>
                  </a:cxn>
                  <a:cxn ang="0">
                    <a:pos x="172" y="830"/>
                  </a:cxn>
                  <a:cxn ang="0">
                    <a:pos x="300" y="798"/>
                  </a:cxn>
                  <a:cxn ang="0">
                    <a:pos x="377" y="770"/>
                  </a:cxn>
                  <a:cxn ang="0">
                    <a:pos x="520" y="826"/>
                  </a:cxn>
                  <a:cxn ang="0">
                    <a:pos x="645" y="952"/>
                  </a:cxn>
                  <a:cxn ang="0">
                    <a:pos x="687" y="1097"/>
                  </a:cxn>
                  <a:cxn ang="0">
                    <a:pos x="750" y="1040"/>
                  </a:cxn>
                  <a:cxn ang="0">
                    <a:pos x="821" y="900"/>
                  </a:cxn>
                  <a:cxn ang="0">
                    <a:pos x="804" y="818"/>
                  </a:cxn>
                  <a:cxn ang="0">
                    <a:pos x="769" y="772"/>
                  </a:cxn>
                  <a:cxn ang="0">
                    <a:pos x="792" y="725"/>
                  </a:cxn>
                  <a:cxn ang="0">
                    <a:pos x="912" y="699"/>
                  </a:cxn>
                  <a:cxn ang="0">
                    <a:pos x="1024" y="687"/>
                  </a:cxn>
                  <a:cxn ang="0">
                    <a:pos x="1072" y="627"/>
                  </a:cxn>
                  <a:cxn ang="0">
                    <a:pos x="1077" y="573"/>
                  </a:cxn>
                  <a:cxn ang="0">
                    <a:pos x="1134" y="527"/>
                  </a:cxn>
                  <a:cxn ang="0">
                    <a:pos x="1140" y="432"/>
                  </a:cxn>
                  <a:cxn ang="0">
                    <a:pos x="1115" y="405"/>
                  </a:cxn>
                  <a:cxn ang="0">
                    <a:pos x="1153" y="348"/>
                  </a:cxn>
                  <a:cxn ang="0">
                    <a:pos x="1222" y="260"/>
                  </a:cxn>
                  <a:cxn ang="0">
                    <a:pos x="1220" y="104"/>
                  </a:cxn>
                  <a:cxn ang="0">
                    <a:pos x="1111" y="11"/>
                  </a:cxn>
                  <a:cxn ang="0">
                    <a:pos x="982" y="51"/>
                  </a:cxn>
                  <a:cxn ang="0">
                    <a:pos x="980" y="1"/>
                  </a:cxn>
                  <a:cxn ang="0">
                    <a:pos x="785" y="31"/>
                  </a:cxn>
                  <a:cxn ang="0">
                    <a:pos x="757" y="137"/>
                  </a:cxn>
                  <a:cxn ang="0">
                    <a:pos x="805" y="176"/>
                  </a:cxn>
                  <a:cxn ang="0">
                    <a:pos x="805" y="266"/>
                  </a:cxn>
                  <a:cxn ang="0">
                    <a:pos x="865" y="316"/>
                  </a:cxn>
                  <a:cxn ang="0">
                    <a:pos x="813" y="309"/>
                  </a:cxn>
                  <a:cxn ang="0">
                    <a:pos x="763" y="342"/>
                  </a:cxn>
                  <a:cxn ang="0">
                    <a:pos x="783" y="384"/>
                  </a:cxn>
                  <a:cxn ang="0">
                    <a:pos x="743" y="417"/>
                  </a:cxn>
                  <a:cxn ang="0">
                    <a:pos x="651" y="379"/>
                  </a:cxn>
                  <a:cxn ang="0">
                    <a:pos x="638" y="310"/>
                  </a:cxn>
                  <a:cxn ang="0">
                    <a:pos x="694" y="265"/>
                  </a:cxn>
                  <a:cxn ang="0">
                    <a:pos x="720" y="228"/>
                  </a:cxn>
                  <a:cxn ang="0">
                    <a:pos x="678" y="193"/>
                  </a:cxn>
                  <a:cxn ang="0">
                    <a:pos x="681" y="123"/>
                  </a:cxn>
                  <a:cxn ang="0">
                    <a:pos x="625" y="132"/>
                  </a:cxn>
                  <a:cxn ang="0">
                    <a:pos x="586" y="106"/>
                  </a:cxn>
                  <a:cxn ang="0">
                    <a:pos x="625" y="67"/>
                  </a:cxn>
                  <a:cxn ang="0">
                    <a:pos x="619" y="42"/>
                  </a:cxn>
                  <a:cxn ang="0">
                    <a:pos x="544" y="133"/>
                  </a:cxn>
                  <a:cxn ang="0">
                    <a:pos x="515" y="259"/>
                  </a:cxn>
                  <a:cxn ang="0">
                    <a:pos x="386" y="443"/>
                  </a:cxn>
                  <a:cxn ang="0">
                    <a:pos x="265" y="560"/>
                  </a:cxn>
                  <a:cxn ang="0">
                    <a:pos x="334" y="594"/>
                  </a:cxn>
                  <a:cxn ang="0">
                    <a:pos x="391" y="656"/>
                  </a:cxn>
                  <a:cxn ang="0">
                    <a:pos x="237" y="672"/>
                  </a:cxn>
                  <a:cxn ang="0">
                    <a:pos x="261" y="713"/>
                  </a:cxn>
                  <a:cxn ang="0">
                    <a:pos x="253" y="742"/>
                  </a:cxn>
                  <a:cxn ang="0">
                    <a:pos x="199" y="696"/>
                  </a:cxn>
                  <a:cxn ang="0">
                    <a:pos x="130" y="680"/>
                  </a:cxn>
                  <a:cxn ang="0">
                    <a:pos x="95" y="642"/>
                  </a:cxn>
                  <a:cxn ang="0">
                    <a:pos x="33" y="641"/>
                  </a:cxn>
                  <a:cxn ang="0">
                    <a:pos x="16" y="671"/>
                  </a:cxn>
                  <a:cxn ang="0">
                    <a:pos x="138" y="764"/>
                  </a:cxn>
                  <a:cxn ang="0">
                    <a:pos x="222" y="763"/>
                  </a:cxn>
                  <a:cxn ang="0">
                    <a:pos x="260" y="794"/>
                  </a:cxn>
                  <a:cxn ang="0">
                    <a:pos x="116" y="795"/>
                  </a:cxn>
                  <a:cxn ang="0">
                    <a:pos x="23" y="756"/>
                  </a:cxn>
                </a:cxnLst>
                <a:rect l="0" t="0" r="r" b="b"/>
                <a:pathLst>
                  <a:path w="1259" h="1150">
                    <a:moveTo>
                      <a:pt x="0" y="752"/>
                    </a:moveTo>
                    <a:lnTo>
                      <a:pt x="41" y="812"/>
                    </a:lnTo>
                    <a:lnTo>
                      <a:pt x="64" y="830"/>
                    </a:lnTo>
                    <a:lnTo>
                      <a:pt x="81" y="844"/>
                    </a:lnTo>
                    <a:lnTo>
                      <a:pt x="86" y="847"/>
                    </a:lnTo>
                    <a:lnTo>
                      <a:pt x="90" y="848"/>
                    </a:lnTo>
                    <a:lnTo>
                      <a:pt x="95" y="849"/>
                    </a:lnTo>
                    <a:lnTo>
                      <a:pt x="101" y="851"/>
                    </a:lnTo>
                    <a:lnTo>
                      <a:pt x="107" y="849"/>
                    </a:lnTo>
                    <a:lnTo>
                      <a:pt x="112" y="848"/>
                    </a:lnTo>
                    <a:lnTo>
                      <a:pt x="120" y="847"/>
                    </a:lnTo>
                    <a:lnTo>
                      <a:pt x="128" y="843"/>
                    </a:lnTo>
                    <a:lnTo>
                      <a:pt x="139" y="838"/>
                    </a:lnTo>
                    <a:lnTo>
                      <a:pt x="150" y="835"/>
                    </a:lnTo>
                    <a:lnTo>
                      <a:pt x="161" y="833"/>
                    </a:lnTo>
                    <a:lnTo>
                      <a:pt x="172" y="830"/>
                    </a:lnTo>
                    <a:lnTo>
                      <a:pt x="193" y="829"/>
                    </a:lnTo>
                    <a:lnTo>
                      <a:pt x="212" y="827"/>
                    </a:lnTo>
                    <a:lnTo>
                      <a:pt x="233" y="825"/>
                    </a:lnTo>
                    <a:lnTo>
                      <a:pt x="255" y="820"/>
                    </a:lnTo>
                    <a:lnTo>
                      <a:pt x="265" y="817"/>
                    </a:lnTo>
                    <a:lnTo>
                      <a:pt x="277" y="812"/>
                    </a:lnTo>
                    <a:lnTo>
                      <a:pt x="288" y="805"/>
                    </a:lnTo>
                    <a:lnTo>
                      <a:pt x="300" y="798"/>
                    </a:lnTo>
                    <a:lnTo>
                      <a:pt x="310" y="791"/>
                    </a:lnTo>
                    <a:lnTo>
                      <a:pt x="320" y="786"/>
                    </a:lnTo>
                    <a:lnTo>
                      <a:pt x="329" y="781"/>
                    </a:lnTo>
                    <a:lnTo>
                      <a:pt x="338" y="778"/>
                    </a:lnTo>
                    <a:lnTo>
                      <a:pt x="348" y="774"/>
                    </a:lnTo>
                    <a:lnTo>
                      <a:pt x="357" y="773"/>
                    </a:lnTo>
                    <a:lnTo>
                      <a:pt x="366" y="772"/>
                    </a:lnTo>
                    <a:lnTo>
                      <a:pt x="377" y="770"/>
                    </a:lnTo>
                    <a:lnTo>
                      <a:pt x="396" y="770"/>
                    </a:lnTo>
                    <a:lnTo>
                      <a:pt x="414" y="773"/>
                    </a:lnTo>
                    <a:lnTo>
                      <a:pt x="434" y="778"/>
                    </a:lnTo>
                    <a:lnTo>
                      <a:pt x="452" y="785"/>
                    </a:lnTo>
                    <a:lnTo>
                      <a:pt x="470" y="794"/>
                    </a:lnTo>
                    <a:lnTo>
                      <a:pt x="487" y="803"/>
                    </a:lnTo>
                    <a:lnTo>
                      <a:pt x="505" y="814"/>
                    </a:lnTo>
                    <a:lnTo>
                      <a:pt x="520" y="826"/>
                    </a:lnTo>
                    <a:lnTo>
                      <a:pt x="537" y="839"/>
                    </a:lnTo>
                    <a:lnTo>
                      <a:pt x="551" y="852"/>
                    </a:lnTo>
                    <a:lnTo>
                      <a:pt x="566" y="865"/>
                    </a:lnTo>
                    <a:lnTo>
                      <a:pt x="579" y="878"/>
                    </a:lnTo>
                    <a:lnTo>
                      <a:pt x="601" y="900"/>
                    </a:lnTo>
                    <a:lnTo>
                      <a:pt x="624" y="926"/>
                    </a:lnTo>
                    <a:lnTo>
                      <a:pt x="636" y="939"/>
                    </a:lnTo>
                    <a:lnTo>
                      <a:pt x="645" y="952"/>
                    </a:lnTo>
                    <a:lnTo>
                      <a:pt x="649" y="959"/>
                    </a:lnTo>
                    <a:lnTo>
                      <a:pt x="652" y="966"/>
                    </a:lnTo>
                    <a:lnTo>
                      <a:pt x="655" y="972"/>
                    </a:lnTo>
                    <a:lnTo>
                      <a:pt x="656" y="980"/>
                    </a:lnTo>
                    <a:lnTo>
                      <a:pt x="664" y="1009"/>
                    </a:lnTo>
                    <a:lnTo>
                      <a:pt x="673" y="1040"/>
                    </a:lnTo>
                    <a:lnTo>
                      <a:pt x="681" y="1070"/>
                    </a:lnTo>
                    <a:lnTo>
                      <a:pt x="687" y="1097"/>
                    </a:lnTo>
                    <a:lnTo>
                      <a:pt x="704" y="1150"/>
                    </a:lnTo>
                    <a:lnTo>
                      <a:pt x="712" y="1140"/>
                    </a:lnTo>
                    <a:lnTo>
                      <a:pt x="717" y="1128"/>
                    </a:lnTo>
                    <a:lnTo>
                      <a:pt x="724" y="1118"/>
                    </a:lnTo>
                    <a:lnTo>
                      <a:pt x="728" y="1107"/>
                    </a:lnTo>
                    <a:lnTo>
                      <a:pt x="737" y="1085"/>
                    </a:lnTo>
                    <a:lnTo>
                      <a:pt x="743" y="1062"/>
                    </a:lnTo>
                    <a:lnTo>
                      <a:pt x="750" y="1040"/>
                    </a:lnTo>
                    <a:lnTo>
                      <a:pt x="756" y="1016"/>
                    </a:lnTo>
                    <a:lnTo>
                      <a:pt x="764" y="994"/>
                    </a:lnTo>
                    <a:lnTo>
                      <a:pt x="773" y="971"/>
                    </a:lnTo>
                    <a:lnTo>
                      <a:pt x="783" y="953"/>
                    </a:lnTo>
                    <a:lnTo>
                      <a:pt x="795" y="937"/>
                    </a:lnTo>
                    <a:lnTo>
                      <a:pt x="807" y="922"/>
                    </a:lnTo>
                    <a:lnTo>
                      <a:pt x="818" y="905"/>
                    </a:lnTo>
                    <a:lnTo>
                      <a:pt x="821" y="900"/>
                    </a:lnTo>
                    <a:lnTo>
                      <a:pt x="823" y="896"/>
                    </a:lnTo>
                    <a:lnTo>
                      <a:pt x="825" y="891"/>
                    </a:lnTo>
                    <a:lnTo>
                      <a:pt x="825" y="886"/>
                    </a:lnTo>
                    <a:lnTo>
                      <a:pt x="825" y="874"/>
                    </a:lnTo>
                    <a:lnTo>
                      <a:pt x="822" y="864"/>
                    </a:lnTo>
                    <a:lnTo>
                      <a:pt x="814" y="843"/>
                    </a:lnTo>
                    <a:lnTo>
                      <a:pt x="804" y="823"/>
                    </a:lnTo>
                    <a:lnTo>
                      <a:pt x="804" y="818"/>
                    </a:lnTo>
                    <a:lnTo>
                      <a:pt x="801" y="813"/>
                    </a:lnTo>
                    <a:lnTo>
                      <a:pt x="798" y="808"/>
                    </a:lnTo>
                    <a:lnTo>
                      <a:pt x="795" y="803"/>
                    </a:lnTo>
                    <a:lnTo>
                      <a:pt x="786" y="794"/>
                    </a:lnTo>
                    <a:lnTo>
                      <a:pt x="778" y="785"/>
                    </a:lnTo>
                    <a:lnTo>
                      <a:pt x="774" y="781"/>
                    </a:lnTo>
                    <a:lnTo>
                      <a:pt x="772" y="776"/>
                    </a:lnTo>
                    <a:lnTo>
                      <a:pt x="769" y="772"/>
                    </a:lnTo>
                    <a:lnTo>
                      <a:pt x="768" y="766"/>
                    </a:lnTo>
                    <a:lnTo>
                      <a:pt x="768" y="760"/>
                    </a:lnTo>
                    <a:lnTo>
                      <a:pt x="769" y="755"/>
                    </a:lnTo>
                    <a:lnTo>
                      <a:pt x="772" y="748"/>
                    </a:lnTo>
                    <a:lnTo>
                      <a:pt x="777" y="742"/>
                    </a:lnTo>
                    <a:lnTo>
                      <a:pt x="782" y="735"/>
                    </a:lnTo>
                    <a:lnTo>
                      <a:pt x="787" y="730"/>
                    </a:lnTo>
                    <a:lnTo>
                      <a:pt x="792" y="725"/>
                    </a:lnTo>
                    <a:lnTo>
                      <a:pt x="799" y="722"/>
                    </a:lnTo>
                    <a:lnTo>
                      <a:pt x="809" y="716"/>
                    </a:lnTo>
                    <a:lnTo>
                      <a:pt x="821" y="713"/>
                    </a:lnTo>
                    <a:lnTo>
                      <a:pt x="845" y="709"/>
                    </a:lnTo>
                    <a:lnTo>
                      <a:pt x="873" y="706"/>
                    </a:lnTo>
                    <a:lnTo>
                      <a:pt x="887" y="703"/>
                    </a:lnTo>
                    <a:lnTo>
                      <a:pt x="900" y="700"/>
                    </a:lnTo>
                    <a:lnTo>
                      <a:pt x="912" y="699"/>
                    </a:lnTo>
                    <a:lnTo>
                      <a:pt x="923" y="699"/>
                    </a:lnTo>
                    <a:lnTo>
                      <a:pt x="947" y="699"/>
                    </a:lnTo>
                    <a:lnTo>
                      <a:pt x="969" y="699"/>
                    </a:lnTo>
                    <a:lnTo>
                      <a:pt x="980" y="698"/>
                    </a:lnTo>
                    <a:lnTo>
                      <a:pt x="991" y="696"/>
                    </a:lnTo>
                    <a:lnTo>
                      <a:pt x="1002" y="695"/>
                    </a:lnTo>
                    <a:lnTo>
                      <a:pt x="1013" y="691"/>
                    </a:lnTo>
                    <a:lnTo>
                      <a:pt x="1024" y="687"/>
                    </a:lnTo>
                    <a:lnTo>
                      <a:pt x="1036" y="681"/>
                    </a:lnTo>
                    <a:lnTo>
                      <a:pt x="1049" y="674"/>
                    </a:lnTo>
                    <a:lnTo>
                      <a:pt x="1061" y="664"/>
                    </a:lnTo>
                    <a:lnTo>
                      <a:pt x="1068" y="658"/>
                    </a:lnTo>
                    <a:lnTo>
                      <a:pt x="1072" y="651"/>
                    </a:lnTo>
                    <a:lnTo>
                      <a:pt x="1075" y="646"/>
                    </a:lnTo>
                    <a:lnTo>
                      <a:pt x="1075" y="640"/>
                    </a:lnTo>
                    <a:lnTo>
                      <a:pt x="1072" y="627"/>
                    </a:lnTo>
                    <a:lnTo>
                      <a:pt x="1067" y="614"/>
                    </a:lnTo>
                    <a:lnTo>
                      <a:pt x="1064" y="608"/>
                    </a:lnTo>
                    <a:lnTo>
                      <a:pt x="1063" y="602"/>
                    </a:lnTo>
                    <a:lnTo>
                      <a:pt x="1063" y="595"/>
                    </a:lnTo>
                    <a:lnTo>
                      <a:pt x="1063" y="590"/>
                    </a:lnTo>
                    <a:lnTo>
                      <a:pt x="1066" y="584"/>
                    </a:lnTo>
                    <a:lnTo>
                      <a:pt x="1071" y="579"/>
                    </a:lnTo>
                    <a:lnTo>
                      <a:pt x="1077" y="573"/>
                    </a:lnTo>
                    <a:lnTo>
                      <a:pt x="1088" y="568"/>
                    </a:lnTo>
                    <a:lnTo>
                      <a:pt x="1098" y="563"/>
                    </a:lnTo>
                    <a:lnTo>
                      <a:pt x="1107" y="557"/>
                    </a:lnTo>
                    <a:lnTo>
                      <a:pt x="1115" y="551"/>
                    </a:lnTo>
                    <a:lnTo>
                      <a:pt x="1121" y="546"/>
                    </a:lnTo>
                    <a:lnTo>
                      <a:pt x="1127" y="540"/>
                    </a:lnTo>
                    <a:lnTo>
                      <a:pt x="1132" y="533"/>
                    </a:lnTo>
                    <a:lnTo>
                      <a:pt x="1134" y="527"/>
                    </a:lnTo>
                    <a:lnTo>
                      <a:pt x="1138" y="520"/>
                    </a:lnTo>
                    <a:lnTo>
                      <a:pt x="1146" y="489"/>
                    </a:lnTo>
                    <a:lnTo>
                      <a:pt x="1153" y="450"/>
                    </a:lnTo>
                    <a:lnTo>
                      <a:pt x="1153" y="445"/>
                    </a:lnTo>
                    <a:lnTo>
                      <a:pt x="1153" y="441"/>
                    </a:lnTo>
                    <a:lnTo>
                      <a:pt x="1150" y="437"/>
                    </a:lnTo>
                    <a:lnTo>
                      <a:pt x="1147" y="435"/>
                    </a:lnTo>
                    <a:lnTo>
                      <a:pt x="1140" y="432"/>
                    </a:lnTo>
                    <a:lnTo>
                      <a:pt x="1132" y="430"/>
                    </a:lnTo>
                    <a:lnTo>
                      <a:pt x="1128" y="428"/>
                    </a:lnTo>
                    <a:lnTo>
                      <a:pt x="1124" y="427"/>
                    </a:lnTo>
                    <a:lnTo>
                      <a:pt x="1120" y="424"/>
                    </a:lnTo>
                    <a:lnTo>
                      <a:pt x="1118" y="421"/>
                    </a:lnTo>
                    <a:lnTo>
                      <a:pt x="1116" y="417"/>
                    </a:lnTo>
                    <a:lnTo>
                      <a:pt x="1115" y="412"/>
                    </a:lnTo>
                    <a:lnTo>
                      <a:pt x="1115" y="405"/>
                    </a:lnTo>
                    <a:lnTo>
                      <a:pt x="1118" y="397"/>
                    </a:lnTo>
                    <a:lnTo>
                      <a:pt x="1121" y="386"/>
                    </a:lnTo>
                    <a:lnTo>
                      <a:pt x="1125" y="375"/>
                    </a:lnTo>
                    <a:lnTo>
                      <a:pt x="1129" y="369"/>
                    </a:lnTo>
                    <a:lnTo>
                      <a:pt x="1133" y="362"/>
                    </a:lnTo>
                    <a:lnTo>
                      <a:pt x="1138" y="357"/>
                    </a:lnTo>
                    <a:lnTo>
                      <a:pt x="1145" y="353"/>
                    </a:lnTo>
                    <a:lnTo>
                      <a:pt x="1153" y="348"/>
                    </a:lnTo>
                    <a:lnTo>
                      <a:pt x="1162" y="343"/>
                    </a:lnTo>
                    <a:lnTo>
                      <a:pt x="1177" y="335"/>
                    </a:lnTo>
                    <a:lnTo>
                      <a:pt x="1189" y="325"/>
                    </a:lnTo>
                    <a:lnTo>
                      <a:pt x="1198" y="313"/>
                    </a:lnTo>
                    <a:lnTo>
                      <a:pt x="1206" y="301"/>
                    </a:lnTo>
                    <a:lnTo>
                      <a:pt x="1212" y="288"/>
                    </a:lnTo>
                    <a:lnTo>
                      <a:pt x="1219" y="274"/>
                    </a:lnTo>
                    <a:lnTo>
                      <a:pt x="1222" y="260"/>
                    </a:lnTo>
                    <a:lnTo>
                      <a:pt x="1226" y="243"/>
                    </a:lnTo>
                    <a:lnTo>
                      <a:pt x="1259" y="137"/>
                    </a:lnTo>
                    <a:lnTo>
                      <a:pt x="1259" y="136"/>
                    </a:lnTo>
                    <a:lnTo>
                      <a:pt x="1254" y="134"/>
                    </a:lnTo>
                    <a:lnTo>
                      <a:pt x="1247" y="130"/>
                    </a:lnTo>
                    <a:lnTo>
                      <a:pt x="1241" y="125"/>
                    </a:lnTo>
                    <a:lnTo>
                      <a:pt x="1233" y="120"/>
                    </a:lnTo>
                    <a:lnTo>
                      <a:pt x="1220" y="104"/>
                    </a:lnTo>
                    <a:lnTo>
                      <a:pt x="1207" y="88"/>
                    </a:lnTo>
                    <a:lnTo>
                      <a:pt x="1181" y="54"/>
                    </a:lnTo>
                    <a:lnTo>
                      <a:pt x="1162" y="28"/>
                    </a:lnTo>
                    <a:lnTo>
                      <a:pt x="1153" y="20"/>
                    </a:lnTo>
                    <a:lnTo>
                      <a:pt x="1143" y="15"/>
                    </a:lnTo>
                    <a:lnTo>
                      <a:pt x="1133" y="11"/>
                    </a:lnTo>
                    <a:lnTo>
                      <a:pt x="1123" y="10"/>
                    </a:lnTo>
                    <a:lnTo>
                      <a:pt x="1111" y="11"/>
                    </a:lnTo>
                    <a:lnTo>
                      <a:pt x="1101" y="13"/>
                    </a:lnTo>
                    <a:lnTo>
                      <a:pt x="1089" y="15"/>
                    </a:lnTo>
                    <a:lnTo>
                      <a:pt x="1077" y="19"/>
                    </a:lnTo>
                    <a:lnTo>
                      <a:pt x="1032" y="38"/>
                    </a:lnTo>
                    <a:lnTo>
                      <a:pt x="992" y="55"/>
                    </a:lnTo>
                    <a:lnTo>
                      <a:pt x="987" y="55"/>
                    </a:lnTo>
                    <a:lnTo>
                      <a:pt x="984" y="54"/>
                    </a:lnTo>
                    <a:lnTo>
                      <a:pt x="982" y="51"/>
                    </a:lnTo>
                    <a:lnTo>
                      <a:pt x="980" y="49"/>
                    </a:lnTo>
                    <a:lnTo>
                      <a:pt x="980" y="40"/>
                    </a:lnTo>
                    <a:lnTo>
                      <a:pt x="982" y="29"/>
                    </a:lnTo>
                    <a:lnTo>
                      <a:pt x="983" y="19"/>
                    </a:lnTo>
                    <a:lnTo>
                      <a:pt x="983" y="9"/>
                    </a:lnTo>
                    <a:lnTo>
                      <a:pt x="983" y="5"/>
                    </a:lnTo>
                    <a:lnTo>
                      <a:pt x="982" y="2"/>
                    </a:lnTo>
                    <a:lnTo>
                      <a:pt x="980" y="1"/>
                    </a:lnTo>
                    <a:lnTo>
                      <a:pt x="976" y="0"/>
                    </a:lnTo>
                    <a:lnTo>
                      <a:pt x="825" y="7"/>
                    </a:lnTo>
                    <a:lnTo>
                      <a:pt x="817" y="9"/>
                    </a:lnTo>
                    <a:lnTo>
                      <a:pt x="809" y="11"/>
                    </a:lnTo>
                    <a:lnTo>
                      <a:pt x="801" y="15"/>
                    </a:lnTo>
                    <a:lnTo>
                      <a:pt x="795" y="19"/>
                    </a:lnTo>
                    <a:lnTo>
                      <a:pt x="790" y="24"/>
                    </a:lnTo>
                    <a:lnTo>
                      <a:pt x="785" y="31"/>
                    </a:lnTo>
                    <a:lnTo>
                      <a:pt x="779" y="38"/>
                    </a:lnTo>
                    <a:lnTo>
                      <a:pt x="776" y="46"/>
                    </a:lnTo>
                    <a:lnTo>
                      <a:pt x="769" y="62"/>
                    </a:lnTo>
                    <a:lnTo>
                      <a:pt x="764" y="80"/>
                    </a:lnTo>
                    <a:lnTo>
                      <a:pt x="760" y="98"/>
                    </a:lnTo>
                    <a:lnTo>
                      <a:pt x="757" y="115"/>
                    </a:lnTo>
                    <a:lnTo>
                      <a:pt x="756" y="127"/>
                    </a:lnTo>
                    <a:lnTo>
                      <a:pt x="757" y="137"/>
                    </a:lnTo>
                    <a:lnTo>
                      <a:pt x="760" y="145"/>
                    </a:lnTo>
                    <a:lnTo>
                      <a:pt x="763" y="151"/>
                    </a:lnTo>
                    <a:lnTo>
                      <a:pt x="768" y="156"/>
                    </a:lnTo>
                    <a:lnTo>
                      <a:pt x="773" y="160"/>
                    </a:lnTo>
                    <a:lnTo>
                      <a:pt x="778" y="163"/>
                    </a:lnTo>
                    <a:lnTo>
                      <a:pt x="785" y="165"/>
                    </a:lnTo>
                    <a:lnTo>
                      <a:pt x="796" y="171"/>
                    </a:lnTo>
                    <a:lnTo>
                      <a:pt x="805" y="176"/>
                    </a:lnTo>
                    <a:lnTo>
                      <a:pt x="809" y="180"/>
                    </a:lnTo>
                    <a:lnTo>
                      <a:pt x="812" y="185"/>
                    </a:lnTo>
                    <a:lnTo>
                      <a:pt x="812" y="191"/>
                    </a:lnTo>
                    <a:lnTo>
                      <a:pt x="812" y="199"/>
                    </a:lnTo>
                    <a:lnTo>
                      <a:pt x="805" y="221"/>
                    </a:lnTo>
                    <a:lnTo>
                      <a:pt x="803" y="244"/>
                    </a:lnTo>
                    <a:lnTo>
                      <a:pt x="803" y="256"/>
                    </a:lnTo>
                    <a:lnTo>
                      <a:pt x="805" y="266"/>
                    </a:lnTo>
                    <a:lnTo>
                      <a:pt x="807" y="273"/>
                    </a:lnTo>
                    <a:lnTo>
                      <a:pt x="809" y="278"/>
                    </a:lnTo>
                    <a:lnTo>
                      <a:pt x="813" y="283"/>
                    </a:lnTo>
                    <a:lnTo>
                      <a:pt x="818" y="288"/>
                    </a:lnTo>
                    <a:lnTo>
                      <a:pt x="831" y="296"/>
                    </a:lnTo>
                    <a:lnTo>
                      <a:pt x="851" y="305"/>
                    </a:lnTo>
                    <a:lnTo>
                      <a:pt x="858" y="310"/>
                    </a:lnTo>
                    <a:lnTo>
                      <a:pt x="865" y="316"/>
                    </a:lnTo>
                    <a:lnTo>
                      <a:pt x="868" y="318"/>
                    </a:lnTo>
                    <a:lnTo>
                      <a:pt x="869" y="321"/>
                    </a:lnTo>
                    <a:lnTo>
                      <a:pt x="869" y="323"/>
                    </a:lnTo>
                    <a:lnTo>
                      <a:pt x="866" y="326"/>
                    </a:lnTo>
                    <a:lnTo>
                      <a:pt x="855" y="322"/>
                    </a:lnTo>
                    <a:lnTo>
                      <a:pt x="829" y="312"/>
                    </a:lnTo>
                    <a:lnTo>
                      <a:pt x="821" y="310"/>
                    </a:lnTo>
                    <a:lnTo>
                      <a:pt x="813" y="309"/>
                    </a:lnTo>
                    <a:lnTo>
                      <a:pt x="805" y="310"/>
                    </a:lnTo>
                    <a:lnTo>
                      <a:pt x="796" y="312"/>
                    </a:lnTo>
                    <a:lnTo>
                      <a:pt x="788" y="314"/>
                    </a:lnTo>
                    <a:lnTo>
                      <a:pt x="781" y="320"/>
                    </a:lnTo>
                    <a:lnTo>
                      <a:pt x="773" y="326"/>
                    </a:lnTo>
                    <a:lnTo>
                      <a:pt x="765" y="335"/>
                    </a:lnTo>
                    <a:lnTo>
                      <a:pt x="764" y="339"/>
                    </a:lnTo>
                    <a:lnTo>
                      <a:pt x="763" y="342"/>
                    </a:lnTo>
                    <a:lnTo>
                      <a:pt x="763" y="345"/>
                    </a:lnTo>
                    <a:lnTo>
                      <a:pt x="763" y="348"/>
                    </a:lnTo>
                    <a:lnTo>
                      <a:pt x="765" y="355"/>
                    </a:lnTo>
                    <a:lnTo>
                      <a:pt x="769" y="360"/>
                    </a:lnTo>
                    <a:lnTo>
                      <a:pt x="774" y="366"/>
                    </a:lnTo>
                    <a:lnTo>
                      <a:pt x="779" y="371"/>
                    </a:lnTo>
                    <a:lnTo>
                      <a:pt x="782" y="378"/>
                    </a:lnTo>
                    <a:lnTo>
                      <a:pt x="783" y="384"/>
                    </a:lnTo>
                    <a:lnTo>
                      <a:pt x="783" y="389"/>
                    </a:lnTo>
                    <a:lnTo>
                      <a:pt x="782" y="393"/>
                    </a:lnTo>
                    <a:lnTo>
                      <a:pt x="781" y="399"/>
                    </a:lnTo>
                    <a:lnTo>
                      <a:pt x="778" y="401"/>
                    </a:lnTo>
                    <a:lnTo>
                      <a:pt x="772" y="408"/>
                    </a:lnTo>
                    <a:lnTo>
                      <a:pt x="764" y="412"/>
                    </a:lnTo>
                    <a:lnTo>
                      <a:pt x="754" y="415"/>
                    </a:lnTo>
                    <a:lnTo>
                      <a:pt x="743" y="417"/>
                    </a:lnTo>
                    <a:lnTo>
                      <a:pt x="731" y="417"/>
                    </a:lnTo>
                    <a:lnTo>
                      <a:pt x="719" y="415"/>
                    </a:lnTo>
                    <a:lnTo>
                      <a:pt x="706" y="413"/>
                    </a:lnTo>
                    <a:lnTo>
                      <a:pt x="694" y="408"/>
                    </a:lnTo>
                    <a:lnTo>
                      <a:pt x="681" y="402"/>
                    </a:lnTo>
                    <a:lnTo>
                      <a:pt x="671" y="396"/>
                    </a:lnTo>
                    <a:lnTo>
                      <a:pt x="660" y="388"/>
                    </a:lnTo>
                    <a:lnTo>
                      <a:pt x="651" y="379"/>
                    </a:lnTo>
                    <a:lnTo>
                      <a:pt x="645" y="369"/>
                    </a:lnTo>
                    <a:lnTo>
                      <a:pt x="641" y="357"/>
                    </a:lnTo>
                    <a:lnTo>
                      <a:pt x="638" y="348"/>
                    </a:lnTo>
                    <a:lnTo>
                      <a:pt x="637" y="339"/>
                    </a:lnTo>
                    <a:lnTo>
                      <a:pt x="637" y="330"/>
                    </a:lnTo>
                    <a:lnTo>
                      <a:pt x="637" y="323"/>
                    </a:lnTo>
                    <a:lnTo>
                      <a:pt x="637" y="317"/>
                    </a:lnTo>
                    <a:lnTo>
                      <a:pt x="638" y="310"/>
                    </a:lnTo>
                    <a:lnTo>
                      <a:pt x="641" y="305"/>
                    </a:lnTo>
                    <a:lnTo>
                      <a:pt x="643" y="300"/>
                    </a:lnTo>
                    <a:lnTo>
                      <a:pt x="650" y="292"/>
                    </a:lnTo>
                    <a:lnTo>
                      <a:pt x="658" y="285"/>
                    </a:lnTo>
                    <a:lnTo>
                      <a:pt x="667" y="279"/>
                    </a:lnTo>
                    <a:lnTo>
                      <a:pt x="676" y="274"/>
                    </a:lnTo>
                    <a:lnTo>
                      <a:pt x="685" y="270"/>
                    </a:lnTo>
                    <a:lnTo>
                      <a:pt x="694" y="265"/>
                    </a:lnTo>
                    <a:lnTo>
                      <a:pt x="703" y="261"/>
                    </a:lnTo>
                    <a:lnTo>
                      <a:pt x="709" y="255"/>
                    </a:lnTo>
                    <a:lnTo>
                      <a:pt x="713" y="251"/>
                    </a:lnTo>
                    <a:lnTo>
                      <a:pt x="716" y="248"/>
                    </a:lnTo>
                    <a:lnTo>
                      <a:pt x="717" y="243"/>
                    </a:lnTo>
                    <a:lnTo>
                      <a:pt x="719" y="239"/>
                    </a:lnTo>
                    <a:lnTo>
                      <a:pt x="720" y="234"/>
                    </a:lnTo>
                    <a:lnTo>
                      <a:pt x="720" y="228"/>
                    </a:lnTo>
                    <a:lnTo>
                      <a:pt x="719" y="221"/>
                    </a:lnTo>
                    <a:lnTo>
                      <a:pt x="717" y="215"/>
                    </a:lnTo>
                    <a:lnTo>
                      <a:pt x="706" y="212"/>
                    </a:lnTo>
                    <a:lnTo>
                      <a:pt x="695" y="208"/>
                    </a:lnTo>
                    <a:lnTo>
                      <a:pt x="687" y="206"/>
                    </a:lnTo>
                    <a:lnTo>
                      <a:pt x="682" y="202"/>
                    </a:lnTo>
                    <a:lnTo>
                      <a:pt x="680" y="196"/>
                    </a:lnTo>
                    <a:lnTo>
                      <a:pt x="678" y="193"/>
                    </a:lnTo>
                    <a:lnTo>
                      <a:pt x="678" y="187"/>
                    </a:lnTo>
                    <a:lnTo>
                      <a:pt x="678" y="182"/>
                    </a:lnTo>
                    <a:lnTo>
                      <a:pt x="681" y="171"/>
                    </a:lnTo>
                    <a:lnTo>
                      <a:pt x="685" y="156"/>
                    </a:lnTo>
                    <a:lnTo>
                      <a:pt x="685" y="149"/>
                    </a:lnTo>
                    <a:lnTo>
                      <a:pt x="685" y="141"/>
                    </a:lnTo>
                    <a:lnTo>
                      <a:pt x="684" y="132"/>
                    </a:lnTo>
                    <a:lnTo>
                      <a:pt x="681" y="123"/>
                    </a:lnTo>
                    <a:lnTo>
                      <a:pt x="680" y="120"/>
                    </a:lnTo>
                    <a:lnTo>
                      <a:pt x="677" y="119"/>
                    </a:lnTo>
                    <a:lnTo>
                      <a:pt x="673" y="119"/>
                    </a:lnTo>
                    <a:lnTo>
                      <a:pt x="669" y="119"/>
                    </a:lnTo>
                    <a:lnTo>
                      <a:pt x="660" y="121"/>
                    </a:lnTo>
                    <a:lnTo>
                      <a:pt x="649" y="125"/>
                    </a:lnTo>
                    <a:lnTo>
                      <a:pt x="637" y="129"/>
                    </a:lnTo>
                    <a:lnTo>
                      <a:pt x="625" y="132"/>
                    </a:lnTo>
                    <a:lnTo>
                      <a:pt x="619" y="132"/>
                    </a:lnTo>
                    <a:lnTo>
                      <a:pt x="614" y="130"/>
                    </a:lnTo>
                    <a:lnTo>
                      <a:pt x="608" y="129"/>
                    </a:lnTo>
                    <a:lnTo>
                      <a:pt x="603" y="127"/>
                    </a:lnTo>
                    <a:lnTo>
                      <a:pt x="594" y="117"/>
                    </a:lnTo>
                    <a:lnTo>
                      <a:pt x="589" y="111"/>
                    </a:lnTo>
                    <a:lnTo>
                      <a:pt x="588" y="108"/>
                    </a:lnTo>
                    <a:lnTo>
                      <a:pt x="586" y="106"/>
                    </a:lnTo>
                    <a:lnTo>
                      <a:pt x="586" y="103"/>
                    </a:lnTo>
                    <a:lnTo>
                      <a:pt x="588" y="102"/>
                    </a:lnTo>
                    <a:lnTo>
                      <a:pt x="595" y="94"/>
                    </a:lnTo>
                    <a:lnTo>
                      <a:pt x="608" y="86"/>
                    </a:lnTo>
                    <a:lnTo>
                      <a:pt x="614" y="82"/>
                    </a:lnTo>
                    <a:lnTo>
                      <a:pt x="617" y="77"/>
                    </a:lnTo>
                    <a:lnTo>
                      <a:pt x="623" y="72"/>
                    </a:lnTo>
                    <a:lnTo>
                      <a:pt x="625" y="67"/>
                    </a:lnTo>
                    <a:lnTo>
                      <a:pt x="628" y="62"/>
                    </a:lnTo>
                    <a:lnTo>
                      <a:pt x="630" y="57"/>
                    </a:lnTo>
                    <a:lnTo>
                      <a:pt x="630" y="51"/>
                    </a:lnTo>
                    <a:lnTo>
                      <a:pt x="630" y="47"/>
                    </a:lnTo>
                    <a:lnTo>
                      <a:pt x="629" y="45"/>
                    </a:lnTo>
                    <a:lnTo>
                      <a:pt x="628" y="42"/>
                    </a:lnTo>
                    <a:lnTo>
                      <a:pt x="624" y="41"/>
                    </a:lnTo>
                    <a:lnTo>
                      <a:pt x="619" y="42"/>
                    </a:lnTo>
                    <a:lnTo>
                      <a:pt x="612" y="45"/>
                    </a:lnTo>
                    <a:lnTo>
                      <a:pt x="606" y="50"/>
                    </a:lnTo>
                    <a:lnTo>
                      <a:pt x="595" y="57"/>
                    </a:lnTo>
                    <a:lnTo>
                      <a:pt x="585" y="66"/>
                    </a:lnTo>
                    <a:lnTo>
                      <a:pt x="575" y="79"/>
                    </a:lnTo>
                    <a:lnTo>
                      <a:pt x="564" y="94"/>
                    </a:lnTo>
                    <a:lnTo>
                      <a:pt x="553" y="112"/>
                    </a:lnTo>
                    <a:lnTo>
                      <a:pt x="544" y="133"/>
                    </a:lnTo>
                    <a:lnTo>
                      <a:pt x="535" y="154"/>
                    </a:lnTo>
                    <a:lnTo>
                      <a:pt x="528" y="174"/>
                    </a:lnTo>
                    <a:lnTo>
                      <a:pt x="523" y="193"/>
                    </a:lnTo>
                    <a:lnTo>
                      <a:pt x="522" y="208"/>
                    </a:lnTo>
                    <a:lnTo>
                      <a:pt x="520" y="221"/>
                    </a:lnTo>
                    <a:lnTo>
                      <a:pt x="519" y="234"/>
                    </a:lnTo>
                    <a:lnTo>
                      <a:pt x="518" y="246"/>
                    </a:lnTo>
                    <a:lnTo>
                      <a:pt x="515" y="259"/>
                    </a:lnTo>
                    <a:lnTo>
                      <a:pt x="509" y="281"/>
                    </a:lnTo>
                    <a:lnTo>
                      <a:pt x="500" y="303"/>
                    </a:lnTo>
                    <a:lnTo>
                      <a:pt x="489" y="322"/>
                    </a:lnTo>
                    <a:lnTo>
                      <a:pt x="478" y="342"/>
                    </a:lnTo>
                    <a:lnTo>
                      <a:pt x="465" y="360"/>
                    </a:lnTo>
                    <a:lnTo>
                      <a:pt x="449" y="377"/>
                    </a:lnTo>
                    <a:lnTo>
                      <a:pt x="418" y="410"/>
                    </a:lnTo>
                    <a:lnTo>
                      <a:pt x="386" y="443"/>
                    </a:lnTo>
                    <a:lnTo>
                      <a:pt x="352" y="475"/>
                    </a:lnTo>
                    <a:lnTo>
                      <a:pt x="321" y="510"/>
                    </a:lnTo>
                    <a:lnTo>
                      <a:pt x="309" y="520"/>
                    </a:lnTo>
                    <a:lnTo>
                      <a:pt x="295" y="531"/>
                    </a:lnTo>
                    <a:lnTo>
                      <a:pt x="282" y="541"/>
                    </a:lnTo>
                    <a:lnTo>
                      <a:pt x="272" y="551"/>
                    </a:lnTo>
                    <a:lnTo>
                      <a:pt x="268" y="555"/>
                    </a:lnTo>
                    <a:lnTo>
                      <a:pt x="265" y="560"/>
                    </a:lnTo>
                    <a:lnTo>
                      <a:pt x="265" y="564"/>
                    </a:lnTo>
                    <a:lnTo>
                      <a:pt x="268" y="570"/>
                    </a:lnTo>
                    <a:lnTo>
                      <a:pt x="273" y="573"/>
                    </a:lnTo>
                    <a:lnTo>
                      <a:pt x="282" y="577"/>
                    </a:lnTo>
                    <a:lnTo>
                      <a:pt x="292" y="581"/>
                    </a:lnTo>
                    <a:lnTo>
                      <a:pt x="308" y="585"/>
                    </a:lnTo>
                    <a:lnTo>
                      <a:pt x="321" y="589"/>
                    </a:lnTo>
                    <a:lnTo>
                      <a:pt x="334" y="594"/>
                    </a:lnTo>
                    <a:lnTo>
                      <a:pt x="348" y="602"/>
                    </a:lnTo>
                    <a:lnTo>
                      <a:pt x="361" y="611"/>
                    </a:lnTo>
                    <a:lnTo>
                      <a:pt x="373" y="620"/>
                    </a:lnTo>
                    <a:lnTo>
                      <a:pt x="382" y="632"/>
                    </a:lnTo>
                    <a:lnTo>
                      <a:pt x="386" y="638"/>
                    </a:lnTo>
                    <a:lnTo>
                      <a:pt x="388" y="643"/>
                    </a:lnTo>
                    <a:lnTo>
                      <a:pt x="391" y="650"/>
                    </a:lnTo>
                    <a:lnTo>
                      <a:pt x="391" y="656"/>
                    </a:lnTo>
                    <a:lnTo>
                      <a:pt x="367" y="656"/>
                    </a:lnTo>
                    <a:lnTo>
                      <a:pt x="343" y="658"/>
                    </a:lnTo>
                    <a:lnTo>
                      <a:pt x="320" y="660"/>
                    </a:lnTo>
                    <a:lnTo>
                      <a:pt x="295" y="664"/>
                    </a:lnTo>
                    <a:lnTo>
                      <a:pt x="272" y="665"/>
                    </a:lnTo>
                    <a:lnTo>
                      <a:pt x="246" y="668"/>
                    </a:lnTo>
                    <a:lnTo>
                      <a:pt x="242" y="669"/>
                    </a:lnTo>
                    <a:lnTo>
                      <a:pt x="237" y="672"/>
                    </a:lnTo>
                    <a:lnTo>
                      <a:pt x="234" y="673"/>
                    </a:lnTo>
                    <a:lnTo>
                      <a:pt x="233" y="677"/>
                    </a:lnTo>
                    <a:lnTo>
                      <a:pt x="233" y="680"/>
                    </a:lnTo>
                    <a:lnTo>
                      <a:pt x="235" y="685"/>
                    </a:lnTo>
                    <a:lnTo>
                      <a:pt x="239" y="689"/>
                    </a:lnTo>
                    <a:lnTo>
                      <a:pt x="246" y="695"/>
                    </a:lnTo>
                    <a:lnTo>
                      <a:pt x="255" y="704"/>
                    </a:lnTo>
                    <a:lnTo>
                      <a:pt x="261" y="713"/>
                    </a:lnTo>
                    <a:lnTo>
                      <a:pt x="266" y="724"/>
                    </a:lnTo>
                    <a:lnTo>
                      <a:pt x="269" y="733"/>
                    </a:lnTo>
                    <a:lnTo>
                      <a:pt x="269" y="737"/>
                    </a:lnTo>
                    <a:lnTo>
                      <a:pt x="268" y="739"/>
                    </a:lnTo>
                    <a:lnTo>
                      <a:pt x="266" y="742"/>
                    </a:lnTo>
                    <a:lnTo>
                      <a:pt x="264" y="743"/>
                    </a:lnTo>
                    <a:lnTo>
                      <a:pt x="260" y="743"/>
                    </a:lnTo>
                    <a:lnTo>
                      <a:pt x="253" y="742"/>
                    </a:lnTo>
                    <a:lnTo>
                      <a:pt x="247" y="739"/>
                    </a:lnTo>
                    <a:lnTo>
                      <a:pt x="239" y="735"/>
                    </a:lnTo>
                    <a:lnTo>
                      <a:pt x="231" y="730"/>
                    </a:lnTo>
                    <a:lnTo>
                      <a:pt x="224" y="724"/>
                    </a:lnTo>
                    <a:lnTo>
                      <a:pt x="217" y="716"/>
                    </a:lnTo>
                    <a:lnTo>
                      <a:pt x="211" y="709"/>
                    </a:lnTo>
                    <a:lnTo>
                      <a:pt x="206" y="703"/>
                    </a:lnTo>
                    <a:lnTo>
                      <a:pt x="199" y="696"/>
                    </a:lnTo>
                    <a:lnTo>
                      <a:pt x="193" y="690"/>
                    </a:lnTo>
                    <a:lnTo>
                      <a:pt x="185" y="686"/>
                    </a:lnTo>
                    <a:lnTo>
                      <a:pt x="177" y="684"/>
                    </a:lnTo>
                    <a:lnTo>
                      <a:pt x="169" y="681"/>
                    </a:lnTo>
                    <a:lnTo>
                      <a:pt x="163" y="680"/>
                    </a:lnTo>
                    <a:lnTo>
                      <a:pt x="155" y="680"/>
                    </a:lnTo>
                    <a:lnTo>
                      <a:pt x="142" y="680"/>
                    </a:lnTo>
                    <a:lnTo>
                      <a:pt x="130" y="680"/>
                    </a:lnTo>
                    <a:lnTo>
                      <a:pt x="125" y="678"/>
                    </a:lnTo>
                    <a:lnTo>
                      <a:pt x="120" y="677"/>
                    </a:lnTo>
                    <a:lnTo>
                      <a:pt x="115" y="674"/>
                    </a:lnTo>
                    <a:lnTo>
                      <a:pt x="110" y="672"/>
                    </a:lnTo>
                    <a:lnTo>
                      <a:pt x="106" y="667"/>
                    </a:lnTo>
                    <a:lnTo>
                      <a:pt x="102" y="660"/>
                    </a:lnTo>
                    <a:lnTo>
                      <a:pt x="98" y="652"/>
                    </a:lnTo>
                    <a:lnTo>
                      <a:pt x="95" y="642"/>
                    </a:lnTo>
                    <a:lnTo>
                      <a:pt x="94" y="638"/>
                    </a:lnTo>
                    <a:lnTo>
                      <a:pt x="90" y="636"/>
                    </a:lnTo>
                    <a:lnTo>
                      <a:pt x="88" y="633"/>
                    </a:lnTo>
                    <a:lnTo>
                      <a:pt x="82" y="632"/>
                    </a:lnTo>
                    <a:lnTo>
                      <a:pt x="71" y="632"/>
                    </a:lnTo>
                    <a:lnTo>
                      <a:pt x="58" y="633"/>
                    </a:lnTo>
                    <a:lnTo>
                      <a:pt x="45" y="637"/>
                    </a:lnTo>
                    <a:lnTo>
                      <a:pt x="33" y="641"/>
                    </a:lnTo>
                    <a:lnTo>
                      <a:pt x="22" y="645"/>
                    </a:lnTo>
                    <a:lnTo>
                      <a:pt x="14" y="649"/>
                    </a:lnTo>
                    <a:lnTo>
                      <a:pt x="11" y="650"/>
                    </a:lnTo>
                    <a:lnTo>
                      <a:pt x="10" y="651"/>
                    </a:lnTo>
                    <a:lnTo>
                      <a:pt x="10" y="654"/>
                    </a:lnTo>
                    <a:lnTo>
                      <a:pt x="10" y="656"/>
                    </a:lnTo>
                    <a:lnTo>
                      <a:pt x="11" y="663"/>
                    </a:lnTo>
                    <a:lnTo>
                      <a:pt x="16" y="671"/>
                    </a:lnTo>
                    <a:lnTo>
                      <a:pt x="23" y="678"/>
                    </a:lnTo>
                    <a:lnTo>
                      <a:pt x="32" y="687"/>
                    </a:lnTo>
                    <a:lnTo>
                      <a:pt x="42" y="695"/>
                    </a:lnTo>
                    <a:lnTo>
                      <a:pt x="53" y="704"/>
                    </a:lnTo>
                    <a:lnTo>
                      <a:pt x="99" y="739"/>
                    </a:lnTo>
                    <a:lnTo>
                      <a:pt x="128" y="759"/>
                    </a:lnTo>
                    <a:lnTo>
                      <a:pt x="133" y="761"/>
                    </a:lnTo>
                    <a:lnTo>
                      <a:pt x="138" y="764"/>
                    </a:lnTo>
                    <a:lnTo>
                      <a:pt x="143" y="765"/>
                    </a:lnTo>
                    <a:lnTo>
                      <a:pt x="149" y="765"/>
                    </a:lnTo>
                    <a:lnTo>
                      <a:pt x="161" y="765"/>
                    </a:lnTo>
                    <a:lnTo>
                      <a:pt x="174" y="764"/>
                    </a:lnTo>
                    <a:lnTo>
                      <a:pt x="186" y="763"/>
                    </a:lnTo>
                    <a:lnTo>
                      <a:pt x="199" y="761"/>
                    </a:lnTo>
                    <a:lnTo>
                      <a:pt x="211" y="761"/>
                    </a:lnTo>
                    <a:lnTo>
                      <a:pt x="222" y="763"/>
                    </a:lnTo>
                    <a:lnTo>
                      <a:pt x="235" y="768"/>
                    </a:lnTo>
                    <a:lnTo>
                      <a:pt x="247" y="774"/>
                    </a:lnTo>
                    <a:lnTo>
                      <a:pt x="260" y="782"/>
                    </a:lnTo>
                    <a:lnTo>
                      <a:pt x="273" y="787"/>
                    </a:lnTo>
                    <a:lnTo>
                      <a:pt x="273" y="790"/>
                    </a:lnTo>
                    <a:lnTo>
                      <a:pt x="270" y="791"/>
                    </a:lnTo>
                    <a:lnTo>
                      <a:pt x="265" y="792"/>
                    </a:lnTo>
                    <a:lnTo>
                      <a:pt x="260" y="794"/>
                    </a:lnTo>
                    <a:lnTo>
                      <a:pt x="247" y="795"/>
                    </a:lnTo>
                    <a:lnTo>
                      <a:pt x="230" y="796"/>
                    </a:lnTo>
                    <a:lnTo>
                      <a:pt x="198" y="795"/>
                    </a:lnTo>
                    <a:lnTo>
                      <a:pt x="177" y="795"/>
                    </a:lnTo>
                    <a:lnTo>
                      <a:pt x="158" y="795"/>
                    </a:lnTo>
                    <a:lnTo>
                      <a:pt x="137" y="796"/>
                    </a:lnTo>
                    <a:lnTo>
                      <a:pt x="126" y="796"/>
                    </a:lnTo>
                    <a:lnTo>
                      <a:pt x="116" y="795"/>
                    </a:lnTo>
                    <a:lnTo>
                      <a:pt x="107" y="792"/>
                    </a:lnTo>
                    <a:lnTo>
                      <a:pt x="98" y="788"/>
                    </a:lnTo>
                    <a:lnTo>
                      <a:pt x="85" y="782"/>
                    </a:lnTo>
                    <a:lnTo>
                      <a:pt x="72" y="774"/>
                    </a:lnTo>
                    <a:lnTo>
                      <a:pt x="60" y="769"/>
                    </a:lnTo>
                    <a:lnTo>
                      <a:pt x="47" y="764"/>
                    </a:lnTo>
                    <a:lnTo>
                      <a:pt x="36" y="760"/>
                    </a:lnTo>
                    <a:lnTo>
                      <a:pt x="23" y="756"/>
                    </a:lnTo>
                    <a:lnTo>
                      <a:pt x="11" y="755"/>
                    </a:lnTo>
                    <a:lnTo>
                      <a:pt x="0" y="75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38" name="Freeform 157"/>
              <p:cNvSpPr>
                <a:spLocks/>
              </p:cNvSpPr>
              <p:nvPr/>
            </p:nvSpPr>
            <p:spPr bwMode="auto">
              <a:xfrm>
                <a:off x="6331531" y="3215353"/>
                <a:ext cx="573833" cy="520216"/>
              </a:xfrm>
              <a:custGeom>
                <a:avLst/>
                <a:gdLst/>
                <a:ahLst/>
                <a:cxnLst>
                  <a:cxn ang="0">
                    <a:pos x="101" y="851"/>
                  </a:cxn>
                  <a:cxn ang="0">
                    <a:pos x="172" y="830"/>
                  </a:cxn>
                  <a:cxn ang="0">
                    <a:pos x="300" y="798"/>
                  </a:cxn>
                  <a:cxn ang="0">
                    <a:pos x="377" y="770"/>
                  </a:cxn>
                  <a:cxn ang="0">
                    <a:pos x="520" y="826"/>
                  </a:cxn>
                  <a:cxn ang="0">
                    <a:pos x="645" y="952"/>
                  </a:cxn>
                  <a:cxn ang="0">
                    <a:pos x="687" y="1097"/>
                  </a:cxn>
                  <a:cxn ang="0">
                    <a:pos x="743" y="1062"/>
                  </a:cxn>
                  <a:cxn ang="0">
                    <a:pos x="818" y="905"/>
                  </a:cxn>
                  <a:cxn ang="0">
                    <a:pos x="804" y="823"/>
                  </a:cxn>
                  <a:cxn ang="0">
                    <a:pos x="772" y="776"/>
                  </a:cxn>
                  <a:cxn ang="0">
                    <a:pos x="787" y="730"/>
                  </a:cxn>
                  <a:cxn ang="0">
                    <a:pos x="900" y="700"/>
                  </a:cxn>
                  <a:cxn ang="0">
                    <a:pos x="1013" y="691"/>
                  </a:cxn>
                  <a:cxn ang="0">
                    <a:pos x="1075" y="640"/>
                  </a:cxn>
                  <a:cxn ang="0">
                    <a:pos x="1071" y="579"/>
                  </a:cxn>
                  <a:cxn ang="0">
                    <a:pos x="1132" y="533"/>
                  </a:cxn>
                  <a:cxn ang="0">
                    <a:pos x="1147" y="435"/>
                  </a:cxn>
                  <a:cxn ang="0">
                    <a:pos x="1115" y="412"/>
                  </a:cxn>
                  <a:cxn ang="0">
                    <a:pos x="1145" y="353"/>
                  </a:cxn>
                  <a:cxn ang="0">
                    <a:pos x="1219" y="274"/>
                  </a:cxn>
                  <a:cxn ang="0">
                    <a:pos x="1233" y="120"/>
                  </a:cxn>
                  <a:cxn ang="0">
                    <a:pos x="1123" y="10"/>
                  </a:cxn>
                  <a:cxn ang="0">
                    <a:pos x="984" y="54"/>
                  </a:cxn>
                  <a:cxn ang="0">
                    <a:pos x="982" y="2"/>
                  </a:cxn>
                  <a:cxn ang="0">
                    <a:pos x="790" y="24"/>
                  </a:cxn>
                  <a:cxn ang="0">
                    <a:pos x="756" y="127"/>
                  </a:cxn>
                  <a:cxn ang="0">
                    <a:pos x="796" y="171"/>
                  </a:cxn>
                  <a:cxn ang="0">
                    <a:pos x="803" y="256"/>
                  </a:cxn>
                  <a:cxn ang="0">
                    <a:pos x="858" y="310"/>
                  </a:cxn>
                  <a:cxn ang="0">
                    <a:pos x="821" y="310"/>
                  </a:cxn>
                  <a:cxn ang="0">
                    <a:pos x="764" y="339"/>
                  </a:cxn>
                  <a:cxn ang="0">
                    <a:pos x="782" y="378"/>
                  </a:cxn>
                  <a:cxn ang="0">
                    <a:pos x="754" y="415"/>
                  </a:cxn>
                  <a:cxn ang="0">
                    <a:pos x="660" y="388"/>
                  </a:cxn>
                  <a:cxn ang="0">
                    <a:pos x="637" y="317"/>
                  </a:cxn>
                  <a:cxn ang="0">
                    <a:pos x="685" y="270"/>
                  </a:cxn>
                  <a:cxn ang="0">
                    <a:pos x="720" y="234"/>
                  </a:cxn>
                  <a:cxn ang="0">
                    <a:pos x="680" y="196"/>
                  </a:cxn>
                  <a:cxn ang="0">
                    <a:pos x="684" y="132"/>
                  </a:cxn>
                  <a:cxn ang="0">
                    <a:pos x="637" y="129"/>
                  </a:cxn>
                  <a:cxn ang="0">
                    <a:pos x="588" y="108"/>
                  </a:cxn>
                  <a:cxn ang="0">
                    <a:pos x="623" y="72"/>
                  </a:cxn>
                  <a:cxn ang="0">
                    <a:pos x="624" y="41"/>
                  </a:cxn>
                  <a:cxn ang="0">
                    <a:pos x="553" y="112"/>
                  </a:cxn>
                  <a:cxn ang="0">
                    <a:pos x="518" y="246"/>
                  </a:cxn>
                  <a:cxn ang="0">
                    <a:pos x="418" y="410"/>
                  </a:cxn>
                  <a:cxn ang="0">
                    <a:pos x="268" y="555"/>
                  </a:cxn>
                  <a:cxn ang="0">
                    <a:pos x="321" y="589"/>
                  </a:cxn>
                  <a:cxn ang="0">
                    <a:pos x="391" y="650"/>
                  </a:cxn>
                  <a:cxn ang="0">
                    <a:pos x="242" y="669"/>
                  </a:cxn>
                  <a:cxn ang="0">
                    <a:pos x="255" y="704"/>
                  </a:cxn>
                  <a:cxn ang="0">
                    <a:pos x="260" y="743"/>
                  </a:cxn>
                  <a:cxn ang="0">
                    <a:pos x="206" y="703"/>
                  </a:cxn>
                  <a:cxn ang="0">
                    <a:pos x="142" y="680"/>
                  </a:cxn>
                  <a:cxn ang="0">
                    <a:pos x="98" y="652"/>
                  </a:cxn>
                  <a:cxn ang="0">
                    <a:pos x="45" y="637"/>
                  </a:cxn>
                  <a:cxn ang="0">
                    <a:pos x="11" y="663"/>
                  </a:cxn>
                  <a:cxn ang="0">
                    <a:pos x="133" y="761"/>
                  </a:cxn>
                  <a:cxn ang="0">
                    <a:pos x="211" y="761"/>
                  </a:cxn>
                  <a:cxn ang="0">
                    <a:pos x="265" y="792"/>
                  </a:cxn>
                  <a:cxn ang="0">
                    <a:pos x="126" y="796"/>
                  </a:cxn>
                  <a:cxn ang="0">
                    <a:pos x="36" y="760"/>
                  </a:cxn>
                </a:cxnLst>
                <a:rect l="0" t="0" r="r" b="b"/>
                <a:pathLst>
                  <a:path w="1259" h="1150">
                    <a:moveTo>
                      <a:pt x="0" y="752"/>
                    </a:moveTo>
                    <a:lnTo>
                      <a:pt x="41" y="812"/>
                    </a:lnTo>
                    <a:lnTo>
                      <a:pt x="64" y="830"/>
                    </a:lnTo>
                    <a:lnTo>
                      <a:pt x="81" y="844"/>
                    </a:lnTo>
                    <a:lnTo>
                      <a:pt x="86" y="847"/>
                    </a:lnTo>
                    <a:lnTo>
                      <a:pt x="90" y="848"/>
                    </a:lnTo>
                    <a:lnTo>
                      <a:pt x="95" y="849"/>
                    </a:lnTo>
                    <a:lnTo>
                      <a:pt x="101" y="851"/>
                    </a:lnTo>
                    <a:lnTo>
                      <a:pt x="107" y="849"/>
                    </a:lnTo>
                    <a:lnTo>
                      <a:pt x="112" y="848"/>
                    </a:lnTo>
                    <a:lnTo>
                      <a:pt x="120" y="847"/>
                    </a:lnTo>
                    <a:lnTo>
                      <a:pt x="128" y="843"/>
                    </a:lnTo>
                    <a:lnTo>
                      <a:pt x="139" y="838"/>
                    </a:lnTo>
                    <a:lnTo>
                      <a:pt x="150" y="835"/>
                    </a:lnTo>
                    <a:lnTo>
                      <a:pt x="161" y="833"/>
                    </a:lnTo>
                    <a:lnTo>
                      <a:pt x="172" y="830"/>
                    </a:lnTo>
                    <a:lnTo>
                      <a:pt x="193" y="829"/>
                    </a:lnTo>
                    <a:lnTo>
                      <a:pt x="212" y="827"/>
                    </a:lnTo>
                    <a:lnTo>
                      <a:pt x="233" y="825"/>
                    </a:lnTo>
                    <a:lnTo>
                      <a:pt x="255" y="820"/>
                    </a:lnTo>
                    <a:lnTo>
                      <a:pt x="265" y="817"/>
                    </a:lnTo>
                    <a:lnTo>
                      <a:pt x="277" y="812"/>
                    </a:lnTo>
                    <a:lnTo>
                      <a:pt x="288" y="805"/>
                    </a:lnTo>
                    <a:lnTo>
                      <a:pt x="300" y="798"/>
                    </a:lnTo>
                    <a:lnTo>
                      <a:pt x="310" y="791"/>
                    </a:lnTo>
                    <a:lnTo>
                      <a:pt x="320" y="786"/>
                    </a:lnTo>
                    <a:lnTo>
                      <a:pt x="329" y="781"/>
                    </a:lnTo>
                    <a:lnTo>
                      <a:pt x="338" y="778"/>
                    </a:lnTo>
                    <a:lnTo>
                      <a:pt x="348" y="774"/>
                    </a:lnTo>
                    <a:lnTo>
                      <a:pt x="357" y="773"/>
                    </a:lnTo>
                    <a:lnTo>
                      <a:pt x="366" y="772"/>
                    </a:lnTo>
                    <a:lnTo>
                      <a:pt x="377" y="770"/>
                    </a:lnTo>
                    <a:lnTo>
                      <a:pt x="396" y="770"/>
                    </a:lnTo>
                    <a:lnTo>
                      <a:pt x="414" y="773"/>
                    </a:lnTo>
                    <a:lnTo>
                      <a:pt x="434" y="778"/>
                    </a:lnTo>
                    <a:lnTo>
                      <a:pt x="452" y="785"/>
                    </a:lnTo>
                    <a:lnTo>
                      <a:pt x="470" y="794"/>
                    </a:lnTo>
                    <a:lnTo>
                      <a:pt x="487" y="803"/>
                    </a:lnTo>
                    <a:lnTo>
                      <a:pt x="505" y="814"/>
                    </a:lnTo>
                    <a:lnTo>
                      <a:pt x="520" y="826"/>
                    </a:lnTo>
                    <a:lnTo>
                      <a:pt x="537" y="839"/>
                    </a:lnTo>
                    <a:lnTo>
                      <a:pt x="551" y="852"/>
                    </a:lnTo>
                    <a:lnTo>
                      <a:pt x="566" y="865"/>
                    </a:lnTo>
                    <a:lnTo>
                      <a:pt x="579" y="878"/>
                    </a:lnTo>
                    <a:lnTo>
                      <a:pt x="601" y="900"/>
                    </a:lnTo>
                    <a:lnTo>
                      <a:pt x="624" y="926"/>
                    </a:lnTo>
                    <a:lnTo>
                      <a:pt x="636" y="939"/>
                    </a:lnTo>
                    <a:lnTo>
                      <a:pt x="645" y="952"/>
                    </a:lnTo>
                    <a:lnTo>
                      <a:pt x="649" y="959"/>
                    </a:lnTo>
                    <a:lnTo>
                      <a:pt x="652" y="966"/>
                    </a:lnTo>
                    <a:lnTo>
                      <a:pt x="655" y="972"/>
                    </a:lnTo>
                    <a:lnTo>
                      <a:pt x="656" y="980"/>
                    </a:lnTo>
                    <a:lnTo>
                      <a:pt x="664" y="1009"/>
                    </a:lnTo>
                    <a:lnTo>
                      <a:pt x="673" y="1040"/>
                    </a:lnTo>
                    <a:lnTo>
                      <a:pt x="681" y="1070"/>
                    </a:lnTo>
                    <a:lnTo>
                      <a:pt x="687" y="1097"/>
                    </a:lnTo>
                    <a:lnTo>
                      <a:pt x="704" y="1150"/>
                    </a:lnTo>
                    <a:lnTo>
                      <a:pt x="704" y="1150"/>
                    </a:lnTo>
                    <a:lnTo>
                      <a:pt x="712" y="1140"/>
                    </a:lnTo>
                    <a:lnTo>
                      <a:pt x="717" y="1128"/>
                    </a:lnTo>
                    <a:lnTo>
                      <a:pt x="724" y="1118"/>
                    </a:lnTo>
                    <a:lnTo>
                      <a:pt x="728" y="1107"/>
                    </a:lnTo>
                    <a:lnTo>
                      <a:pt x="737" y="1085"/>
                    </a:lnTo>
                    <a:lnTo>
                      <a:pt x="743" y="1062"/>
                    </a:lnTo>
                    <a:lnTo>
                      <a:pt x="750" y="1040"/>
                    </a:lnTo>
                    <a:lnTo>
                      <a:pt x="756" y="1016"/>
                    </a:lnTo>
                    <a:lnTo>
                      <a:pt x="764" y="994"/>
                    </a:lnTo>
                    <a:lnTo>
                      <a:pt x="773" y="971"/>
                    </a:lnTo>
                    <a:lnTo>
                      <a:pt x="783" y="953"/>
                    </a:lnTo>
                    <a:lnTo>
                      <a:pt x="795" y="937"/>
                    </a:lnTo>
                    <a:lnTo>
                      <a:pt x="807" y="922"/>
                    </a:lnTo>
                    <a:lnTo>
                      <a:pt x="818" y="905"/>
                    </a:lnTo>
                    <a:lnTo>
                      <a:pt x="821" y="900"/>
                    </a:lnTo>
                    <a:lnTo>
                      <a:pt x="823" y="896"/>
                    </a:lnTo>
                    <a:lnTo>
                      <a:pt x="825" y="891"/>
                    </a:lnTo>
                    <a:lnTo>
                      <a:pt x="825" y="886"/>
                    </a:lnTo>
                    <a:lnTo>
                      <a:pt x="825" y="874"/>
                    </a:lnTo>
                    <a:lnTo>
                      <a:pt x="822" y="864"/>
                    </a:lnTo>
                    <a:lnTo>
                      <a:pt x="814" y="843"/>
                    </a:lnTo>
                    <a:lnTo>
                      <a:pt x="804" y="823"/>
                    </a:lnTo>
                    <a:lnTo>
                      <a:pt x="804" y="818"/>
                    </a:lnTo>
                    <a:lnTo>
                      <a:pt x="801" y="813"/>
                    </a:lnTo>
                    <a:lnTo>
                      <a:pt x="798" y="808"/>
                    </a:lnTo>
                    <a:lnTo>
                      <a:pt x="795" y="803"/>
                    </a:lnTo>
                    <a:lnTo>
                      <a:pt x="786" y="794"/>
                    </a:lnTo>
                    <a:lnTo>
                      <a:pt x="778" y="785"/>
                    </a:lnTo>
                    <a:lnTo>
                      <a:pt x="774" y="781"/>
                    </a:lnTo>
                    <a:lnTo>
                      <a:pt x="772" y="776"/>
                    </a:lnTo>
                    <a:lnTo>
                      <a:pt x="769" y="772"/>
                    </a:lnTo>
                    <a:lnTo>
                      <a:pt x="768" y="766"/>
                    </a:lnTo>
                    <a:lnTo>
                      <a:pt x="768" y="760"/>
                    </a:lnTo>
                    <a:lnTo>
                      <a:pt x="769" y="755"/>
                    </a:lnTo>
                    <a:lnTo>
                      <a:pt x="772" y="748"/>
                    </a:lnTo>
                    <a:lnTo>
                      <a:pt x="777" y="742"/>
                    </a:lnTo>
                    <a:lnTo>
                      <a:pt x="782" y="735"/>
                    </a:lnTo>
                    <a:lnTo>
                      <a:pt x="787" y="730"/>
                    </a:lnTo>
                    <a:lnTo>
                      <a:pt x="792" y="725"/>
                    </a:lnTo>
                    <a:lnTo>
                      <a:pt x="799" y="722"/>
                    </a:lnTo>
                    <a:lnTo>
                      <a:pt x="809" y="716"/>
                    </a:lnTo>
                    <a:lnTo>
                      <a:pt x="821" y="713"/>
                    </a:lnTo>
                    <a:lnTo>
                      <a:pt x="845" y="709"/>
                    </a:lnTo>
                    <a:lnTo>
                      <a:pt x="873" y="706"/>
                    </a:lnTo>
                    <a:lnTo>
                      <a:pt x="887" y="703"/>
                    </a:lnTo>
                    <a:lnTo>
                      <a:pt x="900" y="700"/>
                    </a:lnTo>
                    <a:lnTo>
                      <a:pt x="912" y="699"/>
                    </a:lnTo>
                    <a:lnTo>
                      <a:pt x="923" y="699"/>
                    </a:lnTo>
                    <a:lnTo>
                      <a:pt x="947" y="699"/>
                    </a:lnTo>
                    <a:lnTo>
                      <a:pt x="969" y="699"/>
                    </a:lnTo>
                    <a:lnTo>
                      <a:pt x="980" y="698"/>
                    </a:lnTo>
                    <a:lnTo>
                      <a:pt x="991" y="696"/>
                    </a:lnTo>
                    <a:lnTo>
                      <a:pt x="1002" y="695"/>
                    </a:lnTo>
                    <a:lnTo>
                      <a:pt x="1013" y="691"/>
                    </a:lnTo>
                    <a:lnTo>
                      <a:pt x="1024" y="687"/>
                    </a:lnTo>
                    <a:lnTo>
                      <a:pt x="1036" y="681"/>
                    </a:lnTo>
                    <a:lnTo>
                      <a:pt x="1049" y="674"/>
                    </a:lnTo>
                    <a:lnTo>
                      <a:pt x="1061" y="664"/>
                    </a:lnTo>
                    <a:lnTo>
                      <a:pt x="1068" y="658"/>
                    </a:lnTo>
                    <a:lnTo>
                      <a:pt x="1072" y="651"/>
                    </a:lnTo>
                    <a:lnTo>
                      <a:pt x="1075" y="646"/>
                    </a:lnTo>
                    <a:lnTo>
                      <a:pt x="1075" y="640"/>
                    </a:lnTo>
                    <a:lnTo>
                      <a:pt x="1072" y="627"/>
                    </a:lnTo>
                    <a:lnTo>
                      <a:pt x="1067" y="614"/>
                    </a:lnTo>
                    <a:lnTo>
                      <a:pt x="1064" y="608"/>
                    </a:lnTo>
                    <a:lnTo>
                      <a:pt x="1063" y="602"/>
                    </a:lnTo>
                    <a:lnTo>
                      <a:pt x="1063" y="595"/>
                    </a:lnTo>
                    <a:lnTo>
                      <a:pt x="1063" y="590"/>
                    </a:lnTo>
                    <a:lnTo>
                      <a:pt x="1066" y="584"/>
                    </a:lnTo>
                    <a:lnTo>
                      <a:pt x="1071" y="579"/>
                    </a:lnTo>
                    <a:lnTo>
                      <a:pt x="1077" y="573"/>
                    </a:lnTo>
                    <a:lnTo>
                      <a:pt x="1088" y="568"/>
                    </a:lnTo>
                    <a:lnTo>
                      <a:pt x="1098" y="563"/>
                    </a:lnTo>
                    <a:lnTo>
                      <a:pt x="1107" y="557"/>
                    </a:lnTo>
                    <a:lnTo>
                      <a:pt x="1115" y="551"/>
                    </a:lnTo>
                    <a:lnTo>
                      <a:pt x="1121" y="546"/>
                    </a:lnTo>
                    <a:lnTo>
                      <a:pt x="1127" y="540"/>
                    </a:lnTo>
                    <a:lnTo>
                      <a:pt x="1132" y="533"/>
                    </a:lnTo>
                    <a:lnTo>
                      <a:pt x="1134" y="527"/>
                    </a:lnTo>
                    <a:lnTo>
                      <a:pt x="1138" y="520"/>
                    </a:lnTo>
                    <a:lnTo>
                      <a:pt x="1146" y="489"/>
                    </a:lnTo>
                    <a:lnTo>
                      <a:pt x="1153" y="450"/>
                    </a:lnTo>
                    <a:lnTo>
                      <a:pt x="1153" y="445"/>
                    </a:lnTo>
                    <a:lnTo>
                      <a:pt x="1153" y="441"/>
                    </a:lnTo>
                    <a:lnTo>
                      <a:pt x="1150" y="437"/>
                    </a:lnTo>
                    <a:lnTo>
                      <a:pt x="1147" y="435"/>
                    </a:lnTo>
                    <a:lnTo>
                      <a:pt x="1140" y="432"/>
                    </a:lnTo>
                    <a:lnTo>
                      <a:pt x="1132" y="430"/>
                    </a:lnTo>
                    <a:lnTo>
                      <a:pt x="1128" y="428"/>
                    </a:lnTo>
                    <a:lnTo>
                      <a:pt x="1124" y="427"/>
                    </a:lnTo>
                    <a:lnTo>
                      <a:pt x="1120" y="424"/>
                    </a:lnTo>
                    <a:lnTo>
                      <a:pt x="1118" y="421"/>
                    </a:lnTo>
                    <a:lnTo>
                      <a:pt x="1116" y="417"/>
                    </a:lnTo>
                    <a:lnTo>
                      <a:pt x="1115" y="412"/>
                    </a:lnTo>
                    <a:lnTo>
                      <a:pt x="1115" y="405"/>
                    </a:lnTo>
                    <a:lnTo>
                      <a:pt x="1118" y="397"/>
                    </a:lnTo>
                    <a:lnTo>
                      <a:pt x="1121" y="386"/>
                    </a:lnTo>
                    <a:lnTo>
                      <a:pt x="1125" y="375"/>
                    </a:lnTo>
                    <a:lnTo>
                      <a:pt x="1129" y="369"/>
                    </a:lnTo>
                    <a:lnTo>
                      <a:pt x="1133" y="362"/>
                    </a:lnTo>
                    <a:lnTo>
                      <a:pt x="1138" y="357"/>
                    </a:lnTo>
                    <a:lnTo>
                      <a:pt x="1145" y="353"/>
                    </a:lnTo>
                    <a:lnTo>
                      <a:pt x="1153" y="348"/>
                    </a:lnTo>
                    <a:lnTo>
                      <a:pt x="1162" y="343"/>
                    </a:lnTo>
                    <a:lnTo>
                      <a:pt x="1177" y="335"/>
                    </a:lnTo>
                    <a:lnTo>
                      <a:pt x="1189" y="325"/>
                    </a:lnTo>
                    <a:lnTo>
                      <a:pt x="1198" y="313"/>
                    </a:lnTo>
                    <a:lnTo>
                      <a:pt x="1206" y="301"/>
                    </a:lnTo>
                    <a:lnTo>
                      <a:pt x="1212" y="288"/>
                    </a:lnTo>
                    <a:lnTo>
                      <a:pt x="1219" y="274"/>
                    </a:lnTo>
                    <a:lnTo>
                      <a:pt x="1222" y="260"/>
                    </a:lnTo>
                    <a:lnTo>
                      <a:pt x="1226" y="243"/>
                    </a:lnTo>
                    <a:lnTo>
                      <a:pt x="1259" y="137"/>
                    </a:lnTo>
                    <a:lnTo>
                      <a:pt x="1259" y="136"/>
                    </a:lnTo>
                    <a:lnTo>
                      <a:pt x="1254" y="134"/>
                    </a:lnTo>
                    <a:lnTo>
                      <a:pt x="1247" y="130"/>
                    </a:lnTo>
                    <a:lnTo>
                      <a:pt x="1241" y="125"/>
                    </a:lnTo>
                    <a:lnTo>
                      <a:pt x="1233" y="120"/>
                    </a:lnTo>
                    <a:lnTo>
                      <a:pt x="1220" y="104"/>
                    </a:lnTo>
                    <a:lnTo>
                      <a:pt x="1207" y="88"/>
                    </a:lnTo>
                    <a:lnTo>
                      <a:pt x="1181" y="54"/>
                    </a:lnTo>
                    <a:lnTo>
                      <a:pt x="1162" y="28"/>
                    </a:lnTo>
                    <a:lnTo>
                      <a:pt x="1153" y="20"/>
                    </a:lnTo>
                    <a:lnTo>
                      <a:pt x="1143" y="15"/>
                    </a:lnTo>
                    <a:lnTo>
                      <a:pt x="1133" y="11"/>
                    </a:lnTo>
                    <a:lnTo>
                      <a:pt x="1123" y="10"/>
                    </a:lnTo>
                    <a:lnTo>
                      <a:pt x="1111" y="11"/>
                    </a:lnTo>
                    <a:lnTo>
                      <a:pt x="1101" y="13"/>
                    </a:lnTo>
                    <a:lnTo>
                      <a:pt x="1089" y="15"/>
                    </a:lnTo>
                    <a:lnTo>
                      <a:pt x="1077" y="19"/>
                    </a:lnTo>
                    <a:lnTo>
                      <a:pt x="1032" y="38"/>
                    </a:lnTo>
                    <a:lnTo>
                      <a:pt x="992" y="55"/>
                    </a:lnTo>
                    <a:lnTo>
                      <a:pt x="987" y="55"/>
                    </a:lnTo>
                    <a:lnTo>
                      <a:pt x="984" y="54"/>
                    </a:lnTo>
                    <a:lnTo>
                      <a:pt x="982" y="51"/>
                    </a:lnTo>
                    <a:lnTo>
                      <a:pt x="980" y="49"/>
                    </a:lnTo>
                    <a:lnTo>
                      <a:pt x="980" y="40"/>
                    </a:lnTo>
                    <a:lnTo>
                      <a:pt x="982" y="29"/>
                    </a:lnTo>
                    <a:lnTo>
                      <a:pt x="983" y="19"/>
                    </a:lnTo>
                    <a:lnTo>
                      <a:pt x="983" y="9"/>
                    </a:lnTo>
                    <a:lnTo>
                      <a:pt x="983" y="5"/>
                    </a:lnTo>
                    <a:lnTo>
                      <a:pt x="982" y="2"/>
                    </a:lnTo>
                    <a:lnTo>
                      <a:pt x="980" y="1"/>
                    </a:lnTo>
                    <a:lnTo>
                      <a:pt x="976" y="0"/>
                    </a:lnTo>
                    <a:lnTo>
                      <a:pt x="825" y="7"/>
                    </a:lnTo>
                    <a:lnTo>
                      <a:pt x="817" y="9"/>
                    </a:lnTo>
                    <a:lnTo>
                      <a:pt x="809" y="11"/>
                    </a:lnTo>
                    <a:lnTo>
                      <a:pt x="801" y="15"/>
                    </a:lnTo>
                    <a:lnTo>
                      <a:pt x="795" y="19"/>
                    </a:lnTo>
                    <a:lnTo>
                      <a:pt x="790" y="24"/>
                    </a:lnTo>
                    <a:lnTo>
                      <a:pt x="785" y="31"/>
                    </a:lnTo>
                    <a:lnTo>
                      <a:pt x="779" y="38"/>
                    </a:lnTo>
                    <a:lnTo>
                      <a:pt x="776" y="46"/>
                    </a:lnTo>
                    <a:lnTo>
                      <a:pt x="769" y="62"/>
                    </a:lnTo>
                    <a:lnTo>
                      <a:pt x="764" y="80"/>
                    </a:lnTo>
                    <a:lnTo>
                      <a:pt x="760" y="98"/>
                    </a:lnTo>
                    <a:lnTo>
                      <a:pt x="757" y="115"/>
                    </a:lnTo>
                    <a:lnTo>
                      <a:pt x="756" y="127"/>
                    </a:lnTo>
                    <a:lnTo>
                      <a:pt x="757" y="137"/>
                    </a:lnTo>
                    <a:lnTo>
                      <a:pt x="760" y="145"/>
                    </a:lnTo>
                    <a:lnTo>
                      <a:pt x="763" y="151"/>
                    </a:lnTo>
                    <a:lnTo>
                      <a:pt x="768" y="156"/>
                    </a:lnTo>
                    <a:lnTo>
                      <a:pt x="773" y="160"/>
                    </a:lnTo>
                    <a:lnTo>
                      <a:pt x="778" y="163"/>
                    </a:lnTo>
                    <a:lnTo>
                      <a:pt x="785" y="165"/>
                    </a:lnTo>
                    <a:lnTo>
                      <a:pt x="796" y="171"/>
                    </a:lnTo>
                    <a:lnTo>
                      <a:pt x="805" y="176"/>
                    </a:lnTo>
                    <a:lnTo>
                      <a:pt x="809" y="180"/>
                    </a:lnTo>
                    <a:lnTo>
                      <a:pt x="812" y="185"/>
                    </a:lnTo>
                    <a:lnTo>
                      <a:pt x="812" y="191"/>
                    </a:lnTo>
                    <a:lnTo>
                      <a:pt x="812" y="199"/>
                    </a:lnTo>
                    <a:lnTo>
                      <a:pt x="805" y="221"/>
                    </a:lnTo>
                    <a:lnTo>
                      <a:pt x="803" y="244"/>
                    </a:lnTo>
                    <a:lnTo>
                      <a:pt x="803" y="256"/>
                    </a:lnTo>
                    <a:lnTo>
                      <a:pt x="805" y="266"/>
                    </a:lnTo>
                    <a:lnTo>
                      <a:pt x="807" y="273"/>
                    </a:lnTo>
                    <a:lnTo>
                      <a:pt x="809" y="278"/>
                    </a:lnTo>
                    <a:lnTo>
                      <a:pt x="813" y="283"/>
                    </a:lnTo>
                    <a:lnTo>
                      <a:pt x="818" y="288"/>
                    </a:lnTo>
                    <a:lnTo>
                      <a:pt x="831" y="296"/>
                    </a:lnTo>
                    <a:lnTo>
                      <a:pt x="851" y="305"/>
                    </a:lnTo>
                    <a:lnTo>
                      <a:pt x="858" y="310"/>
                    </a:lnTo>
                    <a:lnTo>
                      <a:pt x="865" y="316"/>
                    </a:lnTo>
                    <a:lnTo>
                      <a:pt x="868" y="318"/>
                    </a:lnTo>
                    <a:lnTo>
                      <a:pt x="869" y="321"/>
                    </a:lnTo>
                    <a:lnTo>
                      <a:pt x="869" y="323"/>
                    </a:lnTo>
                    <a:lnTo>
                      <a:pt x="866" y="326"/>
                    </a:lnTo>
                    <a:lnTo>
                      <a:pt x="855" y="322"/>
                    </a:lnTo>
                    <a:lnTo>
                      <a:pt x="829" y="312"/>
                    </a:lnTo>
                    <a:lnTo>
                      <a:pt x="821" y="310"/>
                    </a:lnTo>
                    <a:lnTo>
                      <a:pt x="813" y="309"/>
                    </a:lnTo>
                    <a:lnTo>
                      <a:pt x="805" y="310"/>
                    </a:lnTo>
                    <a:lnTo>
                      <a:pt x="796" y="312"/>
                    </a:lnTo>
                    <a:lnTo>
                      <a:pt x="788" y="314"/>
                    </a:lnTo>
                    <a:lnTo>
                      <a:pt x="781" y="320"/>
                    </a:lnTo>
                    <a:lnTo>
                      <a:pt x="773" y="326"/>
                    </a:lnTo>
                    <a:lnTo>
                      <a:pt x="765" y="335"/>
                    </a:lnTo>
                    <a:lnTo>
                      <a:pt x="764" y="339"/>
                    </a:lnTo>
                    <a:lnTo>
                      <a:pt x="763" y="342"/>
                    </a:lnTo>
                    <a:lnTo>
                      <a:pt x="763" y="345"/>
                    </a:lnTo>
                    <a:lnTo>
                      <a:pt x="763" y="348"/>
                    </a:lnTo>
                    <a:lnTo>
                      <a:pt x="765" y="355"/>
                    </a:lnTo>
                    <a:lnTo>
                      <a:pt x="769" y="360"/>
                    </a:lnTo>
                    <a:lnTo>
                      <a:pt x="774" y="366"/>
                    </a:lnTo>
                    <a:lnTo>
                      <a:pt x="779" y="371"/>
                    </a:lnTo>
                    <a:lnTo>
                      <a:pt x="782" y="378"/>
                    </a:lnTo>
                    <a:lnTo>
                      <a:pt x="783" y="384"/>
                    </a:lnTo>
                    <a:lnTo>
                      <a:pt x="783" y="389"/>
                    </a:lnTo>
                    <a:lnTo>
                      <a:pt x="782" y="393"/>
                    </a:lnTo>
                    <a:lnTo>
                      <a:pt x="781" y="399"/>
                    </a:lnTo>
                    <a:lnTo>
                      <a:pt x="778" y="401"/>
                    </a:lnTo>
                    <a:lnTo>
                      <a:pt x="772" y="408"/>
                    </a:lnTo>
                    <a:lnTo>
                      <a:pt x="764" y="412"/>
                    </a:lnTo>
                    <a:lnTo>
                      <a:pt x="754" y="415"/>
                    </a:lnTo>
                    <a:lnTo>
                      <a:pt x="743" y="417"/>
                    </a:lnTo>
                    <a:lnTo>
                      <a:pt x="731" y="417"/>
                    </a:lnTo>
                    <a:lnTo>
                      <a:pt x="719" y="415"/>
                    </a:lnTo>
                    <a:lnTo>
                      <a:pt x="706" y="413"/>
                    </a:lnTo>
                    <a:lnTo>
                      <a:pt x="694" y="408"/>
                    </a:lnTo>
                    <a:lnTo>
                      <a:pt x="681" y="402"/>
                    </a:lnTo>
                    <a:lnTo>
                      <a:pt x="671" y="396"/>
                    </a:lnTo>
                    <a:lnTo>
                      <a:pt x="660" y="388"/>
                    </a:lnTo>
                    <a:lnTo>
                      <a:pt x="651" y="379"/>
                    </a:lnTo>
                    <a:lnTo>
                      <a:pt x="645" y="369"/>
                    </a:lnTo>
                    <a:lnTo>
                      <a:pt x="641" y="357"/>
                    </a:lnTo>
                    <a:lnTo>
                      <a:pt x="638" y="348"/>
                    </a:lnTo>
                    <a:lnTo>
                      <a:pt x="637" y="339"/>
                    </a:lnTo>
                    <a:lnTo>
                      <a:pt x="637" y="330"/>
                    </a:lnTo>
                    <a:lnTo>
                      <a:pt x="637" y="323"/>
                    </a:lnTo>
                    <a:lnTo>
                      <a:pt x="637" y="317"/>
                    </a:lnTo>
                    <a:lnTo>
                      <a:pt x="638" y="310"/>
                    </a:lnTo>
                    <a:lnTo>
                      <a:pt x="641" y="305"/>
                    </a:lnTo>
                    <a:lnTo>
                      <a:pt x="643" y="300"/>
                    </a:lnTo>
                    <a:lnTo>
                      <a:pt x="650" y="292"/>
                    </a:lnTo>
                    <a:lnTo>
                      <a:pt x="658" y="285"/>
                    </a:lnTo>
                    <a:lnTo>
                      <a:pt x="667" y="279"/>
                    </a:lnTo>
                    <a:lnTo>
                      <a:pt x="676" y="274"/>
                    </a:lnTo>
                    <a:lnTo>
                      <a:pt x="685" y="270"/>
                    </a:lnTo>
                    <a:lnTo>
                      <a:pt x="694" y="265"/>
                    </a:lnTo>
                    <a:lnTo>
                      <a:pt x="703" y="261"/>
                    </a:lnTo>
                    <a:lnTo>
                      <a:pt x="709" y="255"/>
                    </a:lnTo>
                    <a:lnTo>
                      <a:pt x="713" y="251"/>
                    </a:lnTo>
                    <a:lnTo>
                      <a:pt x="716" y="248"/>
                    </a:lnTo>
                    <a:lnTo>
                      <a:pt x="717" y="243"/>
                    </a:lnTo>
                    <a:lnTo>
                      <a:pt x="719" y="239"/>
                    </a:lnTo>
                    <a:lnTo>
                      <a:pt x="720" y="234"/>
                    </a:lnTo>
                    <a:lnTo>
                      <a:pt x="720" y="228"/>
                    </a:lnTo>
                    <a:lnTo>
                      <a:pt x="719" y="221"/>
                    </a:lnTo>
                    <a:lnTo>
                      <a:pt x="717" y="215"/>
                    </a:lnTo>
                    <a:lnTo>
                      <a:pt x="706" y="212"/>
                    </a:lnTo>
                    <a:lnTo>
                      <a:pt x="695" y="208"/>
                    </a:lnTo>
                    <a:lnTo>
                      <a:pt x="687" y="206"/>
                    </a:lnTo>
                    <a:lnTo>
                      <a:pt x="682" y="202"/>
                    </a:lnTo>
                    <a:lnTo>
                      <a:pt x="680" y="196"/>
                    </a:lnTo>
                    <a:lnTo>
                      <a:pt x="678" y="193"/>
                    </a:lnTo>
                    <a:lnTo>
                      <a:pt x="678" y="187"/>
                    </a:lnTo>
                    <a:lnTo>
                      <a:pt x="678" y="182"/>
                    </a:lnTo>
                    <a:lnTo>
                      <a:pt x="681" y="171"/>
                    </a:lnTo>
                    <a:lnTo>
                      <a:pt x="685" y="156"/>
                    </a:lnTo>
                    <a:lnTo>
                      <a:pt x="685" y="149"/>
                    </a:lnTo>
                    <a:lnTo>
                      <a:pt x="685" y="141"/>
                    </a:lnTo>
                    <a:lnTo>
                      <a:pt x="684" y="132"/>
                    </a:lnTo>
                    <a:lnTo>
                      <a:pt x="681" y="123"/>
                    </a:lnTo>
                    <a:lnTo>
                      <a:pt x="680" y="120"/>
                    </a:lnTo>
                    <a:lnTo>
                      <a:pt x="677" y="119"/>
                    </a:lnTo>
                    <a:lnTo>
                      <a:pt x="673" y="119"/>
                    </a:lnTo>
                    <a:lnTo>
                      <a:pt x="669" y="119"/>
                    </a:lnTo>
                    <a:lnTo>
                      <a:pt x="660" y="121"/>
                    </a:lnTo>
                    <a:lnTo>
                      <a:pt x="649" y="125"/>
                    </a:lnTo>
                    <a:lnTo>
                      <a:pt x="637" y="129"/>
                    </a:lnTo>
                    <a:lnTo>
                      <a:pt x="625" y="132"/>
                    </a:lnTo>
                    <a:lnTo>
                      <a:pt x="619" y="132"/>
                    </a:lnTo>
                    <a:lnTo>
                      <a:pt x="614" y="130"/>
                    </a:lnTo>
                    <a:lnTo>
                      <a:pt x="608" y="129"/>
                    </a:lnTo>
                    <a:lnTo>
                      <a:pt x="603" y="127"/>
                    </a:lnTo>
                    <a:lnTo>
                      <a:pt x="594" y="117"/>
                    </a:lnTo>
                    <a:lnTo>
                      <a:pt x="589" y="111"/>
                    </a:lnTo>
                    <a:lnTo>
                      <a:pt x="588" y="108"/>
                    </a:lnTo>
                    <a:lnTo>
                      <a:pt x="586" y="106"/>
                    </a:lnTo>
                    <a:lnTo>
                      <a:pt x="586" y="103"/>
                    </a:lnTo>
                    <a:lnTo>
                      <a:pt x="588" y="102"/>
                    </a:lnTo>
                    <a:lnTo>
                      <a:pt x="595" y="94"/>
                    </a:lnTo>
                    <a:lnTo>
                      <a:pt x="608" y="86"/>
                    </a:lnTo>
                    <a:lnTo>
                      <a:pt x="614" y="82"/>
                    </a:lnTo>
                    <a:lnTo>
                      <a:pt x="617" y="77"/>
                    </a:lnTo>
                    <a:lnTo>
                      <a:pt x="623" y="72"/>
                    </a:lnTo>
                    <a:lnTo>
                      <a:pt x="625" y="67"/>
                    </a:lnTo>
                    <a:lnTo>
                      <a:pt x="628" y="62"/>
                    </a:lnTo>
                    <a:lnTo>
                      <a:pt x="630" y="57"/>
                    </a:lnTo>
                    <a:lnTo>
                      <a:pt x="630" y="51"/>
                    </a:lnTo>
                    <a:lnTo>
                      <a:pt x="630" y="47"/>
                    </a:lnTo>
                    <a:lnTo>
                      <a:pt x="629" y="45"/>
                    </a:lnTo>
                    <a:lnTo>
                      <a:pt x="628" y="42"/>
                    </a:lnTo>
                    <a:lnTo>
                      <a:pt x="624" y="41"/>
                    </a:lnTo>
                    <a:lnTo>
                      <a:pt x="619" y="42"/>
                    </a:lnTo>
                    <a:lnTo>
                      <a:pt x="612" y="45"/>
                    </a:lnTo>
                    <a:lnTo>
                      <a:pt x="606" y="50"/>
                    </a:lnTo>
                    <a:lnTo>
                      <a:pt x="595" y="57"/>
                    </a:lnTo>
                    <a:lnTo>
                      <a:pt x="585" y="66"/>
                    </a:lnTo>
                    <a:lnTo>
                      <a:pt x="575" y="79"/>
                    </a:lnTo>
                    <a:lnTo>
                      <a:pt x="564" y="94"/>
                    </a:lnTo>
                    <a:lnTo>
                      <a:pt x="553" y="112"/>
                    </a:lnTo>
                    <a:lnTo>
                      <a:pt x="544" y="133"/>
                    </a:lnTo>
                    <a:lnTo>
                      <a:pt x="535" y="154"/>
                    </a:lnTo>
                    <a:lnTo>
                      <a:pt x="528" y="174"/>
                    </a:lnTo>
                    <a:lnTo>
                      <a:pt x="523" y="193"/>
                    </a:lnTo>
                    <a:lnTo>
                      <a:pt x="522" y="208"/>
                    </a:lnTo>
                    <a:lnTo>
                      <a:pt x="520" y="221"/>
                    </a:lnTo>
                    <a:lnTo>
                      <a:pt x="519" y="234"/>
                    </a:lnTo>
                    <a:lnTo>
                      <a:pt x="518" y="246"/>
                    </a:lnTo>
                    <a:lnTo>
                      <a:pt x="515" y="259"/>
                    </a:lnTo>
                    <a:lnTo>
                      <a:pt x="509" y="281"/>
                    </a:lnTo>
                    <a:lnTo>
                      <a:pt x="500" y="303"/>
                    </a:lnTo>
                    <a:lnTo>
                      <a:pt x="489" y="322"/>
                    </a:lnTo>
                    <a:lnTo>
                      <a:pt x="478" y="342"/>
                    </a:lnTo>
                    <a:lnTo>
                      <a:pt x="465" y="360"/>
                    </a:lnTo>
                    <a:lnTo>
                      <a:pt x="449" y="377"/>
                    </a:lnTo>
                    <a:lnTo>
                      <a:pt x="418" y="410"/>
                    </a:lnTo>
                    <a:lnTo>
                      <a:pt x="386" y="443"/>
                    </a:lnTo>
                    <a:lnTo>
                      <a:pt x="352" y="475"/>
                    </a:lnTo>
                    <a:lnTo>
                      <a:pt x="321" y="510"/>
                    </a:lnTo>
                    <a:lnTo>
                      <a:pt x="309" y="520"/>
                    </a:lnTo>
                    <a:lnTo>
                      <a:pt x="295" y="531"/>
                    </a:lnTo>
                    <a:lnTo>
                      <a:pt x="282" y="541"/>
                    </a:lnTo>
                    <a:lnTo>
                      <a:pt x="272" y="551"/>
                    </a:lnTo>
                    <a:lnTo>
                      <a:pt x="268" y="555"/>
                    </a:lnTo>
                    <a:lnTo>
                      <a:pt x="265" y="560"/>
                    </a:lnTo>
                    <a:lnTo>
                      <a:pt x="265" y="564"/>
                    </a:lnTo>
                    <a:lnTo>
                      <a:pt x="268" y="570"/>
                    </a:lnTo>
                    <a:lnTo>
                      <a:pt x="273" y="573"/>
                    </a:lnTo>
                    <a:lnTo>
                      <a:pt x="282" y="577"/>
                    </a:lnTo>
                    <a:lnTo>
                      <a:pt x="292" y="581"/>
                    </a:lnTo>
                    <a:lnTo>
                      <a:pt x="308" y="585"/>
                    </a:lnTo>
                    <a:lnTo>
                      <a:pt x="321" y="589"/>
                    </a:lnTo>
                    <a:lnTo>
                      <a:pt x="334" y="594"/>
                    </a:lnTo>
                    <a:lnTo>
                      <a:pt x="348" y="602"/>
                    </a:lnTo>
                    <a:lnTo>
                      <a:pt x="361" y="611"/>
                    </a:lnTo>
                    <a:lnTo>
                      <a:pt x="373" y="620"/>
                    </a:lnTo>
                    <a:lnTo>
                      <a:pt x="382" y="632"/>
                    </a:lnTo>
                    <a:lnTo>
                      <a:pt x="386" y="638"/>
                    </a:lnTo>
                    <a:lnTo>
                      <a:pt x="388" y="643"/>
                    </a:lnTo>
                    <a:lnTo>
                      <a:pt x="391" y="650"/>
                    </a:lnTo>
                    <a:lnTo>
                      <a:pt x="391" y="656"/>
                    </a:lnTo>
                    <a:lnTo>
                      <a:pt x="367" y="656"/>
                    </a:lnTo>
                    <a:lnTo>
                      <a:pt x="343" y="658"/>
                    </a:lnTo>
                    <a:lnTo>
                      <a:pt x="320" y="660"/>
                    </a:lnTo>
                    <a:lnTo>
                      <a:pt x="295" y="664"/>
                    </a:lnTo>
                    <a:lnTo>
                      <a:pt x="272" y="665"/>
                    </a:lnTo>
                    <a:lnTo>
                      <a:pt x="246" y="668"/>
                    </a:lnTo>
                    <a:lnTo>
                      <a:pt x="242" y="669"/>
                    </a:lnTo>
                    <a:lnTo>
                      <a:pt x="237" y="672"/>
                    </a:lnTo>
                    <a:lnTo>
                      <a:pt x="234" y="673"/>
                    </a:lnTo>
                    <a:lnTo>
                      <a:pt x="233" y="677"/>
                    </a:lnTo>
                    <a:lnTo>
                      <a:pt x="233" y="680"/>
                    </a:lnTo>
                    <a:lnTo>
                      <a:pt x="235" y="685"/>
                    </a:lnTo>
                    <a:lnTo>
                      <a:pt x="239" y="689"/>
                    </a:lnTo>
                    <a:lnTo>
                      <a:pt x="246" y="695"/>
                    </a:lnTo>
                    <a:lnTo>
                      <a:pt x="255" y="704"/>
                    </a:lnTo>
                    <a:lnTo>
                      <a:pt x="261" y="713"/>
                    </a:lnTo>
                    <a:lnTo>
                      <a:pt x="266" y="724"/>
                    </a:lnTo>
                    <a:lnTo>
                      <a:pt x="269" y="733"/>
                    </a:lnTo>
                    <a:lnTo>
                      <a:pt x="269" y="737"/>
                    </a:lnTo>
                    <a:lnTo>
                      <a:pt x="268" y="739"/>
                    </a:lnTo>
                    <a:lnTo>
                      <a:pt x="266" y="742"/>
                    </a:lnTo>
                    <a:lnTo>
                      <a:pt x="264" y="743"/>
                    </a:lnTo>
                    <a:lnTo>
                      <a:pt x="260" y="743"/>
                    </a:lnTo>
                    <a:lnTo>
                      <a:pt x="253" y="742"/>
                    </a:lnTo>
                    <a:lnTo>
                      <a:pt x="247" y="739"/>
                    </a:lnTo>
                    <a:lnTo>
                      <a:pt x="239" y="735"/>
                    </a:lnTo>
                    <a:lnTo>
                      <a:pt x="231" y="730"/>
                    </a:lnTo>
                    <a:lnTo>
                      <a:pt x="224" y="724"/>
                    </a:lnTo>
                    <a:lnTo>
                      <a:pt x="217" y="716"/>
                    </a:lnTo>
                    <a:lnTo>
                      <a:pt x="211" y="709"/>
                    </a:lnTo>
                    <a:lnTo>
                      <a:pt x="206" y="703"/>
                    </a:lnTo>
                    <a:lnTo>
                      <a:pt x="199" y="696"/>
                    </a:lnTo>
                    <a:lnTo>
                      <a:pt x="193" y="690"/>
                    </a:lnTo>
                    <a:lnTo>
                      <a:pt x="185" y="686"/>
                    </a:lnTo>
                    <a:lnTo>
                      <a:pt x="177" y="684"/>
                    </a:lnTo>
                    <a:lnTo>
                      <a:pt x="169" y="681"/>
                    </a:lnTo>
                    <a:lnTo>
                      <a:pt x="163" y="680"/>
                    </a:lnTo>
                    <a:lnTo>
                      <a:pt x="155" y="680"/>
                    </a:lnTo>
                    <a:lnTo>
                      <a:pt x="142" y="680"/>
                    </a:lnTo>
                    <a:lnTo>
                      <a:pt x="130" y="680"/>
                    </a:lnTo>
                    <a:lnTo>
                      <a:pt x="125" y="678"/>
                    </a:lnTo>
                    <a:lnTo>
                      <a:pt x="120" y="677"/>
                    </a:lnTo>
                    <a:lnTo>
                      <a:pt x="115" y="674"/>
                    </a:lnTo>
                    <a:lnTo>
                      <a:pt x="110" y="672"/>
                    </a:lnTo>
                    <a:lnTo>
                      <a:pt x="106" y="667"/>
                    </a:lnTo>
                    <a:lnTo>
                      <a:pt x="102" y="660"/>
                    </a:lnTo>
                    <a:lnTo>
                      <a:pt x="98" y="652"/>
                    </a:lnTo>
                    <a:lnTo>
                      <a:pt x="95" y="642"/>
                    </a:lnTo>
                    <a:lnTo>
                      <a:pt x="94" y="638"/>
                    </a:lnTo>
                    <a:lnTo>
                      <a:pt x="90" y="636"/>
                    </a:lnTo>
                    <a:lnTo>
                      <a:pt x="88" y="633"/>
                    </a:lnTo>
                    <a:lnTo>
                      <a:pt x="82" y="632"/>
                    </a:lnTo>
                    <a:lnTo>
                      <a:pt x="71" y="632"/>
                    </a:lnTo>
                    <a:lnTo>
                      <a:pt x="58" y="633"/>
                    </a:lnTo>
                    <a:lnTo>
                      <a:pt x="45" y="637"/>
                    </a:lnTo>
                    <a:lnTo>
                      <a:pt x="33" y="641"/>
                    </a:lnTo>
                    <a:lnTo>
                      <a:pt x="22" y="645"/>
                    </a:lnTo>
                    <a:lnTo>
                      <a:pt x="14" y="649"/>
                    </a:lnTo>
                    <a:lnTo>
                      <a:pt x="11" y="650"/>
                    </a:lnTo>
                    <a:lnTo>
                      <a:pt x="10" y="651"/>
                    </a:lnTo>
                    <a:lnTo>
                      <a:pt x="10" y="654"/>
                    </a:lnTo>
                    <a:lnTo>
                      <a:pt x="10" y="656"/>
                    </a:lnTo>
                    <a:lnTo>
                      <a:pt x="11" y="663"/>
                    </a:lnTo>
                    <a:lnTo>
                      <a:pt x="16" y="671"/>
                    </a:lnTo>
                    <a:lnTo>
                      <a:pt x="23" y="678"/>
                    </a:lnTo>
                    <a:lnTo>
                      <a:pt x="32" y="687"/>
                    </a:lnTo>
                    <a:lnTo>
                      <a:pt x="42" y="695"/>
                    </a:lnTo>
                    <a:lnTo>
                      <a:pt x="53" y="704"/>
                    </a:lnTo>
                    <a:lnTo>
                      <a:pt x="99" y="739"/>
                    </a:lnTo>
                    <a:lnTo>
                      <a:pt x="128" y="759"/>
                    </a:lnTo>
                    <a:lnTo>
                      <a:pt x="133" y="761"/>
                    </a:lnTo>
                    <a:lnTo>
                      <a:pt x="138" y="764"/>
                    </a:lnTo>
                    <a:lnTo>
                      <a:pt x="143" y="765"/>
                    </a:lnTo>
                    <a:lnTo>
                      <a:pt x="149" y="765"/>
                    </a:lnTo>
                    <a:lnTo>
                      <a:pt x="161" y="765"/>
                    </a:lnTo>
                    <a:lnTo>
                      <a:pt x="174" y="764"/>
                    </a:lnTo>
                    <a:lnTo>
                      <a:pt x="186" y="763"/>
                    </a:lnTo>
                    <a:lnTo>
                      <a:pt x="199" y="761"/>
                    </a:lnTo>
                    <a:lnTo>
                      <a:pt x="211" y="761"/>
                    </a:lnTo>
                    <a:lnTo>
                      <a:pt x="222" y="763"/>
                    </a:lnTo>
                    <a:lnTo>
                      <a:pt x="235" y="768"/>
                    </a:lnTo>
                    <a:lnTo>
                      <a:pt x="247" y="774"/>
                    </a:lnTo>
                    <a:lnTo>
                      <a:pt x="260" y="782"/>
                    </a:lnTo>
                    <a:lnTo>
                      <a:pt x="273" y="787"/>
                    </a:lnTo>
                    <a:lnTo>
                      <a:pt x="273" y="790"/>
                    </a:lnTo>
                    <a:lnTo>
                      <a:pt x="270" y="791"/>
                    </a:lnTo>
                    <a:lnTo>
                      <a:pt x="265" y="792"/>
                    </a:lnTo>
                    <a:lnTo>
                      <a:pt x="260" y="794"/>
                    </a:lnTo>
                    <a:lnTo>
                      <a:pt x="247" y="795"/>
                    </a:lnTo>
                    <a:lnTo>
                      <a:pt x="230" y="796"/>
                    </a:lnTo>
                    <a:lnTo>
                      <a:pt x="198" y="795"/>
                    </a:lnTo>
                    <a:lnTo>
                      <a:pt x="177" y="795"/>
                    </a:lnTo>
                    <a:lnTo>
                      <a:pt x="158" y="795"/>
                    </a:lnTo>
                    <a:lnTo>
                      <a:pt x="137" y="796"/>
                    </a:lnTo>
                    <a:lnTo>
                      <a:pt x="126" y="796"/>
                    </a:lnTo>
                    <a:lnTo>
                      <a:pt x="116" y="795"/>
                    </a:lnTo>
                    <a:lnTo>
                      <a:pt x="107" y="792"/>
                    </a:lnTo>
                    <a:lnTo>
                      <a:pt x="98" y="788"/>
                    </a:lnTo>
                    <a:lnTo>
                      <a:pt x="85" y="782"/>
                    </a:lnTo>
                    <a:lnTo>
                      <a:pt x="72" y="774"/>
                    </a:lnTo>
                    <a:lnTo>
                      <a:pt x="60" y="769"/>
                    </a:lnTo>
                    <a:lnTo>
                      <a:pt x="47" y="764"/>
                    </a:lnTo>
                    <a:lnTo>
                      <a:pt x="36" y="760"/>
                    </a:lnTo>
                    <a:lnTo>
                      <a:pt x="23" y="756"/>
                    </a:lnTo>
                    <a:lnTo>
                      <a:pt x="11" y="755"/>
                    </a:lnTo>
                    <a:lnTo>
                      <a:pt x="0" y="752"/>
                    </a:lnTo>
                    <a:lnTo>
                      <a:pt x="0" y="752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39" name="Freeform 158"/>
              <p:cNvSpPr>
                <a:spLocks/>
              </p:cNvSpPr>
              <p:nvPr/>
            </p:nvSpPr>
            <p:spPr bwMode="auto">
              <a:xfrm>
                <a:off x="6584746" y="3863816"/>
                <a:ext cx="96550" cy="148117"/>
              </a:xfrm>
              <a:custGeom>
                <a:avLst/>
                <a:gdLst/>
                <a:ahLst/>
                <a:cxnLst>
                  <a:cxn ang="0">
                    <a:pos x="30" y="277"/>
                  </a:cxn>
                  <a:cxn ang="0">
                    <a:pos x="28" y="258"/>
                  </a:cxn>
                  <a:cxn ang="0">
                    <a:pos x="19" y="232"/>
                  </a:cxn>
                  <a:cxn ang="0">
                    <a:pos x="5" y="194"/>
                  </a:cxn>
                  <a:cxn ang="0">
                    <a:pos x="0" y="160"/>
                  </a:cxn>
                  <a:cxn ang="0">
                    <a:pos x="4" y="126"/>
                  </a:cxn>
                  <a:cxn ang="0">
                    <a:pos x="15" y="92"/>
                  </a:cxn>
                  <a:cxn ang="0">
                    <a:pos x="30" y="68"/>
                  </a:cxn>
                  <a:cxn ang="0">
                    <a:pos x="42" y="52"/>
                  </a:cxn>
                  <a:cxn ang="0">
                    <a:pos x="62" y="35"/>
                  </a:cxn>
                  <a:cxn ang="0">
                    <a:pos x="109" y="13"/>
                  </a:cxn>
                  <a:cxn ang="0">
                    <a:pos x="145" y="11"/>
                  </a:cxn>
                  <a:cxn ang="0">
                    <a:pos x="144" y="34"/>
                  </a:cxn>
                  <a:cxn ang="0">
                    <a:pos x="141" y="69"/>
                  </a:cxn>
                  <a:cxn ang="0">
                    <a:pos x="140" y="100"/>
                  </a:cxn>
                  <a:cxn ang="0">
                    <a:pos x="145" y="118"/>
                  </a:cxn>
                  <a:cxn ang="0">
                    <a:pos x="159" y="141"/>
                  </a:cxn>
                  <a:cxn ang="0">
                    <a:pos x="185" y="170"/>
                  </a:cxn>
                  <a:cxn ang="0">
                    <a:pos x="203" y="192"/>
                  </a:cxn>
                  <a:cxn ang="0">
                    <a:pos x="211" y="209"/>
                  </a:cxn>
                  <a:cxn ang="0">
                    <a:pos x="215" y="227"/>
                  </a:cxn>
                  <a:cxn ang="0">
                    <a:pos x="215" y="242"/>
                  </a:cxn>
                  <a:cxn ang="0">
                    <a:pos x="208" y="262"/>
                  </a:cxn>
                  <a:cxn ang="0">
                    <a:pos x="197" y="285"/>
                  </a:cxn>
                  <a:cxn ang="0">
                    <a:pos x="189" y="303"/>
                  </a:cxn>
                  <a:cxn ang="0">
                    <a:pos x="186" y="318"/>
                  </a:cxn>
                  <a:cxn ang="0">
                    <a:pos x="134" y="319"/>
                  </a:cxn>
                  <a:cxn ang="0">
                    <a:pos x="98" y="324"/>
                  </a:cxn>
                  <a:cxn ang="0">
                    <a:pos x="72" y="324"/>
                  </a:cxn>
                  <a:cxn ang="0">
                    <a:pos x="59" y="318"/>
                  </a:cxn>
                  <a:cxn ang="0">
                    <a:pos x="49" y="308"/>
                  </a:cxn>
                  <a:cxn ang="0">
                    <a:pos x="30" y="288"/>
                  </a:cxn>
                </a:cxnLst>
                <a:rect l="0" t="0" r="r" b="b"/>
                <a:pathLst>
                  <a:path w="215" h="325">
                    <a:moveTo>
                      <a:pt x="30" y="288"/>
                    </a:moveTo>
                    <a:lnTo>
                      <a:pt x="30" y="277"/>
                    </a:lnTo>
                    <a:lnTo>
                      <a:pt x="30" y="268"/>
                    </a:lnTo>
                    <a:lnTo>
                      <a:pt x="28" y="258"/>
                    </a:lnTo>
                    <a:lnTo>
                      <a:pt x="26" y="249"/>
                    </a:lnTo>
                    <a:lnTo>
                      <a:pt x="19" y="232"/>
                    </a:lnTo>
                    <a:lnTo>
                      <a:pt x="10" y="213"/>
                    </a:lnTo>
                    <a:lnTo>
                      <a:pt x="5" y="194"/>
                    </a:lnTo>
                    <a:lnTo>
                      <a:pt x="1" y="178"/>
                    </a:lnTo>
                    <a:lnTo>
                      <a:pt x="0" y="160"/>
                    </a:lnTo>
                    <a:lnTo>
                      <a:pt x="1" y="143"/>
                    </a:lnTo>
                    <a:lnTo>
                      <a:pt x="4" y="126"/>
                    </a:lnTo>
                    <a:lnTo>
                      <a:pt x="7" y="109"/>
                    </a:lnTo>
                    <a:lnTo>
                      <a:pt x="15" y="92"/>
                    </a:lnTo>
                    <a:lnTo>
                      <a:pt x="24" y="75"/>
                    </a:lnTo>
                    <a:lnTo>
                      <a:pt x="30" y="68"/>
                    </a:lnTo>
                    <a:lnTo>
                      <a:pt x="36" y="60"/>
                    </a:lnTo>
                    <a:lnTo>
                      <a:pt x="42" y="52"/>
                    </a:lnTo>
                    <a:lnTo>
                      <a:pt x="48" y="47"/>
                    </a:lnTo>
                    <a:lnTo>
                      <a:pt x="62" y="35"/>
                    </a:lnTo>
                    <a:lnTo>
                      <a:pt x="76" y="27"/>
                    </a:lnTo>
                    <a:lnTo>
                      <a:pt x="109" y="13"/>
                    </a:lnTo>
                    <a:lnTo>
                      <a:pt x="144" y="0"/>
                    </a:lnTo>
                    <a:lnTo>
                      <a:pt x="145" y="11"/>
                    </a:lnTo>
                    <a:lnTo>
                      <a:pt x="145" y="22"/>
                    </a:lnTo>
                    <a:lnTo>
                      <a:pt x="144" y="34"/>
                    </a:lnTo>
                    <a:lnTo>
                      <a:pt x="144" y="46"/>
                    </a:lnTo>
                    <a:lnTo>
                      <a:pt x="141" y="69"/>
                    </a:lnTo>
                    <a:lnTo>
                      <a:pt x="140" y="91"/>
                    </a:lnTo>
                    <a:lnTo>
                      <a:pt x="140" y="100"/>
                    </a:lnTo>
                    <a:lnTo>
                      <a:pt x="142" y="110"/>
                    </a:lnTo>
                    <a:lnTo>
                      <a:pt x="145" y="118"/>
                    </a:lnTo>
                    <a:lnTo>
                      <a:pt x="149" y="126"/>
                    </a:lnTo>
                    <a:lnTo>
                      <a:pt x="159" y="141"/>
                    </a:lnTo>
                    <a:lnTo>
                      <a:pt x="172" y="156"/>
                    </a:lnTo>
                    <a:lnTo>
                      <a:pt x="185" y="170"/>
                    </a:lnTo>
                    <a:lnTo>
                      <a:pt x="197" y="184"/>
                    </a:lnTo>
                    <a:lnTo>
                      <a:pt x="203" y="192"/>
                    </a:lnTo>
                    <a:lnTo>
                      <a:pt x="207" y="200"/>
                    </a:lnTo>
                    <a:lnTo>
                      <a:pt x="211" y="209"/>
                    </a:lnTo>
                    <a:lnTo>
                      <a:pt x="213" y="218"/>
                    </a:lnTo>
                    <a:lnTo>
                      <a:pt x="215" y="227"/>
                    </a:lnTo>
                    <a:lnTo>
                      <a:pt x="215" y="235"/>
                    </a:lnTo>
                    <a:lnTo>
                      <a:pt x="215" y="242"/>
                    </a:lnTo>
                    <a:lnTo>
                      <a:pt x="213" y="249"/>
                    </a:lnTo>
                    <a:lnTo>
                      <a:pt x="208" y="262"/>
                    </a:lnTo>
                    <a:lnTo>
                      <a:pt x="203" y="274"/>
                    </a:lnTo>
                    <a:lnTo>
                      <a:pt x="197" y="285"/>
                    </a:lnTo>
                    <a:lnTo>
                      <a:pt x="191" y="297"/>
                    </a:lnTo>
                    <a:lnTo>
                      <a:pt x="189" y="303"/>
                    </a:lnTo>
                    <a:lnTo>
                      <a:pt x="188" y="310"/>
                    </a:lnTo>
                    <a:lnTo>
                      <a:pt x="186" y="318"/>
                    </a:lnTo>
                    <a:lnTo>
                      <a:pt x="185" y="324"/>
                    </a:lnTo>
                    <a:lnTo>
                      <a:pt x="134" y="319"/>
                    </a:lnTo>
                    <a:lnTo>
                      <a:pt x="116" y="321"/>
                    </a:lnTo>
                    <a:lnTo>
                      <a:pt x="98" y="324"/>
                    </a:lnTo>
                    <a:lnTo>
                      <a:pt x="85" y="325"/>
                    </a:lnTo>
                    <a:lnTo>
                      <a:pt x="72" y="324"/>
                    </a:lnTo>
                    <a:lnTo>
                      <a:pt x="66" y="321"/>
                    </a:lnTo>
                    <a:lnTo>
                      <a:pt x="59" y="318"/>
                    </a:lnTo>
                    <a:lnTo>
                      <a:pt x="54" y="314"/>
                    </a:lnTo>
                    <a:lnTo>
                      <a:pt x="49" y="308"/>
                    </a:lnTo>
                    <a:lnTo>
                      <a:pt x="39" y="298"/>
                    </a:lnTo>
                    <a:lnTo>
                      <a:pt x="30" y="28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40" name="Freeform 159"/>
              <p:cNvSpPr>
                <a:spLocks/>
              </p:cNvSpPr>
              <p:nvPr/>
            </p:nvSpPr>
            <p:spPr bwMode="auto">
              <a:xfrm>
                <a:off x="6584746" y="3863816"/>
                <a:ext cx="96550" cy="148117"/>
              </a:xfrm>
              <a:custGeom>
                <a:avLst/>
                <a:gdLst/>
                <a:ahLst/>
                <a:cxnLst>
                  <a:cxn ang="0">
                    <a:pos x="30" y="277"/>
                  </a:cxn>
                  <a:cxn ang="0">
                    <a:pos x="28" y="258"/>
                  </a:cxn>
                  <a:cxn ang="0">
                    <a:pos x="19" y="232"/>
                  </a:cxn>
                  <a:cxn ang="0">
                    <a:pos x="5" y="194"/>
                  </a:cxn>
                  <a:cxn ang="0">
                    <a:pos x="0" y="160"/>
                  </a:cxn>
                  <a:cxn ang="0">
                    <a:pos x="4" y="126"/>
                  </a:cxn>
                  <a:cxn ang="0">
                    <a:pos x="15" y="92"/>
                  </a:cxn>
                  <a:cxn ang="0">
                    <a:pos x="30" y="68"/>
                  </a:cxn>
                  <a:cxn ang="0">
                    <a:pos x="42" y="52"/>
                  </a:cxn>
                  <a:cxn ang="0">
                    <a:pos x="62" y="35"/>
                  </a:cxn>
                  <a:cxn ang="0">
                    <a:pos x="109" y="13"/>
                  </a:cxn>
                  <a:cxn ang="0">
                    <a:pos x="144" y="0"/>
                  </a:cxn>
                  <a:cxn ang="0">
                    <a:pos x="145" y="22"/>
                  </a:cxn>
                  <a:cxn ang="0">
                    <a:pos x="144" y="46"/>
                  </a:cxn>
                  <a:cxn ang="0">
                    <a:pos x="140" y="91"/>
                  </a:cxn>
                  <a:cxn ang="0">
                    <a:pos x="142" y="110"/>
                  </a:cxn>
                  <a:cxn ang="0">
                    <a:pos x="149" y="126"/>
                  </a:cxn>
                  <a:cxn ang="0">
                    <a:pos x="172" y="156"/>
                  </a:cxn>
                  <a:cxn ang="0">
                    <a:pos x="197" y="184"/>
                  </a:cxn>
                  <a:cxn ang="0">
                    <a:pos x="207" y="200"/>
                  </a:cxn>
                  <a:cxn ang="0">
                    <a:pos x="213" y="218"/>
                  </a:cxn>
                  <a:cxn ang="0">
                    <a:pos x="215" y="235"/>
                  </a:cxn>
                  <a:cxn ang="0">
                    <a:pos x="213" y="249"/>
                  </a:cxn>
                  <a:cxn ang="0">
                    <a:pos x="203" y="274"/>
                  </a:cxn>
                  <a:cxn ang="0">
                    <a:pos x="191" y="297"/>
                  </a:cxn>
                  <a:cxn ang="0">
                    <a:pos x="188" y="310"/>
                  </a:cxn>
                  <a:cxn ang="0">
                    <a:pos x="185" y="324"/>
                  </a:cxn>
                  <a:cxn ang="0">
                    <a:pos x="134" y="319"/>
                  </a:cxn>
                  <a:cxn ang="0">
                    <a:pos x="98" y="324"/>
                  </a:cxn>
                  <a:cxn ang="0">
                    <a:pos x="72" y="324"/>
                  </a:cxn>
                  <a:cxn ang="0">
                    <a:pos x="59" y="318"/>
                  </a:cxn>
                  <a:cxn ang="0">
                    <a:pos x="49" y="308"/>
                  </a:cxn>
                  <a:cxn ang="0">
                    <a:pos x="30" y="288"/>
                  </a:cxn>
                </a:cxnLst>
                <a:rect l="0" t="0" r="r" b="b"/>
                <a:pathLst>
                  <a:path w="215" h="325">
                    <a:moveTo>
                      <a:pt x="30" y="288"/>
                    </a:moveTo>
                    <a:lnTo>
                      <a:pt x="30" y="277"/>
                    </a:lnTo>
                    <a:lnTo>
                      <a:pt x="30" y="268"/>
                    </a:lnTo>
                    <a:lnTo>
                      <a:pt x="28" y="258"/>
                    </a:lnTo>
                    <a:lnTo>
                      <a:pt x="26" y="249"/>
                    </a:lnTo>
                    <a:lnTo>
                      <a:pt x="19" y="232"/>
                    </a:lnTo>
                    <a:lnTo>
                      <a:pt x="10" y="213"/>
                    </a:lnTo>
                    <a:lnTo>
                      <a:pt x="5" y="194"/>
                    </a:lnTo>
                    <a:lnTo>
                      <a:pt x="1" y="178"/>
                    </a:lnTo>
                    <a:lnTo>
                      <a:pt x="0" y="160"/>
                    </a:lnTo>
                    <a:lnTo>
                      <a:pt x="1" y="143"/>
                    </a:lnTo>
                    <a:lnTo>
                      <a:pt x="4" y="126"/>
                    </a:lnTo>
                    <a:lnTo>
                      <a:pt x="7" y="109"/>
                    </a:lnTo>
                    <a:lnTo>
                      <a:pt x="15" y="92"/>
                    </a:lnTo>
                    <a:lnTo>
                      <a:pt x="24" y="75"/>
                    </a:lnTo>
                    <a:lnTo>
                      <a:pt x="30" y="68"/>
                    </a:lnTo>
                    <a:lnTo>
                      <a:pt x="36" y="60"/>
                    </a:lnTo>
                    <a:lnTo>
                      <a:pt x="42" y="52"/>
                    </a:lnTo>
                    <a:lnTo>
                      <a:pt x="48" y="47"/>
                    </a:lnTo>
                    <a:lnTo>
                      <a:pt x="62" y="35"/>
                    </a:lnTo>
                    <a:lnTo>
                      <a:pt x="76" y="27"/>
                    </a:lnTo>
                    <a:lnTo>
                      <a:pt x="109" y="13"/>
                    </a:lnTo>
                    <a:lnTo>
                      <a:pt x="144" y="0"/>
                    </a:lnTo>
                    <a:lnTo>
                      <a:pt x="144" y="0"/>
                    </a:lnTo>
                    <a:lnTo>
                      <a:pt x="145" y="11"/>
                    </a:lnTo>
                    <a:lnTo>
                      <a:pt x="145" y="22"/>
                    </a:lnTo>
                    <a:lnTo>
                      <a:pt x="144" y="34"/>
                    </a:lnTo>
                    <a:lnTo>
                      <a:pt x="144" y="46"/>
                    </a:lnTo>
                    <a:lnTo>
                      <a:pt x="141" y="69"/>
                    </a:lnTo>
                    <a:lnTo>
                      <a:pt x="140" y="91"/>
                    </a:lnTo>
                    <a:lnTo>
                      <a:pt x="140" y="100"/>
                    </a:lnTo>
                    <a:lnTo>
                      <a:pt x="142" y="110"/>
                    </a:lnTo>
                    <a:lnTo>
                      <a:pt x="145" y="118"/>
                    </a:lnTo>
                    <a:lnTo>
                      <a:pt x="149" y="126"/>
                    </a:lnTo>
                    <a:lnTo>
                      <a:pt x="159" y="141"/>
                    </a:lnTo>
                    <a:lnTo>
                      <a:pt x="172" y="156"/>
                    </a:lnTo>
                    <a:lnTo>
                      <a:pt x="185" y="170"/>
                    </a:lnTo>
                    <a:lnTo>
                      <a:pt x="197" y="184"/>
                    </a:lnTo>
                    <a:lnTo>
                      <a:pt x="203" y="192"/>
                    </a:lnTo>
                    <a:lnTo>
                      <a:pt x="207" y="200"/>
                    </a:lnTo>
                    <a:lnTo>
                      <a:pt x="211" y="209"/>
                    </a:lnTo>
                    <a:lnTo>
                      <a:pt x="213" y="218"/>
                    </a:lnTo>
                    <a:lnTo>
                      <a:pt x="215" y="227"/>
                    </a:lnTo>
                    <a:lnTo>
                      <a:pt x="215" y="235"/>
                    </a:lnTo>
                    <a:lnTo>
                      <a:pt x="215" y="242"/>
                    </a:lnTo>
                    <a:lnTo>
                      <a:pt x="213" y="249"/>
                    </a:lnTo>
                    <a:lnTo>
                      <a:pt x="208" y="262"/>
                    </a:lnTo>
                    <a:lnTo>
                      <a:pt x="203" y="274"/>
                    </a:lnTo>
                    <a:lnTo>
                      <a:pt x="197" y="285"/>
                    </a:lnTo>
                    <a:lnTo>
                      <a:pt x="191" y="297"/>
                    </a:lnTo>
                    <a:lnTo>
                      <a:pt x="189" y="303"/>
                    </a:lnTo>
                    <a:lnTo>
                      <a:pt x="188" y="310"/>
                    </a:lnTo>
                    <a:lnTo>
                      <a:pt x="186" y="318"/>
                    </a:lnTo>
                    <a:lnTo>
                      <a:pt x="185" y="324"/>
                    </a:lnTo>
                    <a:lnTo>
                      <a:pt x="185" y="324"/>
                    </a:lnTo>
                    <a:lnTo>
                      <a:pt x="134" y="319"/>
                    </a:lnTo>
                    <a:lnTo>
                      <a:pt x="116" y="321"/>
                    </a:lnTo>
                    <a:lnTo>
                      <a:pt x="98" y="324"/>
                    </a:lnTo>
                    <a:lnTo>
                      <a:pt x="85" y="325"/>
                    </a:lnTo>
                    <a:lnTo>
                      <a:pt x="72" y="324"/>
                    </a:lnTo>
                    <a:lnTo>
                      <a:pt x="66" y="321"/>
                    </a:lnTo>
                    <a:lnTo>
                      <a:pt x="59" y="318"/>
                    </a:lnTo>
                    <a:lnTo>
                      <a:pt x="54" y="314"/>
                    </a:lnTo>
                    <a:lnTo>
                      <a:pt x="49" y="308"/>
                    </a:lnTo>
                    <a:lnTo>
                      <a:pt x="39" y="298"/>
                    </a:lnTo>
                    <a:lnTo>
                      <a:pt x="30" y="288"/>
                    </a:lnTo>
                    <a:lnTo>
                      <a:pt x="30" y="288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41" name="Freeform 160"/>
              <p:cNvSpPr>
                <a:spLocks/>
              </p:cNvSpPr>
              <p:nvPr/>
            </p:nvSpPr>
            <p:spPr bwMode="auto">
              <a:xfrm>
                <a:off x="6222229" y="3554939"/>
                <a:ext cx="457245" cy="438933"/>
              </a:xfrm>
              <a:custGeom>
                <a:avLst/>
                <a:gdLst/>
                <a:ahLst/>
                <a:cxnLst>
                  <a:cxn ang="0">
                    <a:pos x="321" y="93"/>
                  </a:cxn>
                  <a:cxn ang="0">
                    <a:pos x="341" y="100"/>
                  </a:cxn>
                  <a:cxn ang="0">
                    <a:pos x="368" y="92"/>
                  </a:cxn>
                  <a:cxn ang="0">
                    <a:pos x="412" y="79"/>
                  </a:cxn>
                  <a:cxn ang="0">
                    <a:pos x="495" y="69"/>
                  </a:cxn>
                  <a:cxn ang="0">
                    <a:pos x="540" y="47"/>
                  </a:cxn>
                  <a:cxn ang="0">
                    <a:pos x="578" y="27"/>
                  </a:cxn>
                  <a:cxn ang="0">
                    <a:pos x="617" y="19"/>
                  </a:cxn>
                  <a:cxn ang="0">
                    <a:pos x="692" y="34"/>
                  </a:cxn>
                  <a:cxn ang="0">
                    <a:pos x="760" y="75"/>
                  </a:cxn>
                  <a:cxn ang="0">
                    <a:pos x="819" y="127"/>
                  </a:cxn>
                  <a:cxn ang="0">
                    <a:pos x="885" y="201"/>
                  </a:cxn>
                  <a:cxn ang="0">
                    <a:pos x="896" y="229"/>
                  </a:cxn>
                  <a:cxn ang="0">
                    <a:pos x="927" y="346"/>
                  </a:cxn>
                  <a:cxn ang="0">
                    <a:pos x="964" y="443"/>
                  </a:cxn>
                  <a:cxn ang="0">
                    <a:pos x="995" y="501"/>
                  </a:cxn>
                  <a:cxn ang="0">
                    <a:pos x="999" y="574"/>
                  </a:cxn>
                  <a:cxn ang="0">
                    <a:pos x="973" y="640"/>
                  </a:cxn>
                  <a:cxn ang="0">
                    <a:pos x="869" y="712"/>
                  </a:cxn>
                  <a:cxn ang="0">
                    <a:pos x="829" y="745"/>
                  </a:cxn>
                  <a:cxn ang="0">
                    <a:pos x="800" y="794"/>
                  </a:cxn>
                  <a:cxn ang="0">
                    <a:pos x="794" y="863"/>
                  </a:cxn>
                  <a:cxn ang="0">
                    <a:pos x="819" y="934"/>
                  </a:cxn>
                  <a:cxn ang="0">
                    <a:pos x="823" y="973"/>
                  </a:cxn>
                  <a:cxn ang="0">
                    <a:pos x="764" y="943"/>
                  </a:cxn>
                  <a:cxn ang="0">
                    <a:pos x="683" y="939"/>
                  </a:cxn>
                  <a:cxn ang="0">
                    <a:pos x="659" y="916"/>
                  </a:cxn>
                  <a:cxn ang="0">
                    <a:pos x="635" y="865"/>
                  </a:cxn>
                  <a:cxn ang="0">
                    <a:pos x="617" y="837"/>
                  </a:cxn>
                  <a:cxn ang="0">
                    <a:pos x="556" y="773"/>
                  </a:cxn>
                  <a:cxn ang="0">
                    <a:pos x="528" y="683"/>
                  </a:cxn>
                  <a:cxn ang="0">
                    <a:pos x="512" y="640"/>
                  </a:cxn>
                  <a:cxn ang="0">
                    <a:pos x="488" y="637"/>
                  </a:cxn>
                  <a:cxn ang="0">
                    <a:pos x="444" y="681"/>
                  </a:cxn>
                  <a:cxn ang="0">
                    <a:pos x="414" y="708"/>
                  </a:cxn>
                  <a:cxn ang="0">
                    <a:pos x="394" y="707"/>
                  </a:cxn>
                  <a:cxn ang="0">
                    <a:pos x="376" y="684"/>
                  </a:cxn>
                  <a:cxn ang="0">
                    <a:pos x="355" y="620"/>
                  </a:cxn>
                  <a:cxn ang="0">
                    <a:pos x="352" y="532"/>
                  </a:cxn>
                  <a:cxn ang="0">
                    <a:pos x="335" y="512"/>
                  </a:cxn>
                  <a:cxn ang="0">
                    <a:pos x="295" y="500"/>
                  </a:cxn>
                  <a:cxn ang="0">
                    <a:pos x="252" y="478"/>
                  </a:cxn>
                  <a:cxn ang="0">
                    <a:pos x="228" y="439"/>
                  </a:cxn>
                  <a:cxn ang="0">
                    <a:pos x="210" y="395"/>
                  </a:cxn>
                  <a:cxn ang="0">
                    <a:pos x="166" y="359"/>
                  </a:cxn>
                  <a:cxn ang="0">
                    <a:pos x="144" y="332"/>
                  </a:cxn>
                  <a:cxn ang="0">
                    <a:pos x="146" y="275"/>
                  </a:cxn>
                  <a:cxn ang="0">
                    <a:pos x="148" y="245"/>
                  </a:cxn>
                  <a:cxn ang="0">
                    <a:pos x="138" y="225"/>
                  </a:cxn>
                  <a:cxn ang="0">
                    <a:pos x="119" y="219"/>
                  </a:cxn>
                  <a:cxn ang="0">
                    <a:pos x="89" y="228"/>
                  </a:cxn>
                  <a:cxn ang="0">
                    <a:pos x="52" y="240"/>
                  </a:cxn>
                  <a:cxn ang="0">
                    <a:pos x="26" y="229"/>
                  </a:cxn>
                  <a:cxn ang="0">
                    <a:pos x="10" y="203"/>
                  </a:cxn>
                  <a:cxn ang="0">
                    <a:pos x="1" y="142"/>
                  </a:cxn>
                  <a:cxn ang="0">
                    <a:pos x="35" y="97"/>
                  </a:cxn>
                  <a:cxn ang="0">
                    <a:pos x="80" y="37"/>
                  </a:cxn>
                  <a:cxn ang="0">
                    <a:pos x="154" y="9"/>
                  </a:cxn>
                  <a:cxn ang="0">
                    <a:pos x="223" y="0"/>
                  </a:cxn>
                </a:cxnLst>
                <a:rect l="0" t="0" r="r" b="b"/>
                <a:pathLst>
                  <a:path w="1001" h="973">
                    <a:moveTo>
                      <a:pt x="240" y="1"/>
                    </a:moveTo>
                    <a:lnTo>
                      <a:pt x="281" y="61"/>
                    </a:lnTo>
                    <a:lnTo>
                      <a:pt x="304" y="79"/>
                    </a:lnTo>
                    <a:lnTo>
                      <a:pt x="321" y="93"/>
                    </a:lnTo>
                    <a:lnTo>
                      <a:pt x="326" y="96"/>
                    </a:lnTo>
                    <a:lnTo>
                      <a:pt x="330" y="97"/>
                    </a:lnTo>
                    <a:lnTo>
                      <a:pt x="335" y="98"/>
                    </a:lnTo>
                    <a:lnTo>
                      <a:pt x="341" y="100"/>
                    </a:lnTo>
                    <a:lnTo>
                      <a:pt x="347" y="98"/>
                    </a:lnTo>
                    <a:lnTo>
                      <a:pt x="352" y="97"/>
                    </a:lnTo>
                    <a:lnTo>
                      <a:pt x="360" y="96"/>
                    </a:lnTo>
                    <a:lnTo>
                      <a:pt x="368" y="92"/>
                    </a:lnTo>
                    <a:lnTo>
                      <a:pt x="379" y="87"/>
                    </a:lnTo>
                    <a:lnTo>
                      <a:pt x="390" y="84"/>
                    </a:lnTo>
                    <a:lnTo>
                      <a:pt x="401" y="82"/>
                    </a:lnTo>
                    <a:lnTo>
                      <a:pt x="412" y="79"/>
                    </a:lnTo>
                    <a:lnTo>
                      <a:pt x="433" y="78"/>
                    </a:lnTo>
                    <a:lnTo>
                      <a:pt x="452" y="76"/>
                    </a:lnTo>
                    <a:lnTo>
                      <a:pt x="473" y="74"/>
                    </a:lnTo>
                    <a:lnTo>
                      <a:pt x="495" y="69"/>
                    </a:lnTo>
                    <a:lnTo>
                      <a:pt x="505" y="66"/>
                    </a:lnTo>
                    <a:lnTo>
                      <a:pt x="517" y="61"/>
                    </a:lnTo>
                    <a:lnTo>
                      <a:pt x="528" y="54"/>
                    </a:lnTo>
                    <a:lnTo>
                      <a:pt x="540" y="47"/>
                    </a:lnTo>
                    <a:lnTo>
                      <a:pt x="550" y="40"/>
                    </a:lnTo>
                    <a:lnTo>
                      <a:pt x="560" y="35"/>
                    </a:lnTo>
                    <a:lnTo>
                      <a:pt x="569" y="30"/>
                    </a:lnTo>
                    <a:lnTo>
                      <a:pt x="578" y="27"/>
                    </a:lnTo>
                    <a:lnTo>
                      <a:pt x="588" y="23"/>
                    </a:lnTo>
                    <a:lnTo>
                      <a:pt x="597" y="22"/>
                    </a:lnTo>
                    <a:lnTo>
                      <a:pt x="606" y="21"/>
                    </a:lnTo>
                    <a:lnTo>
                      <a:pt x="617" y="19"/>
                    </a:lnTo>
                    <a:lnTo>
                      <a:pt x="636" y="19"/>
                    </a:lnTo>
                    <a:lnTo>
                      <a:pt x="654" y="22"/>
                    </a:lnTo>
                    <a:lnTo>
                      <a:pt x="674" y="27"/>
                    </a:lnTo>
                    <a:lnTo>
                      <a:pt x="692" y="34"/>
                    </a:lnTo>
                    <a:lnTo>
                      <a:pt x="710" y="43"/>
                    </a:lnTo>
                    <a:lnTo>
                      <a:pt x="727" y="52"/>
                    </a:lnTo>
                    <a:lnTo>
                      <a:pt x="745" y="63"/>
                    </a:lnTo>
                    <a:lnTo>
                      <a:pt x="760" y="75"/>
                    </a:lnTo>
                    <a:lnTo>
                      <a:pt x="777" y="88"/>
                    </a:lnTo>
                    <a:lnTo>
                      <a:pt x="791" y="101"/>
                    </a:lnTo>
                    <a:lnTo>
                      <a:pt x="806" y="114"/>
                    </a:lnTo>
                    <a:lnTo>
                      <a:pt x="819" y="127"/>
                    </a:lnTo>
                    <a:lnTo>
                      <a:pt x="841" y="149"/>
                    </a:lnTo>
                    <a:lnTo>
                      <a:pt x="864" y="175"/>
                    </a:lnTo>
                    <a:lnTo>
                      <a:pt x="876" y="188"/>
                    </a:lnTo>
                    <a:lnTo>
                      <a:pt x="885" y="201"/>
                    </a:lnTo>
                    <a:lnTo>
                      <a:pt x="889" y="208"/>
                    </a:lnTo>
                    <a:lnTo>
                      <a:pt x="892" y="215"/>
                    </a:lnTo>
                    <a:lnTo>
                      <a:pt x="895" y="221"/>
                    </a:lnTo>
                    <a:lnTo>
                      <a:pt x="896" y="229"/>
                    </a:lnTo>
                    <a:lnTo>
                      <a:pt x="904" y="258"/>
                    </a:lnTo>
                    <a:lnTo>
                      <a:pt x="913" y="289"/>
                    </a:lnTo>
                    <a:lnTo>
                      <a:pt x="921" y="319"/>
                    </a:lnTo>
                    <a:lnTo>
                      <a:pt x="927" y="346"/>
                    </a:lnTo>
                    <a:lnTo>
                      <a:pt x="944" y="399"/>
                    </a:lnTo>
                    <a:lnTo>
                      <a:pt x="949" y="414"/>
                    </a:lnTo>
                    <a:lnTo>
                      <a:pt x="956" y="429"/>
                    </a:lnTo>
                    <a:lnTo>
                      <a:pt x="964" y="443"/>
                    </a:lnTo>
                    <a:lnTo>
                      <a:pt x="973" y="457"/>
                    </a:lnTo>
                    <a:lnTo>
                      <a:pt x="982" y="471"/>
                    </a:lnTo>
                    <a:lnTo>
                      <a:pt x="990" y="486"/>
                    </a:lnTo>
                    <a:lnTo>
                      <a:pt x="995" y="501"/>
                    </a:lnTo>
                    <a:lnTo>
                      <a:pt x="999" y="518"/>
                    </a:lnTo>
                    <a:lnTo>
                      <a:pt x="1001" y="538"/>
                    </a:lnTo>
                    <a:lnTo>
                      <a:pt x="1000" y="557"/>
                    </a:lnTo>
                    <a:lnTo>
                      <a:pt x="999" y="574"/>
                    </a:lnTo>
                    <a:lnTo>
                      <a:pt x="994" y="591"/>
                    </a:lnTo>
                    <a:lnTo>
                      <a:pt x="988" y="606"/>
                    </a:lnTo>
                    <a:lnTo>
                      <a:pt x="982" y="623"/>
                    </a:lnTo>
                    <a:lnTo>
                      <a:pt x="973" y="640"/>
                    </a:lnTo>
                    <a:lnTo>
                      <a:pt x="964" y="657"/>
                    </a:lnTo>
                    <a:lnTo>
                      <a:pt x="937" y="685"/>
                    </a:lnTo>
                    <a:lnTo>
                      <a:pt x="902" y="698"/>
                    </a:lnTo>
                    <a:lnTo>
                      <a:pt x="869" y="712"/>
                    </a:lnTo>
                    <a:lnTo>
                      <a:pt x="855" y="720"/>
                    </a:lnTo>
                    <a:lnTo>
                      <a:pt x="841" y="732"/>
                    </a:lnTo>
                    <a:lnTo>
                      <a:pt x="835" y="737"/>
                    </a:lnTo>
                    <a:lnTo>
                      <a:pt x="829" y="745"/>
                    </a:lnTo>
                    <a:lnTo>
                      <a:pt x="823" y="753"/>
                    </a:lnTo>
                    <a:lnTo>
                      <a:pt x="817" y="760"/>
                    </a:lnTo>
                    <a:lnTo>
                      <a:pt x="808" y="777"/>
                    </a:lnTo>
                    <a:lnTo>
                      <a:pt x="800" y="794"/>
                    </a:lnTo>
                    <a:lnTo>
                      <a:pt x="797" y="811"/>
                    </a:lnTo>
                    <a:lnTo>
                      <a:pt x="794" y="828"/>
                    </a:lnTo>
                    <a:lnTo>
                      <a:pt x="793" y="845"/>
                    </a:lnTo>
                    <a:lnTo>
                      <a:pt x="794" y="863"/>
                    </a:lnTo>
                    <a:lnTo>
                      <a:pt x="798" y="879"/>
                    </a:lnTo>
                    <a:lnTo>
                      <a:pt x="803" y="898"/>
                    </a:lnTo>
                    <a:lnTo>
                      <a:pt x="812" y="917"/>
                    </a:lnTo>
                    <a:lnTo>
                      <a:pt x="819" y="934"/>
                    </a:lnTo>
                    <a:lnTo>
                      <a:pt x="821" y="943"/>
                    </a:lnTo>
                    <a:lnTo>
                      <a:pt x="823" y="953"/>
                    </a:lnTo>
                    <a:lnTo>
                      <a:pt x="823" y="962"/>
                    </a:lnTo>
                    <a:lnTo>
                      <a:pt x="823" y="973"/>
                    </a:lnTo>
                    <a:lnTo>
                      <a:pt x="803" y="960"/>
                    </a:lnTo>
                    <a:lnTo>
                      <a:pt x="788" y="952"/>
                    </a:lnTo>
                    <a:lnTo>
                      <a:pt x="775" y="946"/>
                    </a:lnTo>
                    <a:lnTo>
                      <a:pt x="764" y="943"/>
                    </a:lnTo>
                    <a:lnTo>
                      <a:pt x="738" y="942"/>
                    </a:lnTo>
                    <a:lnTo>
                      <a:pt x="699" y="942"/>
                    </a:lnTo>
                    <a:lnTo>
                      <a:pt x="690" y="942"/>
                    </a:lnTo>
                    <a:lnTo>
                      <a:pt x="683" y="939"/>
                    </a:lnTo>
                    <a:lnTo>
                      <a:pt x="676" y="935"/>
                    </a:lnTo>
                    <a:lnTo>
                      <a:pt x="670" y="930"/>
                    </a:lnTo>
                    <a:lnTo>
                      <a:pt x="664" y="924"/>
                    </a:lnTo>
                    <a:lnTo>
                      <a:pt x="659" y="916"/>
                    </a:lnTo>
                    <a:lnTo>
                      <a:pt x="654" y="908"/>
                    </a:lnTo>
                    <a:lnTo>
                      <a:pt x="650" y="900"/>
                    </a:lnTo>
                    <a:lnTo>
                      <a:pt x="642" y="882"/>
                    </a:lnTo>
                    <a:lnTo>
                      <a:pt x="635" y="865"/>
                    </a:lnTo>
                    <a:lnTo>
                      <a:pt x="631" y="856"/>
                    </a:lnTo>
                    <a:lnTo>
                      <a:pt x="627" y="848"/>
                    </a:lnTo>
                    <a:lnTo>
                      <a:pt x="622" y="842"/>
                    </a:lnTo>
                    <a:lnTo>
                      <a:pt x="617" y="837"/>
                    </a:lnTo>
                    <a:lnTo>
                      <a:pt x="594" y="816"/>
                    </a:lnTo>
                    <a:lnTo>
                      <a:pt x="574" y="795"/>
                    </a:lnTo>
                    <a:lnTo>
                      <a:pt x="565" y="785"/>
                    </a:lnTo>
                    <a:lnTo>
                      <a:pt x="556" y="773"/>
                    </a:lnTo>
                    <a:lnTo>
                      <a:pt x="548" y="760"/>
                    </a:lnTo>
                    <a:lnTo>
                      <a:pt x="541" y="746"/>
                    </a:lnTo>
                    <a:lnTo>
                      <a:pt x="535" y="719"/>
                    </a:lnTo>
                    <a:lnTo>
                      <a:pt x="528" y="683"/>
                    </a:lnTo>
                    <a:lnTo>
                      <a:pt x="525" y="666"/>
                    </a:lnTo>
                    <a:lnTo>
                      <a:pt x="518" y="650"/>
                    </a:lnTo>
                    <a:lnTo>
                      <a:pt x="515" y="644"/>
                    </a:lnTo>
                    <a:lnTo>
                      <a:pt x="512" y="640"/>
                    </a:lnTo>
                    <a:lnTo>
                      <a:pt x="506" y="636"/>
                    </a:lnTo>
                    <a:lnTo>
                      <a:pt x="501" y="633"/>
                    </a:lnTo>
                    <a:lnTo>
                      <a:pt x="495" y="633"/>
                    </a:lnTo>
                    <a:lnTo>
                      <a:pt x="488" y="637"/>
                    </a:lnTo>
                    <a:lnTo>
                      <a:pt x="480" y="641"/>
                    </a:lnTo>
                    <a:lnTo>
                      <a:pt x="474" y="648"/>
                    </a:lnTo>
                    <a:lnTo>
                      <a:pt x="458" y="664"/>
                    </a:lnTo>
                    <a:lnTo>
                      <a:pt x="444" y="681"/>
                    </a:lnTo>
                    <a:lnTo>
                      <a:pt x="436" y="690"/>
                    </a:lnTo>
                    <a:lnTo>
                      <a:pt x="429" y="698"/>
                    </a:lnTo>
                    <a:lnTo>
                      <a:pt x="421" y="703"/>
                    </a:lnTo>
                    <a:lnTo>
                      <a:pt x="414" y="708"/>
                    </a:lnTo>
                    <a:lnTo>
                      <a:pt x="407" y="711"/>
                    </a:lnTo>
                    <a:lnTo>
                      <a:pt x="400" y="711"/>
                    </a:lnTo>
                    <a:lnTo>
                      <a:pt x="396" y="710"/>
                    </a:lnTo>
                    <a:lnTo>
                      <a:pt x="394" y="707"/>
                    </a:lnTo>
                    <a:lnTo>
                      <a:pt x="390" y="705"/>
                    </a:lnTo>
                    <a:lnTo>
                      <a:pt x="387" y="701"/>
                    </a:lnTo>
                    <a:lnTo>
                      <a:pt x="381" y="693"/>
                    </a:lnTo>
                    <a:lnTo>
                      <a:pt x="376" y="684"/>
                    </a:lnTo>
                    <a:lnTo>
                      <a:pt x="372" y="675"/>
                    </a:lnTo>
                    <a:lnTo>
                      <a:pt x="366" y="664"/>
                    </a:lnTo>
                    <a:lnTo>
                      <a:pt x="360" y="642"/>
                    </a:lnTo>
                    <a:lnTo>
                      <a:pt x="355" y="620"/>
                    </a:lnTo>
                    <a:lnTo>
                      <a:pt x="351" y="597"/>
                    </a:lnTo>
                    <a:lnTo>
                      <a:pt x="350" y="574"/>
                    </a:lnTo>
                    <a:lnTo>
                      <a:pt x="350" y="552"/>
                    </a:lnTo>
                    <a:lnTo>
                      <a:pt x="352" y="532"/>
                    </a:lnTo>
                    <a:lnTo>
                      <a:pt x="348" y="525"/>
                    </a:lnTo>
                    <a:lnTo>
                      <a:pt x="344" y="519"/>
                    </a:lnTo>
                    <a:lnTo>
                      <a:pt x="341" y="515"/>
                    </a:lnTo>
                    <a:lnTo>
                      <a:pt x="335" y="512"/>
                    </a:lnTo>
                    <a:lnTo>
                      <a:pt x="326" y="506"/>
                    </a:lnTo>
                    <a:lnTo>
                      <a:pt x="317" y="504"/>
                    </a:lnTo>
                    <a:lnTo>
                      <a:pt x="306" y="503"/>
                    </a:lnTo>
                    <a:lnTo>
                      <a:pt x="295" y="500"/>
                    </a:lnTo>
                    <a:lnTo>
                      <a:pt x="284" y="497"/>
                    </a:lnTo>
                    <a:lnTo>
                      <a:pt x="272" y="493"/>
                    </a:lnTo>
                    <a:lnTo>
                      <a:pt x="262" y="486"/>
                    </a:lnTo>
                    <a:lnTo>
                      <a:pt x="252" y="478"/>
                    </a:lnTo>
                    <a:lnTo>
                      <a:pt x="245" y="469"/>
                    </a:lnTo>
                    <a:lnTo>
                      <a:pt x="238" y="460"/>
                    </a:lnTo>
                    <a:lnTo>
                      <a:pt x="233" y="449"/>
                    </a:lnTo>
                    <a:lnTo>
                      <a:pt x="228" y="439"/>
                    </a:lnTo>
                    <a:lnTo>
                      <a:pt x="224" y="427"/>
                    </a:lnTo>
                    <a:lnTo>
                      <a:pt x="220" y="416"/>
                    </a:lnTo>
                    <a:lnTo>
                      <a:pt x="216" y="404"/>
                    </a:lnTo>
                    <a:lnTo>
                      <a:pt x="210" y="395"/>
                    </a:lnTo>
                    <a:lnTo>
                      <a:pt x="203" y="386"/>
                    </a:lnTo>
                    <a:lnTo>
                      <a:pt x="197" y="379"/>
                    </a:lnTo>
                    <a:lnTo>
                      <a:pt x="181" y="369"/>
                    </a:lnTo>
                    <a:lnTo>
                      <a:pt x="166" y="359"/>
                    </a:lnTo>
                    <a:lnTo>
                      <a:pt x="158" y="354"/>
                    </a:lnTo>
                    <a:lnTo>
                      <a:pt x="153" y="347"/>
                    </a:lnTo>
                    <a:lnTo>
                      <a:pt x="148" y="341"/>
                    </a:lnTo>
                    <a:lnTo>
                      <a:pt x="144" y="332"/>
                    </a:lnTo>
                    <a:lnTo>
                      <a:pt x="141" y="321"/>
                    </a:lnTo>
                    <a:lnTo>
                      <a:pt x="141" y="308"/>
                    </a:lnTo>
                    <a:lnTo>
                      <a:pt x="142" y="293"/>
                    </a:lnTo>
                    <a:lnTo>
                      <a:pt x="146" y="275"/>
                    </a:lnTo>
                    <a:lnTo>
                      <a:pt x="148" y="265"/>
                    </a:lnTo>
                    <a:lnTo>
                      <a:pt x="149" y="258"/>
                    </a:lnTo>
                    <a:lnTo>
                      <a:pt x="149" y="251"/>
                    </a:lnTo>
                    <a:lnTo>
                      <a:pt x="148" y="245"/>
                    </a:lnTo>
                    <a:lnTo>
                      <a:pt x="146" y="238"/>
                    </a:lnTo>
                    <a:lnTo>
                      <a:pt x="145" y="233"/>
                    </a:lnTo>
                    <a:lnTo>
                      <a:pt x="142" y="229"/>
                    </a:lnTo>
                    <a:lnTo>
                      <a:pt x="138" y="225"/>
                    </a:lnTo>
                    <a:lnTo>
                      <a:pt x="135" y="223"/>
                    </a:lnTo>
                    <a:lnTo>
                      <a:pt x="129" y="220"/>
                    </a:lnTo>
                    <a:lnTo>
                      <a:pt x="124" y="220"/>
                    </a:lnTo>
                    <a:lnTo>
                      <a:pt x="119" y="219"/>
                    </a:lnTo>
                    <a:lnTo>
                      <a:pt x="113" y="220"/>
                    </a:lnTo>
                    <a:lnTo>
                      <a:pt x="105" y="221"/>
                    </a:lnTo>
                    <a:lnTo>
                      <a:pt x="97" y="224"/>
                    </a:lnTo>
                    <a:lnTo>
                      <a:pt x="89" y="228"/>
                    </a:lnTo>
                    <a:lnTo>
                      <a:pt x="79" y="233"/>
                    </a:lnTo>
                    <a:lnTo>
                      <a:pt x="69" y="236"/>
                    </a:lnTo>
                    <a:lnTo>
                      <a:pt x="59" y="238"/>
                    </a:lnTo>
                    <a:lnTo>
                      <a:pt x="52" y="240"/>
                    </a:lnTo>
                    <a:lnTo>
                      <a:pt x="44" y="238"/>
                    </a:lnTo>
                    <a:lnTo>
                      <a:pt x="37" y="237"/>
                    </a:lnTo>
                    <a:lnTo>
                      <a:pt x="31" y="234"/>
                    </a:lnTo>
                    <a:lnTo>
                      <a:pt x="26" y="229"/>
                    </a:lnTo>
                    <a:lnTo>
                      <a:pt x="21" y="224"/>
                    </a:lnTo>
                    <a:lnTo>
                      <a:pt x="17" y="219"/>
                    </a:lnTo>
                    <a:lnTo>
                      <a:pt x="13" y="211"/>
                    </a:lnTo>
                    <a:lnTo>
                      <a:pt x="10" y="203"/>
                    </a:lnTo>
                    <a:lnTo>
                      <a:pt x="4" y="185"/>
                    </a:lnTo>
                    <a:lnTo>
                      <a:pt x="0" y="163"/>
                    </a:lnTo>
                    <a:lnTo>
                      <a:pt x="0" y="151"/>
                    </a:lnTo>
                    <a:lnTo>
                      <a:pt x="1" y="142"/>
                    </a:lnTo>
                    <a:lnTo>
                      <a:pt x="5" y="135"/>
                    </a:lnTo>
                    <a:lnTo>
                      <a:pt x="10" y="127"/>
                    </a:lnTo>
                    <a:lnTo>
                      <a:pt x="23" y="113"/>
                    </a:lnTo>
                    <a:lnTo>
                      <a:pt x="35" y="97"/>
                    </a:lnTo>
                    <a:lnTo>
                      <a:pt x="22" y="59"/>
                    </a:lnTo>
                    <a:lnTo>
                      <a:pt x="43" y="53"/>
                    </a:lnTo>
                    <a:lnTo>
                      <a:pt x="62" y="45"/>
                    </a:lnTo>
                    <a:lnTo>
                      <a:pt x="80" y="37"/>
                    </a:lnTo>
                    <a:lnTo>
                      <a:pt x="97" y="26"/>
                    </a:lnTo>
                    <a:lnTo>
                      <a:pt x="116" y="19"/>
                    </a:lnTo>
                    <a:lnTo>
                      <a:pt x="136" y="14"/>
                    </a:lnTo>
                    <a:lnTo>
                      <a:pt x="154" y="9"/>
                    </a:lnTo>
                    <a:lnTo>
                      <a:pt x="171" y="5"/>
                    </a:lnTo>
                    <a:lnTo>
                      <a:pt x="189" y="2"/>
                    </a:lnTo>
                    <a:lnTo>
                      <a:pt x="206" y="1"/>
                    </a:lnTo>
                    <a:lnTo>
                      <a:pt x="223" y="0"/>
                    </a:lnTo>
                    <a:lnTo>
                      <a:pt x="240" y="1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42" name="Freeform 161"/>
              <p:cNvSpPr>
                <a:spLocks/>
              </p:cNvSpPr>
              <p:nvPr/>
            </p:nvSpPr>
            <p:spPr bwMode="auto">
              <a:xfrm>
                <a:off x="6222229" y="3554939"/>
                <a:ext cx="457245" cy="438933"/>
              </a:xfrm>
              <a:custGeom>
                <a:avLst/>
                <a:gdLst/>
                <a:ahLst/>
                <a:cxnLst>
                  <a:cxn ang="0">
                    <a:pos x="321" y="93"/>
                  </a:cxn>
                  <a:cxn ang="0">
                    <a:pos x="341" y="100"/>
                  </a:cxn>
                  <a:cxn ang="0">
                    <a:pos x="368" y="92"/>
                  </a:cxn>
                  <a:cxn ang="0">
                    <a:pos x="412" y="79"/>
                  </a:cxn>
                  <a:cxn ang="0">
                    <a:pos x="495" y="69"/>
                  </a:cxn>
                  <a:cxn ang="0">
                    <a:pos x="540" y="47"/>
                  </a:cxn>
                  <a:cxn ang="0">
                    <a:pos x="578" y="27"/>
                  </a:cxn>
                  <a:cxn ang="0">
                    <a:pos x="617" y="19"/>
                  </a:cxn>
                  <a:cxn ang="0">
                    <a:pos x="692" y="34"/>
                  </a:cxn>
                  <a:cxn ang="0">
                    <a:pos x="760" y="75"/>
                  </a:cxn>
                  <a:cxn ang="0">
                    <a:pos x="819" y="127"/>
                  </a:cxn>
                  <a:cxn ang="0">
                    <a:pos x="885" y="201"/>
                  </a:cxn>
                  <a:cxn ang="0">
                    <a:pos x="896" y="229"/>
                  </a:cxn>
                  <a:cxn ang="0">
                    <a:pos x="927" y="346"/>
                  </a:cxn>
                  <a:cxn ang="0">
                    <a:pos x="956" y="429"/>
                  </a:cxn>
                  <a:cxn ang="0">
                    <a:pos x="990" y="486"/>
                  </a:cxn>
                  <a:cxn ang="0">
                    <a:pos x="1000" y="557"/>
                  </a:cxn>
                  <a:cxn ang="0">
                    <a:pos x="982" y="623"/>
                  </a:cxn>
                  <a:cxn ang="0">
                    <a:pos x="937" y="685"/>
                  </a:cxn>
                  <a:cxn ang="0">
                    <a:pos x="841" y="732"/>
                  </a:cxn>
                  <a:cxn ang="0">
                    <a:pos x="817" y="760"/>
                  </a:cxn>
                  <a:cxn ang="0">
                    <a:pos x="794" y="828"/>
                  </a:cxn>
                  <a:cxn ang="0">
                    <a:pos x="803" y="898"/>
                  </a:cxn>
                  <a:cxn ang="0">
                    <a:pos x="823" y="953"/>
                  </a:cxn>
                  <a:cxn ang="0">
                    <a:pos x="803" y="960"/>
                  </a:cxn>
                  <a:cxn ang="0">
                    <a:pos x="738" y="942"/>
                  </a:cxn>
                  <a:cxn ang="0">
                    <a:pos x="676" y="935"/>
                  </a:cxn>
                  <a:cxn ang="0">
                    <a:pos x="654" y="908"/>
                  </a:cxn>
                  <a:cxn ang="0">
                    <a:pos x="631" y="856"/>
                  </a:cxn>
                  <a:cxn ang="0">
                    <a:pos x="594" y="816"/>
                  </a:cxn>
                  <a:cxn ang="0">
                    <a:pos x="548" y="760"/>
                  </a:cxn>
                  <a:cxn ang="0">
                    <a:pos x="525" y="666"/>
                  </a:cxn>
                  <a:cxn ang="0">
                    <a:pos x="506" y="636"/>
                  </a:cxn>
                  <a:cxn ang="0">
                    <a:pos x="480" y="641"/>
                  </a:cxn>
                  <a:cxn ang="0">
                    <a:pos x="436" y="690"/>
                  </a:cxn>
                  <a:cxn ang="0">
                    <a:pos x="407" y="711"/>
                  </a:cxn>
                  <a:cxn ang="0">
                    <a:pos x="390" y="705"/>
                  </a:cxn>
                  <a:cxn ang="0">
                    <a:pos x="372" y="675"/>
                  </a:cxn>
                  <a:cxn ang="0">
                    <a:pos x="351" y="597"/>
                  </a:cxn>
                  <a:cxn ang="0">
                    <a:pos x="348" y="525"/>
                  </a:cxn>
                  <a:cxn ang="0">
                    <a:pos x="326" y="506"/>
                  </a:cxn>
                  <a:cxn ang="0">
                    <a:pos x="284" y="497"/>
                  </a:cxn>
                  <a:cxn ang="0">
                    <a:pos x="245" y="469"/>
                  </a:cxn>
                  <a:cxn ang="0">
                    <a:pos x="224" y="427"/>
                  </a:cxn>
                  <a:cxn ang="0">
                    <a:pos x="203" y="386"/>
                  </a:cxn>
                  <a:cxn ang="0">
                    <a:pos x="158" y="354"/>
                  </a:cxn>
                  <a:cxn ang="0">
                    <a:pos x="141" y="321"/>
                  </a:cxn>
                  <a:cxn ang="0">
                    <a:pos x="148" y="265"/>
                  </a:cxn>
                  <a:cxn ang="0">
                    <a:pos x="146" y="238"/>
                  </a:cxn>
                  <a:cxn ang="0">
                    <a:pos x="135" y="223"/>
                  </a:cxn>
                  <a:cxn ang="0">
                    <a:pos x="113" y="220"/>
                  </a:cxn>
                  <a:cxn ang="0">
                    <a:pos x="79" y="233"/>
                  </a:cxn>
                  <a:cxn ang="0">
                    <a:pos x="44" y="238"/>
                  </a:cxn>
                  <a:cxn ang="0">
                    <a:pos x="21" y="224"/>
                  </a:cxn>
                  <a:cxn ang="0">
                    <a:pos x="4" y="185"/>
                  </a:cxn>
                  <a:cxn ang="0">
                    <a:pos x="5" y="135"/>
                  </a:cxn>
                  <a:cxn ang="0">
                    <a:pos x="22" y="59"/>
                  </a:cxn>
                  <a:cxn ang="0">
                    <a:pos x="80" y="37"/>
                  </a:cxn>
                  <a:cxn ang="0">
                    <a:pos x="154" y="9"/>
                  </a:cxn>
                  <a:cxn ang="0">
                    <a:pos x="223" y="0"/>
                  </a:cxn>
                </a:cxnLst>
                <a:rect l="0" t="0" r="r" b="b"/>
                <a:pathLst>
                  <a:path w="1001" h="973">
                    <a:moveTo>
                      <a:pt x="240" y="1"/>
                    </a:moveTo>
                    <a:lnTo>
                      <a:pt x="281" y="61"/>
                    </a:lnTo>
                    <a:lnTo>
                      <a:pt x="304" y="79"/>
                    </a:lnTo>
                    <a:lnTo>
                      <a:pt x="321" y="93"/>
                    </a:lnTo>
                    <a:lnTo>
                      <a:pt x="326" y="96"/>
                    </a:lnTo>
                    <a:lnTo>
                      <a:pt x="330" y="97"/>
                    </a:lnTo>
                    <a:lnTo>
                      <a:pt x="335" y="98"/>
                    </a:lnTo>
                    <a:lnTo>
                      <a:pt x="341" y="100"/>
                    </a:lnTo>
                    <a:lnTo>
                      <a:pt x="347" y="98"/>
                    </a:lnTo>
                    <a:lnTo>
                      <a:pt x="352" y="97"/>
                    </a:lnTo>
                    <a:lnTo>
                      <a:pt x="360" y="96"/>
                    </a:lnTo>
                    <a:lnTo>
                      <a:pt x="368" y="92"/>
                    </a:lnTo>
                    <a:lnTo>
                      <a:pt x="379" y="87"/>
                    </a:lnTo>
                    <a:lnTo>
                      <a:pt x="390" y="84"/>
                    </a:lnTo>
                    <a:lnTo>
                      <a:pt x="401" y="82"/>
                    </a:lnTo>
                    <a:lnTo>
                      <a:pt x="412" y="79"/>
                    </a:lnTo>
                    <a:lnTo>
                      <a:pt x="433" y="78"/>
                    </a:lnTo>
                    <a:lnTo>
                      <a:pt x="452" y="76"/>
                    </a:lnTo>
                    <a:lnTo>
                      <a:pt x="473" y="74"/>
                    </a:lnTo>
                    <a:lnTo>
                      <a:pt x="495" y="69"/>
                    </a:lnTo>
                    <a:lnTo>
                      <a:pt x="505" y="66"/>
                    </a:lnTo>
                    <a:lnTo>
                      <a:pt x="517" y="61"/>
                    </a:lnTo>
                    <a:lnTo>
                      <a:pt x="528" y="54"/>
                    </a:lnTo>
                    <a:lnTo>
                      <a:pt x="540" y="47"/>
                    </a:lnTo>
                    <a:lnTo>
                      <a:pt x="550" y="40"/>
                    </a:lnTo>
                    <a:lnTo>
                      <a:pt x="560" y="35"/>
                    </a:lnTo>
                    <a:lnTo>
                      <a:pt x="569" y="30"/>
                    </a:lnTo>
                    <a:lnTo>
                      <a:pt x="578" y="27"/>
                    </a:lnTo>
                    <a:lnTo>
                      <a:pt x="588" y="23"/>
                    </a:lnTo>
                    <a:lnTo>
                      <a:pt x="597" y="22"/>
                    </a:lnTo>
                    <a:lnTo>
                      <a:pt x="606" y="21"/>
                    </a:lnTo>
                    <a:lnTo>
                      <a:pt x="617" y="19"/>
                    </a:lnTo>
                    <a:lnTo>
                      <a:pt x="636" y="19"/>
                    </a:lnTo>
                    <a:lnTo>
                      <a:pt x="654" y="22"/>
                    </a:lnTo>
                    <a:lnTo>
                      <a:pt x="674" y="27"/>
                    </a:lnTo>
                    <a:lnTo>
                      <a:pt x="692" y="34"/>
                    </a:lnTo>
                    <a:lnTo>
                      <a:pt x="710" y="43"/>
                    </a:lnTo>
                    <a:lnTo>
                      <a:pt x="727" y="52"/>
                    </a:lnTo>
                    <a:lnTo>
                      <a:pt x="745" y="63"/>
                    </a:lnTo>
                    <a:lnTo>
                      <a:pt x="760" y="75"/>
                    </a:lnTo>
                    <a:lnTo>
                      <a:pt x="777" y="88"/>
                    </a:lnTo>
                    <a:lnTo>
                      <a:pt x="791" y="101"/>
                    </a:lnTo>
                    <a:lnTo>
                      <a:pt x="806" y="114"/>
                    </a:lnTo>
                    <a:lnTo>
                      <a:pt x="819" y="127"/>
                    </a:lnTo>
                    <a:lnTo>
                      <a:pt x="841" y="149"/>
                    </a:lnTo>
                    <a:lnTo>
                      <a:pt x="864" y="175"/>
                    </a:lnTo>
                    <a:lnTo>
                      <a:pt x="876" y="188"/>
                    </a:lnTo>
                    <a:lnTo>
                      <a:pt x="885" y="201"/>
                    </a:lnTo>
                    <a:lnTo>
                      <a:pt x="889" y="208"/>
                    </a:lnTo>
                    <a:lnTo>
                      <a:pt x="892" y="215"/>
                    </a:lnTo>
                    <a:lnTo>
                      <a:pt x="895" y="221"/>
                    </a:lnTo>
                    <a:lnTo>
                      <a:pt x="896" y="229"/>
                    </a:lnTo>
                    <a:lnTo>
                      <a:pt x="904" y="258"/>
                    </a:lnTo>
                    <a:lnTo>
                      <a:pt x="913" y="289"/>
                    </a:lnTo>
                    <a:lnTo>
                      <a:pt x="921" y="319"/>
                    </a:lnTo>
                    <a:lnTo>
                      <a:pt x="927" y="346"/>
                    </a:lnTo>
                    <a:lnTo>
                      <a:pt x="944" y="399"/>
                    </a:lnTo>
                    <a:lnTo>
                      <a:pt x="944" y="399"/>
                    </a:lnTo>
                    <a:lnTo>
                      <a:pt x="949" y="414"/>
                    </a:lnTo>
                    <a:lnTo>
                      <a:pt x="956" y="429"/>
                    </a:lnTo>
                    <a:lnTo>
                      <a:pt x="964" y="443"/>
                    </a:lnTo>
                    <a:lnTo>
                      <a:pt x="973" y="457"/>
                    </a:lnTo>
                    <a:lnTo>
                      <a:pt x="982" y="471"/>
                    </a:lnTo>
                    <a:lnTo>
                      <a:pt x="990" y="486"/>
                    </a:lnTo>
                    <a:lnTo>
                      <a:pt x="995" y="501"/>
                    </a:lnTo>
                    <a:lnTo>
                      <a:pt x="999" y="518"/>
                    </a:lnTo>
                    <a:lnTo>
                      <a:pt x="1001" y="538"/>
                    </a:lnTo>
                    <a:lnTo>
                      <a:pt x="1000" y="557"/>
                    </a:lnTo>
                    <a:lnTo>
                      <a:pt x="999" y="574"/>
                    </a:lnTo>
                    <a:lnTo>
                      <a:pt x="994" y="591"/>
                    </a:lnTo>
                    <a:lnTo>
                      <a:pt x="988" y="606"/>
                    </a:lnTo>
                    <a:lnTo>
                      <a:pt x="982" y="623"/>
                    </a:lnTo>
                    <a:lnTo>
                      <a:pt x="973" y="640"/>
                    </a:lnTo>
                    <a:lnTo>
                      <a:pt x="964" y="657"/>
                    </a:lnTo>
                    <a:lnTo>
                      <a:pt x="937" y="685"/>
                    </a:lnTo>
                    <a:lnTo>
                      <a:pt x="937" y="685"/>
                    </a:lnTo>
                    <a:lnTo>
                      <a:pt x="902" y="698"/>
                    </a:lnTo>
                    <a:lnTo>
                      <a:pt x="869" y="712"/>
                    </a:lnTo>
                    <a:lnTo>
                      <a:pt x="855" y="720"/>
                    </a:lnTo>
                    <a:lnTo>
                      <a:pt x="841" y="732"/>
                    </a:lnTo>
                    <a:lnTo>
                      <a:pt x="835" y="737"/>
                    </a:lnTo>
                    <a:lnTo>
                      <a:pt x="829" y="745"/>
                    </a:lnTo>
                    <a:lnTo>
                      <a:pt x="823" y="753"/>
                    </a:lnTo>
                    <a:lnTo>
                      <a:pt x="817" y="760"/>
                    </a:lnTo>
                    <a:lnTo>
                      <a:pt x="808" y="777"/>
                    </a:lnTo>
                    <a:lnTo>
                      <a:pt x="800" y="794"/>
                    </a:lnTo>
                    <a:lnTo>
                      <a:pt x="797" y="811"/>
                    </a:lnTo>
                    <a:lnTo>
                      <a:pt x="794" y="828"/>
                    </a:lnTo>
                    <a:lnTo>
                      <a:pt x="793" y="845"/>
                    </a:lnTo>
                    <a:lnTo>
                      <a:pt x="794" y="863"/>
                    </a:lnTo>
                    <a:lnTo>
                      <a:pt x="798" y="879"/>
                    </a:lnTo>
                    <a:lnTo>
                      <a:pt x="803" y="898"/>
                    </a:lnTo>
                    <a:lnTo>
                      <a:pt x="812" y="917"/>
                    </a:lnTo>
                    <a:lnTo>
                      <a:pt x="819" y="934"/>
                    </a:lnTo>
                    <a:lnTo>
                      <a:pt x="821" y="943"/>
                    </a:lnTo>
                    <a:lnTo>
                      <a:pt x="823" y="953"/>
                    </a:lnTo>
                    <a:lnTo>
                      <a:pt x="823" y="962"/>
                    </a:lnTo>
                    <a:lnTo>
                      <a:pt x="823" y="973"/>
                    </a:lnTo>
                    <a:lnTo>
                      <a:pt x="823" y="973"/>
                    </a:lnTo>
                    <a:lnTo>
                      <a:pt x="803" y="960"/>
                    </a:lnTo>
                    <a:lnTo>
                      <a:pt x="788" y="952"/>
                    </a:lnTo>
                    <a:lnTo>
                      <a:pt x="775" y="946"/>
                    </a:lnTo>
                    <a:lnTo>
                      <a:pt x="764" y="943"/>
                    </a:lnTo>
                    <a:lnTo>
                      <a:pt x="738" y="942"/>
                    </a:lnTo>
                    <a:lnTo>
                      <a:pt x="699" y="942"/>
                    </a:lnTo>
                    <a:lnTo>
                      <a:pt x="690" y="942"/>
                    </a:lnTo>
                    <a:lnTo>
                      <a:pt x="683" y="939"/>
                    </a:lnTo>
                    <a:lnTo>
                      <a:pt x="676" y="935"/>
                    </a:lnTo>
                    <a:lnTo>
                      <a:pt x="670" y="930"/>
                    </a:lnTo>
                    <a:lnTo>
                      <a:pt x="664" y="924"/>
                    </a:lnTo>
                    <a:lnTo>
                      <a:pt x="659" y="916"/>
                    </a:lnTo>
                    <a:lnTo>
                      <a:pt x="654" y="908"/>
                    </a:lnTo>
                    <a:lnTo>
                      <a:pt x="650" y="900"/>
                    </a:lnTo>
                    <a:lnTo>
                      <a:pt x="642" y="882"/>
                    </a:lnTo>
                    <a:lnTo>
                      <a:pt x="635" y="865"/>
                    </a:lnTo>
                    <a:lnTo>
                      <a:pt x="631" y="856"/>
                    </a:lnTo>
                    <a:lnTo>
                      <a:pt x="627" y="848"/>
                    </a:lnTo>
                    <a:lnTo>
                      <a:pt x="622" y="842"/>
                    </a:lnTo>
                    <a:lnTo>
                      <a:pt x="617" y="837"/>
                    </a:lnTo>
                    <a:lnTo>
                      <a:pt x="594" y="816"/>
                    </a:lnTo>
                    <a:lnTo>
                      <a:pt x="574" y="795"/>
                    </a:lnTo>
                    <a:lnTo>
                      <a:pt x="565" y="785"/>
                    </a:lnTo>
                    <a:lnTo>
                      <a:pt x="556" y="773"/>
                    </a:lnTo>
                    <a:lnTo>
                      <a:pt x="548" y="760"/>
                    </a:lnTo>
                    <a:lnTo>
                      <a:pt x="541" y="746"/>
                    </a:lnTo>
                    <a:lnTo>
                      <a:pt x="535" y="719"/>
                    </a:lnTo>
                    <a:lnTo>
                      <a:pt x="528" y="683"/>
                    </a:lnTo>
                    <a:lnTo>
                      <a:pt x="525" y="666"/>
                    </a:lnTo>
                    <a:lnTo>
                      <a:pt x="518" y="650"/>
                    </a:lnTo>
                    <a:lnTo>
                      <a:pt x="515" y="644"/>
                    </a:lnTo>
                    <a:lnTo>
                      <a:pt x="512" y="640"/>
                    </a:lnTo>
                    <a:lnTo>
                      <a:pt x="506" y="636"/>
                    </a:lnTo>
                    <a:lnTo>
                      <a:pt x="501" y="633"/>
                    </a:lnTo>
                    <a:lnTo>
                      <a:pt x="495" y="633"/>
                    </a:lnTo>
                    <a:lnTo>
                      <a:pt x="488" y="637"/>
                    </a:lnTo>
                    <a:lnTo>
                      <a:pt x="480" y="641"/>
                    </a:lnTo>
                    <a:lnTo>
                      <a:pt x="474" y="648"/>
                    </a:lnTo>
                    <a:lnTo>
                      <a:pt x="458" y="664"/>
                    </a:lnTo>
                    <a:lnTo>
                      <a:pt x="444" y="681"/>
                    </a:lnTo>
                    <a:lnTo>
                      <a:pt x="436" y="690"/>
                    </a:lnTo>
                    <a:lnTo>
                      <a:pt x="429" y="698"/>
                    </a:lnTo>
                    <a:lnTo>
                      <a:pt x="421" y="703"/>
                    </a:lnTo>
                    <a:lnTo>
                      <a:pt x="414" y="708"/>
                    </a:lnTo>
                    <a:lnTo>
                      <a:pt x="407" y="711"/>
                    </a:lnTo>
                    <a:lnTo>
                      <a:pt x="400" y="711"/>
                    </a:lnTo>
                    <a:lnTo>
                      <a:pt x="396" y="710"/>
                    </a:lnTo>
                    <a:lnTo>
                      <a:pt x="394" y="707"/>
                    </a:lnTo>
                    <a:lnTo>
                      <a:pt x="390" y="705"/>
                    </a:lnTo>
                    <a:lnTo>
                      <a:pt x="387" y="701"/>
                    </a:lnTo>
                    <a:lnTo>
                      <a:pt x="381" y="693"/>
                    </a:lnTo>
                    <a:lnTo>
                      <a:pt x="376" y="684"/>
                    </a:lnTo>
                    <a:lnTo>
                      <a:pt x="372" y="675"/>
                    </a:lnTo>
                    <a:lnTo>
                      <a:pt x="366" y="664"/>
                    </a:lnTo>
                    <a:lnTo>
                      <a:pt x="360" y="642"/>
                    </a:lnTo>
                    <a:lnTo>
                      <a:pt x="355" y="620"/>
                    </a:lnTo>
                    <a:lnTo>
                      <a:pt x="351" y="597"/>
                    </a:lnTo>
                    <a:lnTo>
                      <a:pt x="350" y="574"/>
                    </a:lnTo>
                    <a:lnTo>
                      <a:pt x="350" y="552"/>
                    </a:lnTo>
                    <a:lnTo>
                      <a:pt x="352" y="532"/>
                    </a:lnTo>
                    <a:lnTo>
                      <a:pt x="348" y="525"/>
                    </a:lnTo>
                    <a:lnTo>
                      <a:pt x="344" y="519"/>
                    </a:lnTo>
                    <a:lnTo>
                      <a:pt x="341" y="515"/>
                    </a:lnTo>
                    <a:lnTo>
                      <a:pt x="335" y="512"/>
                    </a:lnTo>
                    <a:lnTo>
                      <a:pt x="326" y="506"/>
                    </a:lnTo>
                    <a:lnTo>
                      <a:pt x="317" y="504"/>
                    </a:lnTo>
                    <a:lnTo>
                      <a:pt x="306" y="503"/>
                    </a:lnTo>
                    <a:lnTo>
                      <a:pt x="295" y="500"/>
                    </a:lnTo>
                    <a:lnTo>
                      <a:pt x="284" y="497"/>
                    </a:lnTo>
                    <a:lnTo>
                      <a:pt x="272" y="493"/>
                    </a:lnTo>
                    <a:lnTo>
                      <a:pt x="262" y="486"/>
                    </a:lnTo>
                    <a:lnTo>
                      <a:pt x="252" y="478"/>
                    </a:lnTo>
                    <a:lnTo>
                      <a:pt x="245" y="469"/>
                    </a:lnTo>
                    <a:lnTo>
                      <a:pt x="238" y="460"/>
                    </a:lnTo>
                    <a:lnTo>
                      <a:pt x="233" y="449"/>
                    </a:lnTo>
                    <a:lnTo>
                      <a:pt x="228" y="439"/>
                    </a:lnTo>
                    <a:lnTo>
                      <a:pt x="224" y="427"/>
                    </a:lnTo>
                    <a:lnTo>
                      <a:pt x="220" y="416"/>
                    </a:lnTo>
                    <a:lnTo>
                      <a:pt x="216" y="404"/>
                    </a:lnTo>
                    <a:lnTo>
                      <a:pt x="210" y="395"/>
                    </a:lnTo>
                    <a:lnTo>
                      <a:pt x="203" y="386"/>
                    </a:lnTo>
                    <a:lnTo>
                      <a:pt x="197" y="379"/>
                    </a:lnTo>
                    <a:lnTo>
                      <a:pt x="181" y="369"/>
                    </a:lnTo>
                    <a:lnTo>
                      <a:pt x="166" y="359"/>
                    </a:lnTo>
                    <a:lnTo>
                      <a:pt x="158" y="354"/>
                    </a:lnTo>
                    <a:lnTo>
                      <a:pt x="153" y="347"/>
                    </a:lnTo>
                    <a:lnTo>
                      <a:pt x="148" y="341"/>
                    </a:lnTo>
                    <a:lnTo>
                      <a:pt x="144" y="332"/>
                    </a:lnTo>
                    <a:lnTo>
                      <a:pt x="141" y="321"/>
                    </a:lnTo>
                    <a:lnTo>
                      <a:pt x="141" y="308"/>
                    </a:lnTo>
                    <a:lnTo>
                      <a:pt x="142" y="293"/>
                    </a:lnTo>
                    <a:lnTo>
                      <a:pt x="146" y="275"/>
                    </a:lnTo>
                    <a:lnTo>
                      <a:pt x="148" y="265"/>
                    </a:lnTo>
                    <a:lnTo>
                      <a:pt x="149" y="258"/>
                    </a:lnTo>
                    <a:lnTo>
                      <a:pt x="149" y="251"/>
                    </a:lnTo>
                    <a:lnTo>
                      <a:pt x="148" y="245"/>
                    </a:lnTo>
                    <a:lnTo>
                      <a:pt x="146" y="238"/>
                    </a:lnTo>
                    <a:lnTo>
                      <a:pt x="145" y="233"/>
                    </a:lnTo>
                    <a:lnTo>
                      <a:pt x="142" y="229"/>
                    </a:lnTo>
                    <a:lnTo>
                      <a:pt x="138" y="225"/>
                    </a:lnTo>
                    <a:lnTo>
                      <a:pt x="135" y="223"/>
                    </a:lnTo>
                    <a:lnTo>
                      <a:pt x="129" y="220"/>
                    </a:lnTo>
                    <a:lnTo>
                      <a:pt x="124" y="220"/>
                    </a:lnTo>
                    <a:lnTo>
                      <a:pt x="119" y="219"/>
                    </a:lnTo>
                    <a:lnTo>
                      <a:pt x="113" y="220"/>
                    </a:lnTo>
                    <a:lnTo>
                      <a:pt x="105" y="221"/>
                    </a:lnTo>
                    <a:lnTo>
                      <a:pt x="97" y="224"/>
                    </a:lnTo>
                    <a:lnTo>
                      <a:pt x="89" y="228"/>
                    </a:lnTo>
                    <a:lnTo>
                      <a:pt x="79" y="233"/>
                    </a:lnTo>
                    <a:lnTo>
                      <a:pt x="69" y="236"/>
                    </a:lnTo>
                    <a:lnTo>
                      <a:pt x="59" y="238"/>
                    </a:lnTo>
                    <a:lnTo>
                      <a:pt x="52" y="240"/>
                    </a:lnTo>
                    <a:lnTo>
                      <a:pt x="44" y="238"/>
                    </a:lnTo>
                    <a:lnTo>
                      <a:pt x="37" y="237"/>
                    </a:lnTo>
                    <a:lnTo>
                      <a:pt x="31" y="234"/>
                    </a:lnTo>
                    <a:lnTo>
                      <a:pt x="26" y="229"/>
                    </a:lnTo>
                    <a:lnTo>
                      <a:pt x="21" y="224"/>
                    </a:lnTo>
                    <a:lnTo>
                      <a:pt x="17" y="219"/>
                    </a:lnTo>
                    <a:lnTo>
                      <a:pt x="13" y="211"/>
                    </a:lnTo>
                    <a:lnTo>
                      <a:pt x="10" y="203"/>
                    </a:lnTo>
                    <a:lnTo>
                      <a:pt x="4" y="185"/>
                    </a:lnTo>
                    <a:lnTo>
                      <a:pt x="0" y="163"/>
                    </a:lnTo>
                    <a:lnTo>
                      <a:pt x="0" y="151"/>
                    </a:lnTo>
                    <a:lnTo>
                      <a:pt x="1" y="142"/>
                    </a:lnTo>
                    <a:lnTo>
                      <a:pt x="5" y="135"/>
                    </a:lnTo>
                    <a:lnTo>
                      <a:pt x="10" y="127"/>
                    </a:lnTo>
                    <a:lnTo>
                      <a:pt x="23" y="113"/>
                    </a:lnTo>
                    <a:lnTo>
                      <a:pt x="35" y="97"/>
                    </a:lnTo>
                    <a:lnTo>
                      <a:pt x="22" y="59"/>
                    </a:lnTo>
                    <a:lnTo>
                      <a:pt x="22" y="59"/>
                    </a:lnTo>
                    <a:lnTo>
                      <a:pt x="43" y="53"/>
                    </a:lnTo>
                    <a:lnTo>
                      <a:pt x="62" y="45"/>
                    </a:lnTo>
                    <a:lnTo>
                      <a:pt x="80" y="37"/>
                    </a:lnTo>
                    <a:lnTo>
                      <a:pt x="97" y="26"/>
                    </a:lnTo>
                    <a:lnTo>
                      <a:pt x="116" y="19"/>
                    </a:lnTo>
                    <a:lnTo>
                      <a:pt x="136" y="14"/>
                    </a:lnTo>
                    <a:lnTo>
                      <a:pt x="154" y="9"/>
                    </a:lnTo>
                    <a:lnTo>
                      <a:pt x="171" y="5"/>
                    </a:lnTo>
                    <a:lnTo>
                      <a:pt x="189" y="2"/>
                    </a:lnTo>
                    <a:lnTo>
                      <a:pt x="206" y="1"/>
                    </a:lnTo>
                    <a:lnTo>
                      <a:pt x="223" y="0"/>
                    </a:lnTo>
                    <a:lnTo>
                      <a:pt x="240" y="1"/>
                    </a:lnTo>
                    <a:lnTo>
                      <a:pt x="240" y="1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43" name="Freeform 183"/>
              <p:cNvSpPr>
                <a:spLocks noEditPoints="1"/>
              </p:cNvSpPr>
              <p:nvPr/>
            </p:nvSpPr>
            <p:spPr bwMode="auto">
              <a:xfrm>
                <a:off x="6548313" y="4615239"/>
                <a:ext cx="1741536" cy="2234399"/>
              </a:xfrm>
              <a:custGeom>
                <a:avLst/>
                <a:gdLst/>
                <a:ahLst/>
                <a:cxnLst>
                  <a:cxn ang="0">
                    <a:pos x="2589" y="4631"/>
                  </a:cxn>
                  <a:cxn ang="0">
                    <a:pos x="2558" y="4944"/>
                  </a:cxn>
                  <a:cxn ang="0">
                    <a:pos x="2297" y="4745"/>
                  </a:cxn>
                  <a:cxn ang="0">
                    <a:pos x="1892" y="4523"/>
                  </a:cxn>
                  <a:cxn ang="0">
                    <a:pos x="1618" y="4360"/>
                  </a:cxn>
                  <a:cxn ang="0">
                    <a:pos x="1853" y="4203"/>
                  </a:cxn>
                  <a:cxn ang="0">
                    <a:pos x="2125" y="4339"/>
                  </a:cxn>
                  <a:cxn ang="0">
                    <a:pos x="2620" y="4266"/>
                  </a:cxn>
                  <a:cxn ang="0">
                    <a:pos x="696" y="3236"/>
                  </a:cxn>
                  <a:cxn ang="0">
                    <a:pos x="763" y="2856"/>
                  </a:cxn>
                  <a:cxn ang="0">
                    <a:pos x="696" y="2741"/>
                  </a:cxn>
                  <a:cxn ang="0">
                    <a:pos x="578" y="2642"/>
                  </a:cxn>
                  <a:cxn ang="0">
                    <a:pos x="209" y="2753"/>
                  </a:cxn>
                  <a:cxn ang="0">
                    <a:pos x="276" y="2920"/>
                  </a:cxn>
                  <a:cxn ang="0">
                    <a:pos x="254" y="3209"/>
                  </a:cxn>
                  <a:cxn ang="0">
                    <a:pos x="253" y="3320"/>
                  </a:cxn>
                  <a:cxn ang="0">
                    <a:pos x="190" y="3563"/>
                  </a:cxn>
                  <a:cxn ang="0">
                    <a:pos x="381" y="3692"/>
                  </a:cxn>
                  <a:cxn ang="0">
                    <a:pos x="462" y="3482"/>
                  </a:cxn>
                  <a:cxn ang="0">
                    <a:pos x="1003" y="1969"/>
                  </a:cxn>
                  <a:cxn ang="0">
                    <a:pos x="1089" y="2009"/>
                  </a:cxn>
                  <a:cxn ang="0">
                    <a:pos x="1844" y="1561"/>
                  </a:cxn>
                  <a:cxn ang="0">
                    <a:pos x="477" y="379"/>
                  </a:cxn>
                  <a:cxn ang="0">
                    <a:pos x="655" y="307"/>
                  </a:cxn>
                  <a:cxn ang="0">
                    <a:pos x="914" y="298"/>
                  </a:cxn>
                  <a:cxn ang="0">
                    <a:pos x="1159" y="321"/>
                  </a:cxn>
                  <a:cxn ang="0">
                    <a:pos x="1286" y="194"/>
                  </a:cxn>
                  <a:cxn ang="0">
                    <a:pos x="1606" y="1"/>
                  </a:cxn>
                  <a:cxn ang="0">
                    <a:pos x="1985" y="232"/>
                  </a:cxn>
                  <a:cxn ang="0">
                    <a:pos x="2312" y="449"/>
                  </a:cxn>
                  <a:cxn ang="0">
                    <a:pos x="2350" y="781"/>
                  </a:cxn>
                  <a:cxn ang="0">
                    <a:pos x="2093" y="739"/>
                  </a:cxn>
                  <a:cxn ang="0">
                    <a:pos x="1918" y="796"/>
                  </a:cxn>
                  <a:cxn ang="0">
                    <a:pos x="1830" y="943"/>
                  </a:cxn>
                  <a:cxn ang="0">
                    <a:pos x="1787" y="1176"/>
                  </a:cxn>
                  <a:cxn ang="0">
                    <a:pos x="2213" y="1719"/>
                  </a:cxn>
                  <a:cxn ang="0">
                    <a:pos x="2433" y="2317"/>
                  </a:cxn>
                  <a:cxn ang="0">
                    <a:pos x="2836" y="2539"/>
                  </a:cxn>
                  <a:cxn ang="0">
                    <a:pos x="2962" y="2721"/>
                  </a:cxn>
                  <a:cxn ang="0">
                    <a:pos x="3826" y="3355"/>
                  </a:cxn>
                  <a:cxn ang="0">
                    <a:pos x="3690" y="3433"/>
                  </a:cxn>
                  <a:cxn ang="0">
                    <a:pos x="3409" y="3224"/>
                  </a:cxn>
                  <a:cxn ang="0">
                    <a:pos x="3220" y="3624"/>
                  </a:cxn>
                  <a:cxn ang="0">
                    <a:pos x="3283" y="3931"/>
                  </a:cxn>
                  <a:cxn ang="0">
                    <a:pos x="3089" y="4214"/>
                  </a:cxn>
                  <a:cxn ang="0">
                    <a:pos x="2799" y="4341"/>
                  </a:cxn>
                  <a:cxn ang="0">
                    <a:pos x="2865" y="4088"/>
                  </a:cxn>
                  <a:cxn ang="0">
                    <a:pos x="2990" y="3864"/>
                  </a:cxn>
                  <a:cxn ang="0">
                    <a:pos x="2880" y="3468"/>
                  </a:cxn>
                  <a:cxn ang="0">
                    <a:pos x="2667" y="3389"/>
                  </a:cxn>
                  <a:cxn ang="0">
                    <a:pos x="2525" y="3123"/>
                  </a:cxn>
                  <a:cxn ang="0">
                    <a:pos x="2375" y="3025"/>
                  </a:cxn>
                  <a:cxn ang="0">
                    <a:pos x="2097" y="2780"/>
                  </a:cxn>
                  <a:cxn ang="0">
                    <a:pos x="1683" y="2479"/>
                  </a:cxn>
                  <a:cxn ang="0">
                    <a:pos x="1358" y="2201"/>
                  </a:cxn>
                  <a:cxn ang="0">
                    <a:pos x="1201" y="1926"/>
                  </a:cxn>
                  <a:cxn ang="0">
                    <a:pos x="1065" y="1567"/>
                  </a:cxn>
                  <a:cxn ang="0">
                    <a:pos x="810" y="1214"/>
                  </a:cxn>
                  <a:cxn ang="0">
                    <a:pos x="456" y="1249"/>
                  </a:cxn>
                  <a:cxn ang="0">
                    <a:pos x="195" y="1220"/>
                  </a:cxn>
                  <a:cxn ang="0">
                    <a:pos x="66" y="901"/>
                  </a:cxn>
                  <a:cxn ang="0">
                    <a:pos x="133" y="632"/>
                  </a:cxn>
                  <a:cxn ang="0">
                    <a:pos x="155" y="360"/>
                  </a:cxn>
                </a:cxnLst>
                <a:rect l="0" t="0" r="r" b="b"/>
                <a:pathLst>
                  <a:path w="3827" h="4944">
                    <a:moveTo>
                      <a:pt x="1438" y="4770"/>
                    </a:moveTo>
                    <a:lnTo>
                      <a:pt x="1432" y="4763"/>
                    </a:lnTo>
                    <a:lnTo>
                      <a:pt x="1427" y="4757"/>
                    </a:lnTo>
                    <a:lnTo>
                      <a:pt x="1420" y="4751"/>
                    </a:lnTo>
                    <a:lnTo>
                      <a:pt x="1411" y="4746"/>
                    </a:lnTo>
                    <a:lnTo>
                      <a:pt x="1406" y="4744"/>
                    </a:lnTo>
                    <a:lnTo>
                      <a:pt x="1400" y="4742"/>
                    </a:lnTo>
                    <a:lnTo>
                      <a:pt x="1393" y="4741"/>
                    </a:lnTo>
                    <a:lnTo>
                      <a:pt x="1387" y="4744"/>
                    </a:lnTo>
                    <a:lnTo>
                      <a:pt x="1385" y="4745"/>
                    </a:lnTo>
                    <a:lnTo>
                      <a:pt x="1387" y="4749"/>
                    </a:lnTo>
                    <a:lnTo>
                      <a:pt x="1389" y="4753"/>
                    </a:lnTo>
                    <a:lnTo>
                      <a:pt x="1393" y="4757"/>
                    </a:lnTo>
                    <a:lnTo>
                      <a:pt x="1401" y="4764"/>
                    </a:lnTo>
                    <a:lnTo>
                      <a:pt x="1406" y="4768"/>
                    </a:lnTo>
                    <a:lnTo>
                      <a:pt x="1411" y="4777"/>
                    </a:lnTo>
                    <a:lnTo>
                      <a:pt x="1418" y="4785"/>
                    </a:lnTo>
                    <a:lnTo>
                      <a:pt x="1423" y="4788"/>
                    </a:lnTo>
                    <a:lnTo>
                      <a:pt x="1428" y="4790"/>
                    </a:lnTo>
                    <a:lnTo>
                      <a:pt x="1433" y="4793"/>
                    </a:lnTo>
                    <a:lnTo>
                      <a:pt x="1440" y="4792"/>
                    </a:lnTo>
                    <a:lnTo>
                      <a:pt x="1438" y="4770"/>
                    </a:lnTo>
                    <a:close/>
                    <a:moveTo>
                      <a:pt x="2690" y="4377"/>
                    </a:moveTo>
                    <a:lnTo>
                      <a:pt x="2584" y="4560"/>
                    </a:lnTo>
                    <a:lnTo>
                      <a:pt x="2576" y="4573"/>
                    </a:lnTo>
                    <a:lnTo>
                      <a:pt x="2571" y="4584"/>
                    </a:lnTo>
                    <a:lnTo>
                      <a:pt x="2568" y="4593"/>
                    </a:lnTo>
                    <a:lnTo>
                      <a:pt x="2567" y="4602"/>
                    </a:lnTo>
                    <a:lnTo>
                      <a:pt x="2568" y="4609"/>
                    </a:lnTo>
                    <a:lnTo>
                      <a:pt x="2569" y="4614"/>
                    </a:lnTo>
                    <a:lnTo>
                      <a:pt x="2573" y="4619"/>
                    </a:lnTo>
                    <a:lnTo>
                      <a:pt x="2577" y="4623"/>
                    </a:lnTo>
                    <a:lnTo>
                      <a:pt x="2589" y="4631"/>
                    </a:lnTo>
                    <a:lnTo>
                      <a:pt x="2602" y="4639"/>
                    </a:lnTo>
                    <a:lnTo>
                      <a:pt x="2608" y="4644"/>
                    </a:lnTo>
                    <a:lnTo>
                      <a:pt x="2616" y="4649"/>
                    </a:lnTo>
                    <a:lnTo>
                      <a:pt x="2621" y="4656"/>
                    </a:lnTo>
                    <a:lnTo>
                      <a:pt x="2628" y="4663"/>
                    </a:lnTo>
                    <a:lnTo>
                      <a:pt x="2630" y="4668"/>
                    </a:lnTo>
                    <a:lnTo>
                      <a:pt x="2632" y="4672"/>
                    </a:lnTo>
                    <a:lnTo>
                      <a:pt x="2632" y="4678"/>
                    </a:lnTo>
                    <a:lnTo>
                      <a:pt x="2632" y="4681"/>
                    </a:lnTo>
                    <a:lnTo>
                      <a:pt x="2629" y="4689"/>
                    </a:lnTo>
                    <a:lnTo>
                      <a:pt x="2624" y="4697"/>
                    </a:lnTo>
                    <a:lnTo>
                      <a:pt x="2611" y="4710"/>
                    </a:lnTo>
                    <a:lnTo>
                      <a:pt x="2599" y="4723"/>
                    </a:lnTo>
                    <a:lnTo>
                      <a:pt x="2617" y="4747"/>
                    </a:lnTo>
                    <a:lnTo>
                      <a:pt x="2638" y="4776"/>
                    </a:lnTo>
                    <a:lnTo>
                      <a:pt x="2642" y="4784"/>
                    </a:lnTo>
                    <a:lnTo>
                      <a:pt x="2645" y="4792"/>
                    </a:lnTo>
                    <a:lnTo>
                      <a:pt x="2646" y="4798"/>
                    </a:lnTo>
                    <a:lnTo>
                      <a:pt x="2646" y="4804"/>
                    </a:lnTo>
                    <a:lnTo>
                      <a:pt x="2643" y="4811"/>
                    </a:lnTo>
                    <a:lnTo>
                      <a:pt x="2641" y="4817"/>
                    </a:lnTo>
                    <a:lnTo>
                      <a:pt x="2634" y="4823"/>
                    </a:lnTo>
                    <a:lnTo>
                      <a:pt x="2626" y="4828"/>
                    </a:lnTo>
                    <a:lnTo>
                      <a:pt x="2616" y="4833"/>
                    </a:lnTo>
                    <a:lnTo>
                      <a:pt x="2608" y="4839"/>
                    </a:lnTo>
                    <a:lnTo>
                      <a:pt x="2600" y="4847"/>
                    </a:lnTo>
                    <a:lnTo>
                      <a:pt x="2594" y="4856"/>
                    </a:lnTo>
                    <a:lnTo>
                      <a:pt x="2588" y="4865"/>
                    </a:lnTo>
                    <a:lnTo>
                      <a:pt x="2582" y="4874"/>
                    </a:lnTo>
                    <a:lnTo>
                      <a:pt x="2578" y="4885"/>
                    </a:lnTo>
                    <a:lnTo>
                      <a:pt x="2575" y="4895"/>
                    </a:lnTo>
                    <a:lnTo>
                      <a:pt x="2563" y="4929"/>
                    </a:lnTo>
                    <a:lnTo>
                      <a:pt x="2558" y="4944"/>
                    </a:lnTo>
                    <a:lnTo>
                      <a:pt x="2555" y="4944"/>
                    </a:lnTo>
                    <a:lnTo>
                      <a:pt x="2553" y="4944"/>
                    </a:lnTo>
                    <a:lnTo>
                      <a:pt x="2550" y="4943"/>
                    </a:lnTo>
                    <a:lnTo>
                      <a:pt x="2547" y="4942"/>
                    </a:lnTo>
                    <a:lnTo>
                      <a:pt x="2542" y="4935"/>
                    </a:lnTo>
                    <a:lnTo>
                      <a:pt x="2536" y="4929"/>
                    </a:lnTo>
                    <a:lnTo>
                      <a:pt x="2524" y="4913"/>
                    </a:lnTo>
                    <a:lnTo>
                      <a:pt x="2514" y="4903"/>
                    </a:lnTo>
                    <a:lnTo>
                      <a:pt x="2508" y="4899"/>
                    </a:lnTo>
                    <a:lnTo>
                      <a:pt x="2501" y="4895"/>
                    </a:lnTo>
                    <a:lnTo>
                      <a:pt x="2493" y="4893"/>
                    </a:lnTo>
                    <a:lnTo>
                      <a:pt x="2484" y="4891"/>
                    </a:lnTo>
                    <a:lnTo>
                      <a:pt x="2466" y="4889"/>
                    </a:lnTo>
                    <a:lnTo>
                      <a:pt x="2446" y="4887"/>
                    </a:lnTo>
                    <a:lnTo>
                      <a:pt x="2427" y="4887"/>
                    </a:lnTo>
                    <a:lnTo>
                      <a:pt x="2406" y="4887"/>
                    </a:lnTo>
                    <a:lnTo>
                      <a:pt x="2397" y="4886"/>
                    </a:lnTo>
                    <a:lnTo>
                      <a:pt x="2388" y="4885"/>
                    </a:lnTo>
                    <a:lnTo>
                      <a:pt x="2380" y="4884"/>
                    </a:lnTo>
                    <a:lnTo>
                      <a:pt x="2371" y="4881"/>
                    </a:lnTo>
                    <a:lnTo>
                      <a:pt x="2358" y="4874"/>
                    </a:lnTo>
                    <a:lnTo>
                      <a:pt x="2347" y="4867"/>
                    </a:lnTo>
                    <a:lnTo>
                      <a:pt x="2337" y="4859"/>
                    </a:lnTo>
                    <a:lnTo>
                      <a:pt x="2331" y="4851"/>
                    </a:lnTo>
                    <a:lnTo>
                      <a:pt x="2326" y="4842"/>
                    </a:lnTo>
                    <a:lnTo>
                      <a:pt x="2322" y="4833"/>
                    </a:lnTo>
                    <a:lnTo>
                      <a:pt x="2318" y="4823"/>
                    </a:lnTo>
                    <a:lnTo>
                      <a:pt x="2317" y="4814"/>
                    </a:lnTo>
                    <a:lnTo>
                      <a:pt x="2314" y="4793"/>
                    </a:lnTo>
                    <a:lnTo>
                      <a:pt x="2310" y="4773"/>
                    </a:lnTo>
                    <a:lnTo>
                      <a:pt x="2306" y="4763"/>
                    </a:lnTo>
                    <a:lnTo>
                      <a:pt x="2302" y="4754"/>
                    </a:lnTo>
                    <a:lnTo>
                      <a:pt x="2297" y="4745"/>
                    </a:lnTo>
                    <a:lnTo>
                      <a:pt x="2290" y="4736"/>
                    </a:lnTo>
                    <a:lnTo>
                      <a:pt x="2284" y="4731"/>
                    </a:lnTo>
                    <a:lnTo>
                      <a:pt x="2278" y="4728"/>
                    </a:lnTo>
                    <a:lnTo>
                      <a:pt x="2270" y="4724"/>
                    </a:lnTo>
                    <a:lnTo>
                      <a:pt x="2262" y="4723"/>
                    </a:lnTo>
                    <a:lnTo>
                      <a:pt x="2243" y="4720"/>
                    </a:lnTo>
                    <a:lnTo>
                      <a:pt x="2223" y="4718"/>
                    </a:lnTo>
                    <a:lnTo>
                      <a:pt x="2203" y="4718"/>
                    </a:lnTo>
                    <a:lnTo>
                      <a:pt x="2182" y="4716"/>
                    </a:lnTo>
                    <a:lnTo>
                      <a:pt x="2163" y="4714"/>
                    </a:lnTo>
                    <a:lnTo>
                      <a:pt x="2147" y="4710"/>
                    </a:lnTo>
                    <a:lnTo>
                      <a:pt x="2135" y="4706"/>
                    </a:lnTo>
                    <a:lnTo>
                      <a:pt x="2125" y="4700"/>
                    </a:lnTo>
                    <a:lnTo>
                      <a:pt x="2116" y="4694"/>
                    </a:lnTo>
                    <a:lnTo>
                      <a:pt x="2106" y="4687"/>
                    </a:lnTo>
                    <a:lnTo>
                      <a:pt x="2089" y="4672"/>
                    </a:lnTo>
                    <a:lnTo>
                      <a:pt x="2071" y="4657"/>
                    </a:lnTo>
                    <a:lnTo>
                      <a:pt x="2054" y="4641"/>
                    </a:lnTo>
                    <a:lnTo>
                      <a:pt x="2037" y="4627"/>
                    </a:lnTo>
                    <a:lnTo>
                      <a:pt x="2028" y="4621"/>
                    </a:lnTo>
                    <a:lnTo>
                      <a:pt x="2017" y="4615"/>
                    </a:lnTo>
                    <a:lnTo>
                      <a:pt x="2008" y="4610"/>
                    </a:lnTo>
                    <a:lnTo>
                      <a:pt x="1998" y="4608"/>
                    </a:lnTo>
                    <a:lnTo>
                      <a:pt x="1977" y="4599"/>
                    </a:lnTo>
                    <a:lnTo>
                      <a:pt x="1954" y="4591"/>
                    </a:lnTo>
                    <a:lnTo>
                      <a:pt x="1944" y="4587"/>
                    </a:lnTo>
                    <a:lnTo>
                      <a:pt x="1933" y="4582"/>
                    </a:lnTo>
                    <a:lnTo>
                      <a:pt x="1923" y="4575"/>
                    </a:lnTo>
                    <a:lnTo>
                      <a:pt x="1915" y="4569"/>
                    </a:lnTo>
                    <a:lnTo>
                      <a:pt x="1909" y="4557"/>
                    </a:lnTo>
                    <a:lnTo>
                      <a:pt x="1903" y="4545"/>
                    </a:lnTo>
                    <a:lnTo>
                      <a:pt x="1898" y="4534"/>
                    </a:lnTo>
                    <a:lnTo>
                      <a:pt x="1892" y="4523"/>
                    </a:lnTo>
                    <a:lnTo>
                      <a:pt x="1887" y="4518"/>
                    </a:lnTo>
                    <a:lnTo>
                      <a:pt x="1881" y="4514"/>
                    </a:lnTo>
                    <a:lnTo>
                      <a:pt x="1875" y="4512"/>
                    </a:lnTo>
                    <a:lnTo>
                      <a:pt x="1868" y="4509"/>
                    </a:lnTo>
                    <a:lnTo>
                      <a:pt x="1856" y="4509"/>
                    </a:lnTo>
                    <a:lnTo>
                      <a:pt x="1841" y="4509"/>
                    </a:lnTo>
                    <a:lnTo>
                      <a:pt x="1827" y="4509"/>
                    </a:lnTo>
                    <a:lnTo>
                      <a:pt x="1814" y="4507"/>
                    </a:lnTo>
                    <a:lnTo>
                      <a:pt x="1808" y="4505"/>
                    </a:lnTo>
                    <a:lnTo>
                      <a:pt x="1802" y="4501"/>
                    </a:lnTo>
                    <a:lnTo>
                      <a:pt x="1799" y="4496"/>
                    </a:lnTo>
                    <a:lnTo>
                      <a:pt x="1795" y="4490"/>
                    </a:lnTo>
                    <a:lnTo>
                      <a:pt x="1789" y="4481"/>
                    </a:lnTo>
                    <a:lnTo>
                      <a:pt x="1784" y="4473"/>
                    </a:lnTo>
                    <a:lnTo>
                      <a:pt x="1779" y="4466"/>
                    </a:lnTo>
                    <a:lnTo>
                      <a:pt x="1773" y="4461"/>
                    </a:lnTo>
                    <a:lnTo>
                      <a:pt x="1765" y="4456"/>
                    </a:lnTo>
                    <a:lnTo>
                      <a:pt x="1757" y="4453"/>
                    </a:lnTo>
                    <a:lnTo>
                      <a:pt x="1747" y="4452"/>
                    </a:lnTo>
                    <a:lnTo>
                      <a:pt x="1735" y="4453"/>
                    </a:lnTo>
                    <a:lnTo>
                      <a:pt x="1716" y="4455"/>
                    </a:lnTo>
                    <a:lnTo>
                      <a:pt x="1703" y="4456"/>
                    </a:lnTo>
                    <a:lnTo>
                      <a:pt x="1692" y="4456"/>
                    </a:lnTo>
                    <a:lnTo>
                      <a:pt x="1685" y="4455"/>
                    </a:lnTo>
                    <a:lnTo>
                      <a:pt x="1678" y="4451"/>
                    </a:lnTo>
                    <a:lnTo>
                      <a:pt x="1673" y="4443"/>
                    </a:lnTo>
                    <a:lnTo>
                      <a:pt x="1666" y="4433"/>
                    </a:lnTo>
                    <a:lnTo>
                      <a:pt x="1657" y="4417"/>
                    </a:lnTo>
                    <a:lnTo>
                      <a:pt x="1639" y="4398"/>
                    </a:lnTo>
                    <a:lnTo>
                      <a:pt x="1620" y="4380"/>
                    </a:lnTo>
                    <a:lnTo>
                      <a:pt x="1618" y="4373"/>
                    </a:lnTo>
                    <a:lnTo>
                      <a:pt x="1617" y="4367"/>
                    </a:lnTo>
                    <a:lnTo>
                      <a:pt x="1618" y="4360"/>
                    </a:lnTo>
                    <a:lnTo>
                      <a:pt x="1621" y="4352"/>
                    </a:lnTo>
                    <a:lnTo>
                      <a:pt x="1628" y="4338"/>
                    </a:lnTo>
                    <a:lnTo>
                      <a:pt x="1631" y="4325"/>
                    </a:lnTo>
                    <a:lnTo>
                      <a:pt x="1629" y="4316"/>
                    </a:lnTo>
                    <a:lnTo>
                      <a:pt x="1629" y="4306"/>
                    </a:lnTo>
                    <a:lnTo>
                      <a:pt x="1630" y="4294"/>
                    </a:lnTo>
                    <a:lnTo>
                      <a:pt x="1634" y="4281"/>
                    </a:lnTo>
                    <a:lnTo>
                      <a:pt x="1638" y="4269"/>
                    </a:lnTo>
                    <a:lnTo>
                      <a:pt x="1644" y="4257"/>
                    </a:lnTo>
                    <a:lnTo>
                      <a:pt x="1652" y="4246"/>
                    </a:lnTo>
                    <a:lnTo>
                      <a:pt x="1660" y="4236"/>
                    </a:lnTo>
                    <a:lnTo>
                      <a:pt x="1727" y="4166"/>
                    </a:lnTo>
                    <a:lnTo>
                      <a:pt x="1729" y="4172"/>
                    </a:lnTo>
                    <a:lnTo>
                      <a:pt x="1731" y="4181"/>
                    </a:lnTo>
                    <a:lnTo>
                      <a:pt x="1736" y="4189"/>
                    </a:lnTo>
                    <a:lnTo>
                      <a:pt x="1743" y="4198"/>
                    </a:lnTo>
                    <a:lnTo>
                      <a:pt x="1749" y="4206"/>
                    </a:lnTo>
                    <a:lnTo>
                      <a:pt x="1757" y="4215"/>
                    </a:lnTo>
                    <a:lnTo>
                      <a:pt x="1766" y="4223"/>
                    </a:lnTo>
                    <a:lnTo>
                      <a:pt x="1777" y="4229"/>
                    </a:lnTo>
                    <a:lnTo>
                      <a:pt x="1786" y="4236"/>
                    </a:lnTo>
                    <a:lnTo>
                      <a:pt x="1796" y="4240"/>
                    </a:lnTo>
                    <a:lnTo>
                      <a:pt x="1806" y="4242"/>
                    </a:lnTo>
                    <a:lnTo>
                      <a:pt x="1815" y="4244"/>
                    </a:lnTo>
                    <a:lnTo>
                      <a:pt x="1824" y="4244"/>
                    </a:lnTo>
                    <a:lnTo>
                      <a:pt x="1832" y="4240"/>
                    </a:lnTo>
                    <a:lnTo>
                      <a:pt x="1836" y="4237"/>
                    </a:lnTo>
                    <a:lnTo>
                      <a:pt x="1840" y="4235"/>
                    </a:lnTo>
                    <a:lnTo>
                      <a:pt x="1844" y="4231"/>
                    </a:lnTo>
                    <a:lnTo>
                      <a:pt x="1846" y="4225"/>
                    </a:lnTo>
                    <a:lnTo>
                      <a:pt x="1849" y="4219"/>
                    </a:lnTo>
                    <a:lnTo>
                      <a:pt x="1852" y="4211"/>
                    </a:lnTo>
                    <a:lnTo>
                      <a:pt x="1853" y="4203"/>
                    </a:lnTo>
                    <a:lnTo>
                      <a:pt x="1854" y="4196"/>
                    </a:lnTo>
                    <a:lnTo>
                      <a:pt x="1856" y="4180"/>
                    </a:lnTo>
                    <a:lnTo>
                      <a:pt x="1857" y="4167"/>
                    </a:lnTo>
                    <a:lnTo>
                      <a:pt x="1859" y="4162"/>
                    </a:lnTo>
                    <a:lnTo>
                      <a:pt x="1862" y="4158"/>
                    </a:lnTo>
                    <a:lnTo>
                      <a:pt x="1867" y="4155"/>
                    </a:lnTo>
                    <a:lnTo>
                      <a:pt x="1872" y="4154"/>
                    </a:lnTo>
                    <a:lnTo>
                      <a:pt x="1879" y="4155"/>
                    </a:lnTo>
                    <a:lnTo>
                      <a:pt x="1888" y="4159"/>
                    </a:lnTo>
                    <a:lnTo>
                      <a:pt x="1900" y="4165"/>
                    </a:lnTo>
                    <a:lnTo>
                      <a:pt x="1914" y="4172"/>
                    </a:lnTo>
                    <a:lnTo>
                      <a:pt x="1935" y="4187"/>
                    </a:lnTo>
                    <a:lnTo>
                      <a:pt x="1959" y="4201"/>
                    </a:lnTo>
                    <a:lnTo>
                      <a:pt x="1971" y="4207"/>
                    </a:lnTo>
                    <a:lnTo>
                      <a:pt x="1984" y="4212"/>
                    </a:lnTo>
                    <a:lnTo>
                      <a:pt x="1995" y="4216"/>
                    </a:lnTo>
                    <a:lnTo>
                      <a:pt x="2008" y="4218"/>
                    </a:lnTo>
                    <a:lnTo>
                      <a:pt x="2015" y="4219"/>
                    </a:lnTo>
                    <a:lnTo>
                      <a:pt x="2021" y="4222"/>
                    </a:lnTo>
                    <a:lnTo>
                      <a:pt x="2027" y="4224"/>
                    </a:lnTo>
                    <a:lnTo>
                      <a:pt x="2032" y="4229"/>
                    </a:lnTo>
                    <a:lnTo>
                      <a:pt x="2041" y="4242"/>
                    </a:lnTo>
                    <a:lnTo>
                      <a:pt x="2049" y="4257"/>
                    </a:lnTo>
                    <a:lnTo>
                      <a:pt x="2055" y="4272"/>
                    </a:lnTo>
                    <a:lnTo>
                      <a:pt x="2062" y="4289"/>
                    </a:lnTo>
                    <a:lnTo>
                      <a:pt x="2068" y="4303"/>
                    </a:lnTo>
                    <a:lnTo>
                      <a:pt x="2076" y="4315"/>
                    </a:lnTo>
                    <a:lnTo>
                      <a:pt x="2081" y="4320"/>
                    </a:lnTo>
                    <a:lnTo>
                      <a:pt x="2086" y="4325"/>
                    </a:lnTo>
                    <a:lnTo>
                      <a:pt x="2091" y="4329"/>
                    </a:lnTo>
                    <a:lnTo>
                      <a:pt x="2098" y="4332"/>
                    </a:lnTo>
                    <a:lnTo>
                      <a:pt x="2111" y="4337"/>
                    </a:lnTo>
                    <a:lnTo>
                      <a:pt x="2125" y="4339"/>
                    </a:lnTo>
                    <a:lnTo>
                      <a:pt x="2139" y="4339"/>
                    </a:lnTo>
                    <a:lnTo>
                      <a:pt x="2155" y="4339"/>
                    </a:lnTo>
                    <a:lnTo>
                      <a:pt x="2170" y="4337"/>
                    </a:lnTo>
                    <a:lnTo>
                      <a:pt x="2187" y="4334"/>
                    </a:lnTo>
                    <a:lnTo>
                      <a:pt x="2220" y="4326"/>
                    </a:lnTo>
                    <a:lnTo>
                      <a:pt x="2252" y="4317"/>
                    </a:lnTo>
                    <a:lnTo>
                      <a:pt x="2268" y="4314"/>
                    </a:lnTo>
                    <a:lnTo>
                      <a:pt x="2282" y="4310"/>
                    </a:lnTo>
                    <a:lnTo>
                      <a:pt x="2295" y="4307"/>
                    </a:lnTo>
                    <a:lnTo>
                      <a:pt x="2306" y="4306"/>
                    </a:lnTo>
                    <a:lnTo>
                      <a:pt x="2319" y="4307"/>
                    </a:lnTo>
                    <a:lnTo>
                      <a:pt x="2331" y="4307"/>
                    </a:lnTo>
                    <a:lnTo>
                      <a:pt x="2343" y="4306"/>
                    </a:lnTo>
                    <a:lnTo>
                      <a:pt x="2353" y="4304"/>
                    </a:lnTo>
                    <a:lnTo>
                      <a:pt x="2374" y="4299"/>
                    </a:lnTo>
                    <a:lnTo>
                      <a:pt x="2392" y="4293"/>
                    </a:lnTo>
                    <a:lnTo>
                      <a:pt x="2429" y="4277"/>
                    </a:lnTo>
                    <a:lnTo>
                      <a:pt x="2472" y="4262"/>
                    </a:lnTo>
                    <a:lnTo>
                      <a:pt x="2479" y="4262"/>
                    </a:lnTo>
                    <a:lnTo>
                      <a:pt x="2485" y="4260"/>
                    </a:lnTo>
                    <a:lnTo>
                      <a:pt x="2490" y="4262"/>
                    </a:lnTo>
                    <a:lnTo>
                      <a:pt x="2497" y="4262"/>
                    </a:lnTo>
                    <a:lnTo>
                      <a:pt x="2508" y="4266"/>
                    </a:lnTo>
                    <a:lnTo>
                      <a:pt x="2520" y="4271"/>
                    </a:lnTo>
                    <a:lnTo>
                      <a:pt x="2532" y="4276"/>
                    </a:lnTo>
                    <a:lnTo>
                      <a:pt x="2543" y="4281"/>
                    </a:lnTo>
                    <a:lnTo>
                      <a:pt x="2555" y="4285"/>
                    </a:lnTo>
                    <a:lnTo>
                      <a:pt x="2568" y="4286"/>
                    </a:lnTo>
                    <a:lnTo>
                      <a:pt x="2578" y="4285"/>
                    </a:lnTo>
                    <a:lnTo>
                      <a:pt x="2588" y="4284"/>
                    </a:lnTo>
                    <a:lnTo>
                      <a:pt x="2597" y="4280"/>
                    </a:lnTo>
                    <a:lnTo>
                      <a:pt x="2606" y="4276"/>
                    </a:lnTo>
                    <a:lnTo>
                      <a:pt x="2620" y="4266"/>
                    </a:lnTo>
                    <a:lnTo>
                      <a:pt x="2635" y="4254"/>
                    </a:lnTo>
                    <a:lnTo>
                      <a:pt x="2650" y="4242"/>
                    </a:lnTo>
                    <a:lnTo>
                      <a:pt x="2664" y="4231"/>
                    </a:lnTo>
                    <a:lnTo>
                      <a:pt x="2672" y="4227"/>
                    </a:lnTo>
                    <a:lnTo>
                      <a:pt x="2681" y="4223"/>
                    </a:lnTo>
                    <a:lnTo>
                      <a:pt x="2690" y="4220"/>
                    </a:lnTo>
                    <a:lnTo>
                      <a:pt x="2699" y="4219"/>
                    </a:lnTo>
                    <a:lnTo>
                      <a:pt x="2722" y="4218"/>
                    </a:lnTo>
                    <a:lnTo>
                      <a:pt x="2748" y="4215"/>
                    </a:lnTo>
                    <a:lnTo>
                      <a:pt x="2762" y="4214"/>
                    </a:lnTo>
                    <a:lnTo>
                      <a:pt x="2775" y="4214"/>
                    </a:lnTo>
                    <a:lnTo>
                      <a:pt x="2787" y="4214"/>
                    </a:lnTo>
                    <a:lnTo>
                      <a:pt x="2797" y="4216"/>
                    </a:lnTo>
                    <a:lnTo>
                      <a:pt x="2797" y="4222"/>
                    </a:lnTo>
                    <a:lnTo>
                      <a:pt x="2796" y="4229"/>
                    </a:lnTo>
                    <a:lnTo>
                      <a:pt x="2793" y="4237"/>
                    </a:lnTo>
                    <a:lnTo>
                      <a:pt x="2790" y="4245"/>
                    </a:lnTo>
                    <a:lnTo>
                      <a:pt x="2779" y="4263"/>
                    </a:lnTo>
                    <a:lnTo>
                      <a:pt x="2765" y="4281"/>
                    </a:lnTo>
                    <a:lnTo>
                      <a:pt x="2736" y="4316"/>
                    </a:lnTo>
                    <a:lnTo>
                      <a:pt x="2717" y="4343"/>
                    </a:lnTo>
                    <a:lnTo>
                      <a:pt x="2690" y="4377"/>
                    </a:lnTo>
                    <a:close/>
                    <a:moveTo>
                      <a:pt x="648" y="3512"/>
                    </a:moveTo>
                    <a:lnTo>
                      <a:pt x="657" y="3490"/>
                    </a:lnTo>
                    <a:lnTo>
                      <a:pt x="662" y="3465"/>
                    </a:lnTo>
                    <a:lnTo>
                      <a:pt x="668" y="3439"/>
                    </a:lnTo>
                    <a:lnTo>
                      <a:pt x="671" y="3413"/>
                    </a:lnTo>
                    <a:lnTo>
                      <a:pt x="675" y="3387"/>
                    </a:lnTo>
                    <a:lnTo>
                      <a:pt x="678" y="3360"/>
                    </a:lnTo>
                    <a:lnTo>
                      <a:pt x="681" y="3335"/>
                    </a:lnTo>
                    <a:lnTo>
                      <a:pt x="684" y="3311"/>
                    </a:lnTo>
                    <a:lnTo>
                      <a:pt x="691" y="3273"/>
                    </a:lnTo>
                    <a:lnTo>
                      <a:pt x="696" y="3236"/>
                    </a:lnTo>
                    <a:lnTo>
                      <a:pt x="697" y="3216"/>
                    </a:lnTo>
                    <a:lnTo>
                      <a:pt x="697" y="3197"/>
                    </a:lnTo>
                    <a:lnTo>
                      <a:pt x="697" y="3179"/>
                    </a:lnTo>
                    <a:lnTo>
                      <a:pt x="695" y="3161"/>
                    </a:lnTo>
                    <a:lnTo>
                      <a:pt x="693" y="3146"/>
                    </a:lnTo>
                    <a:lnTo>
                      <a:pt x="693" y="3135"/>
                    </a:lnTo>
                    <a:lnTo>
                      <a:pt x="695" y="3122"/>
                    </a:lnTo>
                    <a:lnTo>
                      <a:pt x="693" y="3109"/>
                    </a:lnTo>
                    <a:lnTo>
                      <a:pt x="734" y="3035"/>
                    </a:lnTo>
                    <a:lnTo>
                      <a:pt x="741" y="3025"/>
                    </a:lnTo>
                    <a:lnTo>
                      <a:pt x="752" y="3016"/>
                    </a:lnTo>
                    <a:lnTo>
                      <a:pt x="761" y="3005"/>
                    </a:lnTo>
                    <a:lnTo>
                      <a:pt x="767" y="2996"/>
                    </a:lnTo>
                    <a:lnTo>
                      <a:pt x="769" y="2991"/>
                    </a:lnTo>
                    <a:lnTo>
                      <a:pt x="769" y="2987"/>
                    </a:lnTo>
                    <a:lnTo>
                      <a:pt x="767" y="2982"/>
                    </a:lnTo>
                    <a:lnTo>
                      <a:pt x="766" y="2977"/>
                    </a:lnTo>
                    <a:lnTo>
                      <a:pt x="762" y="2968"/>
                    </a:lnTo>
                    <a:lnTo>
                      <a:pt x="756" y="2956"/>
                    </a:lnTo>
                    <a:lnTo>
                      <a:pt x="748" y="2946"/>
                    </a:lnTo>
                    <a:lnTo>
                      <a:pt x="743" y="2934"/>
                    </a:lnTo>
                    <a:lnTo>
                      <a:pt x="740" y="2927"/>
                    </a:lnTo>
                    <a:lnTo>
                      <a:pt x="739" y="2922"/>
                    </a:lnTo>
                    <a:lnTo>
                      <a:pt x="738" y="2916"/>
                    </a:lnTo>
                    <a:lnTo>
                      <a:pt x="738" y="2909"/>
                    </a:lnTo>
                    <a:lnTo>
                      <a:pt x="739" y="2900"/>
                    </a:lnTo>
                    <a:lnTo>
                      <a:pt x="741" y="2894"/>
                    </a:lnTo>
                    <a:lnTo>
                      <a:pt x="747" y="2886"/>
                    </a:lnTo>
                    <a:lnTo>
                      <a:pt x="750" y="2881"/>
                    </a:lnTo>
                    <a:lnTo>
                      <a:pt x="756" y="2874"/>
                    </a:lnTo>
                    <a:lnTo>
                      <a:pt x="760" y="2869"/>
                    </a:lnTo>
                    <a:lnTo>
                      <a:pt x="762" y="2863"/>
                    </a:lnTo>
                    <a:lnTo>
                      <a:pt x="763" y="2856"/>
                    </a:lnTo>
                    <a:lnTo>
                      <a:pt x="762" y="2854"/>
                    </a:lnTo>
                    <a:lnTo>
                      <a:pt x="760" y="2850"/>
                    </a:lnTo>
                    <a:lnTo>
                      <a:pt x="756" y="2847"/>
                    </a:lnTo>
                    <a:lnTo>
                      <a:pt x="750" y="2845"/>
                    </a:lnTo>
                    <a:lnTo>
                      <a:pt x="739" y="2839"/>
                    </a:lnTo>
                    <a:lnTo>
                      <a:pt x="725" y="2834"/>
                    </a:lnTo>
                    <a:lnTo>
                      <a:pt x="710" y="2829"/>
                    </a:lnTo>
                    <a:lnTo>
                      <a:pt x="699" y="2824"/>
                    </a:lnTo>
                    <a:lnTo>
                      <a:pt x="693" y="2821"/>
                    </a:lnTo>
                    <a:lnTo>
                      <a:pt x="691" y="2819"/>
                    </a:lnTo>
                    <a:lnTo>
                      <a:pt x="688" y="2816"/>
                    </a:lnTo>
                    <a:lnTo>
                      <a:pt x="687" y="2812"/>
                    </a:lnTo>
                    <a:lnTo>
                      <a:pt x="688" y="2808"/>
                    </a:lnTo>
                    <a:lnTo>
                      <a:pt x="691" y="2806"/>
                    </a:lnTo>
                    <a:lnTo>
                      <a:pt x="693" y="2802"/>
                    </a:lnTo>
                    <a:lnTo>
                      <a:pt x="697" y="2799"/>
                    </a:lnTo>
                    <a:lnTo>
                      <a:pt x="708" y="2793"/>
                    </a:lnTo>
                    <a:lnTo>
                      <a:pt x="719" y="2788"/>
                    </a:lnTo>
                    <a:lnTo>
                      <a:pt x="731" y="2781"/>
                    </a:lnTo>
                    <a:lnTo>
                      <a:pt x="740" y="2773"/>
                    </a:lnTo>
                    <a:lnTo>
                      <a:pt x="744" y="2769"/>
                    </a:lnTo>
                    <a:lnTo>
                      <a:pt x="747" y="2764"/>
                    </a:lnTo>
                    <a:lnTo>
                      <a:pt x="749" y="2759"/>
                    </a:lnTo>
                    <a:lnTo>
                      <a:pt x="749" y="2753"/>
                    </a:lnTo>
                    <a:lnTo>
                      <a:pt x="749" y="2751"/>
                    </a:lnTo>
                    <a:lnTo>
                      <a:pt x="738" y="2751"/>
                    </a:lnTo>
                    <a:lnTo>
                      <a:pt x="726" y="2753"/>
                    </a:lnTo>
                    <a:lnTo>
                      <a:pt x="714" y="2751"/>
                    </a:lnTo>
                    <a:lnTo>
                      <a:pt x="704" y="2749"/>
                    </a:lnTo>
                    <a:lnTo>
                      <a:pt x="700" y="2747"/>
                    </a:lnTo>
                    <a:lnTo>
                      <a:pt x="699" y="2746"/>
                    </a:lnTo>
                    <a:lnTo>
                      <a:pt x="697" y="2743"/>
                    </a:lnTo>
                    <a:lnTo>
                      <a:pt x="696" y="2741"/>
                    </a:lnTo>
                    <a:lnTo>
                      <a:pt x="697" y="2733"/>
                    </a:lnTo>
                    <a:lnTo>
                      <a:pt x="700" y="2724"/>
                    </a:lnTo>
                    <a:lnTo>
                      <a:pt x="703" y="2714"/>
                    </a:lnTo>
                    <a:lnTo>
                      <a:pt x="705" y="2705"/>
                    </a:lnTo>
                    <a:lnTo>
                      <a:pt x="708" y="2696"/>
                    </a:lnTo>
                    <a:lnTo>
                      <a:pt x="708" y="2689"/>
                    </a:lnTo>
                    <a:lnTo>
                      <a:pt x="706" y="2683"/>
                    </a:lnTo>
                    <a:lnTo>
                      <a:pt x="704" y="2679"/>
                    </a:lnTo>
                    <a:lnTo>
                      <a:pt x="701" y="2676"/>
                    </a:lnTo>
                    <a:lnTo>
                      <a:pt x="699" y="2676"/>
                    </a:lnTo>
                    <a:lnTo>
                      <a:pt x="692" y="2677"/>
                    </a:lnTo>
                    <a:lnTo>
                      <a:pt x="686" y="2681"/>
                    </a:lnTo>
                    <a:lnTo>
                      <a:pt x="677" y="2685"/>
                    </a:lnTo>
                    <a:lnTo>
                      <a:pt x="669" y="2688"/>
                    </a:lnTo>
                    <a:lnTo>
                      <a:pt x="664" y="2689"/>
                    </a:lnTo>
                    <a:lnTo>
                      <a:pt x="660" y="2688"/>
                    </a:lnTo>
                    <a:lnTo>
                      <a:pt x="655" y="2685"/>
                    </a:lnTo>
                    <a:lnTo>
                      <a:pt x="651" y="2681"/>
                    </a:lnTo>
                    <a:lnTo>
                      <a:pt x="644" y="2671"/>
                    </a:lnTo>
                    <a:lnTo>
                      <a:pt x="638" y="2658"/>
                    </a:lnTo>
                    <a:lnTo>
                      <a:pt x="633" y="2645"/>
                    </a:lnTo>
                    <a:lnTo>
                      <a:pt x="627" y="2633"/>
                    </a:lnTo>
                    <a:lnTo>
                      <a:pt x="625" y="2627"/>
                    </a:lnTo>
                    <a:lnTo>
                      <a:pt x="621" y="2623"/>
                    </a:lnTo>
                    <a:lnTo>
                      <a:pt x="617" y="2619"/>
                    </a:lnTo>
                    <a:lnTo>
                      <a:pt x="613" y="2618"/>
                    </a:lnTo>
                    <a:lnTo>
                      <a:pt x="609" y="2617"/>
                    </a:lnTo>
                    <a:lnTo>
                      <a:pt x="605" y="2617"/>
                    </a:lnTo>
                    <a:lnTo>
                      <a:pt x="602" y="2618"/>
                    </a:lnTo>
                    <a:lnTo>
                      <a:pt x="598" y="2619"/>
                    </a:lnTo>
                    <a:lnTo>
                      <a:pt x="590" y="2626"/>
                    </a:lnTo>
                    <a:lnTo>
                      <a:pt x="583" y="2633"/>
                    </a:lnTo>
                    <a:lnTo>
                      <a:pt x="578" y="2642"/>
                    </a:lnTo>
                    <a:lnTo>
                      <a:pt x="573" y="2652"/>
                    </a:lnTo>
                    <a:lnTo>
                      <a:pt x="568" y="2664"/>
                    </a:lnTo>
                    <a:lnTo>
                      <a:pt x="561" y="2674"/>
                    </a:lnTo>
                    <a:lnTo>
                      <a:pt x="555" y="2679"/>
                    </a:lnTo>
                    <a:lnTo>
                      <a:pt x="548" y="2681"/>
                    </a:lnTo>
                    <a:lnTo>
                      <a:pt x="530" y="2684"/>
                    </a:lnTo>
                    <a:lnTo>
                      <a:pt x="507" y="2692"/>
                    </a:lnTo>
                    <a:lnTo>
                      <a:pt x="493" y="2699"/>
                    </a:lnTo>
                    <a:lnTo>
                      <a:pt x="478" y="2711"/>
                    </a:lnTo>
                    <a:lnTo>
                      <a:pt x="464" y="2723"/>
                    </a:lnTo>
                    <a:lnTo>
                      <a:pt x="450" y="2732"/>
                    </a:lnTo>
                    <a:lnTo>
                      <a:pt x="425" y="2742"/>
                    </a:lnTo>
                    <a:lnTo>
                      <a:pt x="401" y="2750"/>
                    </a:lnTo>
                    <a:lnTo>
                      <a:pt x="389" y="2753"/>
                    </a:lnTo>
                    <a:lnTo>
                      <a:pt x="376" y="2755"/>
                    </a:lnTo>
                    <a:lnTo>
                      <a:pt x="364" y="2756"/>
                    </a:lnTo>
                    <a:lnTo>
                      <a:pt x="353" y="2758"/>
                    </a:lnTo>
                    <a:lnTo>
                      <a:pt x="341" y="2758"/>
                    </a:lnTo>
                    <a:lnTo>
                      <a:pt x="329" y="2756"/>
                    </a:lnTo>
                    <a:lnTo>
                      <a:pt x="318" y="2754"/>
                    </a:lnTo>
                    <a:lnTo>
                      <a:pt x="306" y="2750"/>
                    </a:lnTo>
                    <a:lnTo>
                      <a:pt x="294" y="2746"/>
                    </a:lnTo>
                    <a:lnTo>
                      <a:pt x="283" y="2740"/>
                    </a:lnTo>
                    <a:lnTo>
                      <a:pt x="271" y="2733"/>
                    </a:lnTo>
                    <a:lnTo>
                      <a:pt x="261" y="2724"/>
                    </a:lnTo>
                    <a:lnTo>
                      <a:pt x="240" y="2706"/>
                    </a:lnTo>
                    <a:lnTo>
                      <a:pt x="231" y="2701"/>
                    </a:lnTo>
                    <a:lnTo>
                      <a:pt x="228" y="2702"/>
                    </a:lnTo>
                    <a:lnTo>
                      <a:pt x="226" y="2709"/>
                    </a:lnTo>
                    <a:lnTo>
                      <a:pt x="223" y="2719"/>
                    </a:lnTo>
                    <a:lnTo>
                      <a:pt x="219" y="2732"/>
                    </a:lnTo>
                    <a:lnTo>
                      <a:pt x="214" y="2743"/>
                    </a:lnTo>
                    <a:lnTo>
                      <a:pt x="209" y="2753"/>
                    </a:lnTo>
                    <a:lnTo>
                      <a:pt x="202" y="2763"/>
                    </a:lnTo>
                    <a:lnTo>
                      <a:pt x="197" y="2773"/>
                    </a:lnTo>
                    <a:lnTo>
                      <a:pt x="196" y="2777"/>
                    </a:lnTo>
                    <a:lnTo>
                      <a:pt x="196" y="2780"/>
                    </a:lnTo>
                    <a:lnTo>
                      <a:pt x="197" y="2784"/>
                    </a:lnTo>
                    <a:lnTo>
                      <a:pt x="197" y="2786"/>
                    </a:lnTo>
                    <a:lnTo>
                      <a:pt x="201" y="2791"/>
                    </a:lnTo>
                    <a:lnTo>
                      <a:pt x="206" y="2797"/>
                    </a:lnTo>
                    <a:lnTo>
                      <a:pt x="212" y="2800"/>
                    </a:lnTo>
                    <a:lnTo>
                      <a:pt x="215" y="2803"/>
                    </a:lnTo>
                    <a:lnTo>
                      <a:pt x="218" y="2807"/>
                    </a:lnTo>
                    <a:lnTo>
                      <a:pt x="219" y="2810"/>
                    </a:lnTo>
                    <a:lnTo>
                      <a:pt x="217" y="2815"/>
                    </a:lnTo>
                    <a:lnTo>
                      <a:pt x="213" y="2821"/>
                    </a:lnTo>
                    <a:lnTo>
                      <a:pt x="209" y="2828"/>
                    </a:lnTo>
                    <a:lnTo>
                      <a:pt x="204" y="2834"/>
                    </a:lnTo>
                    <a:lnTo>
                      <a:pt x="195" y="2846"/>
                    </a:lnTo>
                    <a:lnTo>
                      <a:pt x="191" y="2854"/>
                    </a:lnTo>
                    <a:lnTo>
                      <a:pt x="200" y="2857"/>
                    </a:lnTo>
                    <a:lnTo>
                      <a:pt x="213" y="2864"/>
                    </a:lnTo>
                    <a:lnTo>
                      <a:pt x="225" y="2872"/>
                    </a:lnTo>
                    <a:lnTo>
                      <a:pt x="236" y="2878"/>
                    </a:lnTo>
                    <a:lnTo>
                      <a:pt x="244" y="2879"/>
                    </a:lnTo>
                    <a:lnTo>
                      <a:pt x="254" y="2881"/>
                    </a:lnTo>
                    <a:lnTo>
                      <a:pt x="258" y="2882"/>
                    </a:lnTo>
                    <a:lnTo>
                      <a:pt x="263" y="2883"/>
                    </a:lnTo>
                    <a:lnTo>
                      <a:pt x="266" y="2885"/>
                    </a:lnTo>
                    <a:lnTo>
                      <a:pt x="269" y="2887"/>
                    </a:lnTo>
                    <a:lnTo>
                      <a:pt x="270" y="2890"/>
                    </a:lnTo>
                    <a:lnTo>
                      <a:pt x="272" y="2894"/>
                    </a:lnTo>
                    <a:lnTo>
                      <a:pt x="274" y="2899"/>
                    </a:lnTo>
                    <a:lnTo>
                      <a:pt x="275" y="2905"/>
                    </a:lnTo>
                    <a:lnTo>
                      <a:pt x="276" y="2920"/>
                    </a:lnTo>
                    <a:lnTo>
                      <a:pt x="278" y="2929"/>
                    </a:lnTo>
                    <a:lnTo>
                      <a:pt x="272" y="2938"/>
                    </a:lnTo>
                    <a:lnTo>
                      <a:pt x="269" y="2951"/>
                    </a:lnTo>
                    <a:lnTo>
                      <a:pt x="266" y="2964"/>
                    </a:lnTo>
                    <a:lnTo>
                      <a:pt x="263" y="2975"/>
                    </a:lnTo>
                    <a:lnTo>
                      <a:pt x="263" y="2981"/>
                    </a:lnTo>
                    <a:lnTo>
                      <a:pt x="267" y="2984"/>
                    </a:lnTo>
                    <a:lnTo>
                      <a:pt x="272" y="2990"/>
                    </a:lnTo>
                    <a:lnTo>
                      <a:pt x="278" y="2995"/>
                    </a:lnTo>
                    <a:lnTo>
                      <a:pt x="284" y="3001"/>
                    </a:lnTo>
                    <a:lnTo>
                      <a:pt x="289" y="3008"/>
                    </a:lnTo>
                    <a:lnTo>
                      <a:pt x="292" y="3012"/>
                    </a:lnTo>
                    <a:lnTo>
                      <a:pt x="294" y="3016"/>
                    </a:lnTo>
                    <a:lnTo>
                      <a:pt x="294" y="3021"/>
                    </a:lnTo>
                    <a:lnTo>
                      <a:pt x="296" y="3026"/>
                    </a:lnTo>
                    <a:lnTo>
                      <a:pt x="294" y="3049"/>
                    </a:lnTo>
                    <a:lnTo>
                      <a:pt x="292" y="3079"/>
                    </a:lnTo>
                    <a:lnTo>
                      <a:pt x="289" y="3095"/>
                    </a:lnTo>
                    <a:lnTo>
                      <a:pt x="285" y="3107"/>
                    </a:lnTo>
                    <a:lnTo>
                      <a:pt x="282" y="3119"/>
                    </a:lnTo>
                    <a:lnTo>
                      <a:pt x="275" y="3128"/>
                    </a:lnTo>
                    <a:lnTo>
                      <a:pt x="270" y="3136"/>
                    </a:lnTo>
                    <a:lnTo>
                      <a:pt x="263" y="3142"/>
                    </a:lnTo>
                    <a:lnTo>
                      <a:pt x="259" y="3150"/>
                    </a:lnTo>
                    <a:lnTo>
                      <a:pt x="256" y="3158"/>
                    </a:lnTo>
                    <a:lnTo>
                      <a:pt x="253" y="3166"/>
                    </a:lnTo>
                    <a:lnTo>
                      <a:pt x="250" y="3174"/>
                    </a:lnTo>
                    <a:lnTo>
                      <a:pt x="249" y="3184"/>
                    </a:lnTo>
                    <a:lnTo>
                      <a:pt x="249" y="3194"/>
                    </a:lnTo>
                    <a:lnTo>
                      <a:pt x="249" y="3201"/>
                    </a:lnTo>
                    <a:lnTo>
                      <a:pt x="250" y="3205"/>
                    </a:lnTo>
                    <a:lnTo>
                      <a:pt x="252" y="3207"/>
                    </a:lnTo>
                    <a:lnTo>
                      <a:pt x="254" y="3209"/>
                    </a:lnTo>
                    <a:lnTo>
                      <a:pt x="257" y="3210"/>
                    </a:lnTo>
                    <a:lnTo>
                      <a:pt x="259" y="3209"/>
                    </a:lnTo>
                    <a:lnTo>
                      <a:pt x="262" y="3206"/>
                    </a:lnTo>
                    <a:lnTo>
                      <a:pt x="266" y="3203"/>
                    </a:lnTo>
                    <a:lnTo>
                      <a:pt x="279" y="3189"/>
                    </a:lnTo>
                    <a:lnTo>
                      <a:pt x="289" y="3177"/>
                    </a:lnTo>
                    <a:lnTo>
                      <a:pt x="292" y="3175"/>
                    </a:lnTo>
                    <a:lnTo>
                      <a:pt x="296" y="3175"/>
                    </a:lnTo>
                    <a:lnTo>
                      <a:pt x="298" y="3177"/>
                    </a:lnTo>
                    <a:lnTo>
                      <a:pt x="300" y="3181"/>
                    </a:lnTo>
                    <a:lnTo>
                      <a:pt x="302" y="3193"/>
                    </a:lnTo>
                    <a:lnTo>
                      <a:pt x="305" y="3210"/>
                    </a:lnTo>
                    <a:lnTo>
                      <a:pt x="305" y="3244"/>
                    </a:lnTo>
                    <a:lnTo>
                      <a:pt x="305" y="3264"/>
                    </a:lnTo>
                    <a:lnTo>
                      <a:pt x="305" y="3275"/>
                    </a:lnTo>
                    <a:lnTo>
                      <a:pt x="305" y="3286"/>
                    </a:lnTo>
                    <a:lnTo>
                      <a:pt x="304" y="3293"/>
                    </a:lnTo>
                    <a:lnTo>
                      <a:pt x="302" y="3298"/>
                    </a:lnTo>
                    <a:lnTo>
                      <a:pt x="301" y="3302"/>
                    </a:lnTo>
                    <a:lnTo>
                      <a:pt x="298" y="3306"/>
                    </a:lnTo>
                    <a:lnTo>
                      <a:pt x="296" y="3307"/>
                    </a:lnTo>
                    <a:lnTo>
                      <a:pt x="294" y="3307"/>
                    </a:lnTo>
                    <a:lnTo>
                      <a:pt x="292" y="3307"/>
                    </a:lnTo>
                    <a:lnTo>
                      <a:pt x="291" y="3304"/>
                    </a:lnTo>
                    <a:lnTo>
                      <a:pt x="287" y="3301"/>
                    </a:lnTo>
                    <a:lnTo>
                      <a:pt x="283" y="3295"/>
                    </a:lnTo>
                    <a:lnTo>
                      <a:pt x="280" y="3289"/>
                    </a:lnTo>
                    <a:lnTo>
                      <a:pt x="276" y="3284"/>
                    </a:lnTo>
                    <a:lnTo>
                      <a:pt x="272" y="3280"/>
                    </a:lnTo>
                    <a:lnTo>
                      <a:pt x="269" y="3278"/>
                    </a:lnTo>
                    <a:lnTo>
                      <a:pt x="265" y="3293"/>
                    </a:lnTo>
                    <a:lnTo>
                      <a:pt x="258" y="3306"/>
                    </a:lnTo>
                    <a:lnTo>
                      <a:pt x="253" y="3320"/>
                    </a:lnTo>
                    <a:lnTo>
                      <a:pt x="249" y="3335"/>
                    </a:lnTo>
                    <a:lnTo>
                      <a:pt x="236" y="3420"/>
                    </a:lnTo>
                    <a:lnTo>
                      <a:pt x="228" y="3435"/>
                    </a:lnTo>
                    <a:lnTo>
                      <a:pt x="221" y="3451"/>
                    </a:lnTo>
                    <a:lnTo>
                      <a:pt x="215" y="3466"/>
                    </a:lnTo>
                    <a:lnTo>
                      <a:pt x="212" y="3483"/>
                    </a:lnTo>
                    <a:lnTo>
                      <a:pt x="212" y="3491"/>
                    </a:lnTo>
                    <a:lnTo>
                      <a:pt x="212" y="3499"/>
                    </a:lnTo>
                    <a:lnTo>
                      <a:pt x="214" y="3506"/>
                    </a:lnTo>
                    <a:lnTo>
                      <a:pt x="217" y="3513"/>
                    </a:lnTo>
                    <a:lnTo>
                      <a:pt x="221" y="3519"/>
                    </a:lnTo>
                    <a:lnTo>
                      <a:pt x="226" y="3526"/>
                    </a:lnTo>
                    <a:lnTo>
                      <a:pt x="234" y="3532"/>
                    </a:lnTo>
                    <a:lnTo>
                      <a:pt x="243" y="3538"/>
                    </a:lnTo>
                    <a:lnTo>
                      <a:pt x="243" y="3540"/>
                    </a:lnTo>
                    <a:lnTo>
                      <a:pt x="241" y="3543"/>
                    </a:lnTo>
                    <a:lnTo>
                      <a:pt x="240" y="3545"/>
                    </a:lnTo>
                    <a:lnTo>
                      <a:pt x="237" y="3547"/>
                    </a:lnTo>
                    <a:lnTo>
                      <a:pt x="236" y="3549"/>
                    </a:lnTo>
                    <a:lnTo>
                      <a:pt x="235" y="3551"/>
                    </a:lnTo>
                    <a:lnTo>
                      <a:pt x="232" y="3551"/>
                    </a:lnTo>
                    <a:lnTo>
                      <a:pt x="231" y="3549"/>
                    </a:lnTo>
                    <a:lnTo>
                      <a:pt x="226" y="3548"/>
                    </a:lnTo>
                    <a:lnTo>
                      <a:pt x="219" y="3544"/>
                    </a:lnTo>
                    <a:lnTo>
                      <a:pt x="208" y="3535"/>
                    </a:lnTo>
                    <a:lnTo>
                      <a:pt x="200" y="3531"/>
                    </a:lnTo>
                    <a:lnTo>
                      <a:pt x="190" y="3531"/>
                    </a:lnTo>
                    <a:lnTo>
                      <a:pt x="184" y="3531"/>
                    </a:lnTo>
                    <a:lnTo>
                      <a:pt x="182" y="3532"/>
                    </a:lnTo>
                    <a:lnTo>
                      <a:pt x="182" y="3534"/>
                    </a:lnTo>
                    <a:lnTo>
                      <a:pt x="184" y="3540"/>
                    </a:lnTo>
                    <a:lnTo>
                      <a:pt x="190" y="3551"/>
                    </a:lnTo>
                    <a:lnTo>
                      <a:pt x="190" y="3563"/>
                    </a:lnTo>
                    <a:lnTo>
                      <a:pt x="188" y="3578"/>
                    </a:lnTo>
                    <a:lnTo>
                      <a:pt x="190" y="3584"/>
                    </a:lnTo>
                    <a:lnTo>
                      <a:pt x="191" y="3589"/>
                    </a:lnTo>
                    <a:lnTo>
                      <a:pt x="192" y="3591"/>
                    </a:lnTo>
                    <a:lnTo>
                      <a:pt x="195" y="3592"/>
                    </a:lnTo>
                    <a:lnTo>
                      <a:pt x="197" y="3593"/>
                    </a:lnTo>
                    <a:lnTo>
                      <a:pt x="201" y="3593"/>
                    </a:lnTo>
                    <a:lnTo>
                      <a:pt x="212" y="3591"/>
                    </a:lnTo>
                    <a:lnTo>
                      <a:pt x="223" y="3586"/>
                    </a:lnTo>
                    <a:lnTo>
                      <a:pt x="236" y="3579"/>
                    </a:lnTo>
                    <a:lnTo>
                      <a:pt x="249" y="3574"/>
                    </a:lnTo>
                    <a:lnTo>
                      <a:pt x="254" y="3571"/>
                    </a:lnTo>
                    <a:lnTo>
                      <a:pt x="259" y="3571"/>
                    </a:lnTo>
                    <a:lnTo>
                      <a:pt x="265" y="3571"/>
                    </a:lnTo>
                    <a:lnTo>
                      <a:pt x="270" y="3571"/>
                    </a:lnTo>
                    <a:lnTo>
                      <a:pt x="274" y="3575"/>
                    </a:lnTo>
                    <a:lnTo>
                      <a:pt x="276" y="3579"/>
                    </a:lnTo>
                    <a:lnTo>
                      <a:pt x="279" y="3586"/>
                    </a:lnTo>
                    <a:lnTo>
                      <a:pt x="280" y="3595"/>
                    </a:lnTo>
                    <a:lnTo>
                      <a:pt x="280" y="3611"/>
                    </a:lnTo>
                    <a:lnTo>
                      <a:pt x="280" y="3639"/>
                    </a:lnTo>
                    <a:lnTo>
                      <a:pt x="280" y="3665"/>
                    </a:lnTo>
                    <a:lnTo>
                      <a:pt x="282" y="3676"/>
                    </a:lnTo>
                    <a:lnTo>
                      <a:pt x="285" y="3679"/>
                    </a:lnTo>
                    <a:lnTo>
                      <a:pt x="294" y="3680"/>
                    </a:lnTo>
                    <a:lnTo>
                      <a:pt x="305" y="3681"/>
                    </a:lnTo>
                    <a:lnTo>
                      <a:pt x="318" y="3681"/>
                    </a:lnTo>
                    <a:lnTo>
                      <a:pt x="331" y="3683"/>
                    </a:lnTo>
                    <a:lnTo>
                      <a:pt x="344" y="3684"/>
                    </a:lnTo>
                    <a:lnTo>
                      <a:pt x="355" y="3685"/>
                    </a:lnTo>
                    <a:lnTo>
                      <a:pt x="363" y="3688"/>
                    </a:lnTo>
                    <a:lnTo>
                      <a:pt x="372" y="3690"/>
                    </a:lnTo>
                    <a:lnTo>
                      <a:pt x="381" y="3692"/>
                    </a:lnTo>
                    <a:lnTo>
                      <a:pt x="392" y="3692"/>
                    </a:lnTo>
                    <a:lnTo>
                      <a:pt x="402" y="3690"/>
                    </a:lnTo>
                    <a:lnTo>
                      <a:pt x="411" y="3688"/>
                    </a:lnTo>
                    <a:lnTo>
                      <a:pt x="420" y="3684"/>
                    </a:lnTo>
                    <a:lnTo>
                      <a:pt x="428" y="3679"/>
                    </a:lnTo>
                    <a:lnTo>
                      <a:pt x="436" y="3672"/>
                    </a:lnTo>
                    <a:lnTo>
                      <a:pt x="441" y="3665"/>
                    </a:lnTo>
                    <a:lnTo>
                      <a:pt x="445" y="3657"/>
                    </a:lnTo>
                    <a:lnTo>
                      <a:pt x="446" y="3650"/>
                    </a:lnTo>
                    <a:lnTo>
                      <a:pt x="446" y="3642"/>
                    </a:lnTo>
                    <a:lnTo>
                      <a:pt x="442" y="3627"/>
                    </a:lnTo>
                    <a:lnTo>
                      <a:pt x="436" y="3611"/>
                    </a:lnTo>
                    <a:lnTo>
                      <a:pt x="433" y="3602"/>
                    </a:lnTo>
                    <a:lnTo>
                      <a:pt x="433" y="3596"/>
                    </a:lnTo>
                    <a:lnTo>
                      <a:pt x="432" y="3591"/>
                    </a:lnTo>
                    <a:lnTo>
                      <a:pt x="433" y="3587"/>
                    </a:lnTo>
                    <a:lnTo>
                      <a:pt x="438" y="3578"/>
                    </a:lnTo>
                    <a:lnTo>
                      <a:pt x="449" y="3567"/>
                    </a:lnTo>
                    <a:lnTo>
                      <a:pt x="450" y="3563"/>
                    </a:lnTo>
                    <a:lnTo>
                      <a:pt x="451" y="3560"/>
                    </a:lnTo>
                    <a:lnTo>
                      <a:pt x="451" y="3553"/>
                    </a:lnTo>
                    <a:lnTo>
                      <a:pt x="450" y="3548"/>
                    </a:lnTo>
                    <a:lnTo>
                      <a:pt x="447" y="3534"/>
                    </a:lnTo>
                    <a:lnTo>
                      <a:pt x="443" y="3518"/>
                    </a:lnTo>
                    <a:lnTo>
                      <a:pt x="440" y="3504"/>
                    </a:lnTo>
                    <a:lnTo>
                      <a:pt x="437" y="3492"/>
                    </a:lnTo>
                    <a:lnTo>
                      <a:pt x="437" y="3487"/>
                    </a:lnTo>
                    <a:lnTo>
                      <a:pt x="438" y="3483"/>
                    </a:lnTo>
                    <a:lnTo>
                      <a:pt x="440" y="3479"/>
                    </a:lnTo>
                    <a:lnTo>
                      <a:pt x="442" y="3478"/>
                    </a:lnTo>
                    <a:lnTo>
                      <a:pt x="447" y="3478"/>
                    </a:lnTo>
                    <a:lnTo>
                      <a:pt x="454" y="3479"/>
                    </a:lnTo>
                    <a:lnTo>
                      <a:pt x="462" y="3482"/>
                    </a:lnTo>
                    <a:lnTo>
                      <a:pt x="471" y="3486"/>
                    </a:lnTo>
                    <a:lnTo>
                      <a:pt x="493" y="3496"/>
                    </a:lnTo>
                    <a:lnTo>
                      <a:pt x="517" y="3508"/>
                    </a:lnTo>
                    <a:lnTo>
                      <a:pt x="542" y="3521"/>
                    </a:lnTo>
                    <a:lnTo>
                      <a:pt x="563" y="3534"/>
                    </a:lnTo>
                    <a:lnTo>
                      <a:pt x="572" y="3540"/>
                    </a:lnTo>
                    <a:lnTo>
                      <a:pt x="578" y="3545"/>
                    </a:lnTo>
                    <a:lnTo>
                      <a:pt x="583" y="3551"/>
                    </a:lnTo>
                    <a:lnTo>
                      <a:pt x="587" y="3554"/>
                    </a:lnTo>
                    <a:lnTo>
                      <a:pt x="591" y="3566"/>
                    </a:lnTo>
                    <a:lnTo>
                      <a:pt x="598" y="3582"/>
                    </a:lnTo>
                    <a:lnTo>
                      <a:pt x="602" y="3589"/>
                    </a:lnTo>
                    <a:lnTo>
                      <a:pt x="604" y="3597"/>
                    </a:lnTo>
                    <a:lnTo>
                      <a:pt x="608" y="3601"/>
                    </a:lnTo>
                    <a:lnTo>
                      <a:pt x="609" y="3604"/>
                    </a:lnTo>
                    <a:lnTo>
                      <a:pt x="614" y="3604"/>
                    </a:lnTo>
                    <a:lnTo>
                      <a:pt x="620" y="3602"/>
                    </a:lnTo>
                    <a:lnTo>
                      <a:pt x="624" y="3600"/>
                    </a:lnTo>
                    <a:lnTo>
                      <a:pt x="626" y="3597"/>
                    </a:lnTo>
                    <a:lnTo>
                      <a:pt x="630" y="3589"/>
                    </a:lnTo>
                    <a:lnTo>
                      <a:pt x="633" y="3580"/>
                    </a:lnTo>
                    <a:lnTo>
                      <a:pt x="636" y="3560"/>
                    </a:lnTo>
                    <a:lnTo>
                      <a:pt x="642" y="3541"/>
                    </a:lnTo>
                    <a:lnTo>
                      <a:pt x="648" y="3512"/>
                    </a:lnTo>
                    <a:close/>
                    <a:moveTo>
                      <a:pt x="1072" y="2004"/>
                    </a:moveTo>
                    <a:lnTo>
                      <a:pt x="1068" y="1996"/>
                    </a:lnTo>
                    <a:lnTo>
                      <a:pt x="1064" y="1991"/>
                    </a:lnTo>
                    <a:lnTo>
                      <a:pt x="1058" y="1987"/>
                    </a:lnTo>
                    <a:lnTo>
                      <a:pt x="1050" y="1983"/>
                    </a:lnTo>
                    <a:lnTo>
                      <a:pt x="1034" y="1979"/>
                    </a:lnTo>
                    <a:lnTo>
                      <a:pt x="1020" y="1975"/>
                    </a:lnTo>
                    <a:lnTo>
                      <a:pt x="1011" y="1973"/>
                    </a:lnTo>
                    <a:lnTo>
                      <a:pt x="1003" y="1969"/>
                    </a:lnTo>
                    <a:lnTo>
                      <a:pt x="997" y="1964"/>
                    </a:lnTo>
                    <a:lnTo>
                      <a:pt x="991" y="1957"/>
                    </a:lnTo>
                    <a:lnTo>
                      <a:pt x="989" y="1952"/>
                    </a:lnTo>
                    <a:lnTo>
                      <a:pt x="988" y="1948"/>
                    </a:lnTo>
                    <a:lnTo>
                      <a:pt x="986" y="1946"/>
                    </a:lnTo>
                    <a:lnTo>
                      <a:pt x="986" y="1943"/>
                    </a:lnTo>
                    <a:lnTo>
                      <a:pt x="988" y="1940"/>
                    </a:lnTo>
                    <a:lnTo>
                      <a:pt x="990" y="1939"/>
                    </a:lnTo>
                    <a:lnTo>
                      <a:pt x="993" y="1939"/>
                    </a:lnTo>
                    <a:lnTo>
                      <a:pt x="995" y="1939"/>
                    </a:lnTo>
                    <a:lnTo>
                      <a:pt x="1010" y="1942"/>
                    </a:lnTo>
                    <a:lnTo>
                      <a:pt x="1023" y="1946"/>
                    </a:lnTo>
                    <a:lnTo>
                      <a:pt x="1028" y="1947"/>
                    </a:lnTo>
                    <a:lnTo>
                      <a:pt x="1033" y="1947"/>
                    </a:lnTo>
                    <a:lnTo>
                      <a:pt x="1039" y="1946"/>
                    </a:lnTo>
                    <a:lnTo>
                      <a:pt x="1046" y="1944"/>
                    </a:lnTo>
                    <a:lnTo>
                      <a:pt x="1058" y="1942"/>
                    </a:lnTo>
                    <a:lnTo>
                      <a:pt x="1069" y="1938"/>
                    </a:lnTo>
                    <a:lnTo>
                      <a:pt x="1073" y="1935"/>
                    </a:lnTo>
                    <a:lnTo>
                      <a:pt x="1080" y="1931"/>
                    </a:lnTo>
                    <a:lnTo>
                      <a:pt x="1082" y="1930"/>
                    </a:lnTo>
                    <a:lnTo>
                      <a:pt x="1085" y="1930"/>
                    </a:lnTo>
                    <a:lnTo>
                      <a:pt x="1087" y="1930"/>
                    </a:lnTo>
                    <a:lnTo>
                      <a:pt x="1087" y="1933"/>
                    </a:lnTo>
                    <a:lnTo>
                      <a:pt x="1089" y="1944"/>
                    </a:lnTo>
                    <a:lnTo>
                      <a:pt x="1090" y="1955"/>
                    </a:lnTo>
                    <a:lnTo>
                      <a:pt x="1091" y="1966"/>
                    </a:lnTo>
                    <a:lnTo>
                      <a:pt x="1092" y="1977"/>
                    </a:lnTo>
                    <a:lnTo>
                      <a:pt x="1094" y="1987"/>
                    </a:lnTo>
                    <a:lnTo>
                      <a:pt x="1094" y="1999"/>
                    </a:lnTo>
                    <a:lnTo>
                      <a:pt x="1092" y="2004"/>
                    </a:lnTo>
                    <a:lnTo>
                      <a:pt x="1090" y="2008"/>
                    </a:lnTo>
                    <a:lnTo>
                      <a:pt x="1089" y="2009"/>
                    </a:lnTo>
                    <a:lnTo>
                      <a:pt x="1086" y="2010"/>
                    </a:lnTo>
                    <a:lnTo>
                      <a:pt x="1083" y="2010"/>
                    </a:lnTo>
                    <a:lnTo>
                      <a:pt x="1081" y="2010"/>
                    </a:lnTo>
                    <a:lnTo>
                      <a:pt x="1072" y="2004"/>
                    </a:lnTo>
                    <a:close/>
                    <a:moveTo>
                      <a:pt x="1836" y="1501"/>
                    </a:moveTo>
                    <a:lnTo>
                      <a:pt x="1826" y="1493"/>
                    </a:lnTo>
                    <a:lnTo>
                      <a:pt x="1814" y="1488"/>
                    </a:lnTo>
                    <a:lnTo>
                      <a:pt x="1808" y="1487"/>
                    </a:lnTo>
                    <a:lnTo>
                      <a:pt x="1801" y="1487"/>
                    </a:lnTo>
                    <a:lnTo>
                      <a:pt x="1795" y="1487"/>
                    </a:lnTo>
                    <a:lnTo>
                      <a:pt x="1788" y="1488"/>
                    </a:lnTo>
                    <a:lnTo>
                      <a:pt x="1784" y="1490"/>
                    </a:lnTo>
                    <a:lnTo>
                      <a:pt x="1780" y="1493"/>
                    </a:lnTo>
                    <a:lnTo>
                      <a:pt x="1777" y="1497"/>
                    </a:lnTo>
                    <a:lnTo>
                      <a:pt x="1774" y="1501"/>
                    </a:lnTo>
                    <a:lnTo>
                      <a:pt x="1770" y="1510"/>
                    </a:lnTo>
                    <a:lnTo>
                      <a:pt x="1769" y="1519"/>
                    </a:lnTo>
                    <a:lnTo>
                      <a:pt x="1769" y="1526"/>
                    </a:lnTo>
                    <a:lnTo>
                      <a:pt x="1770" y="1531"/>
                    </a:lnTo>
                    <a:lnTo>
                      <a:pt x="1773" y="1537"/>
                    </a:lnTo>
                    <a:lnTo>
                      <a:pt x="1777" y="1544"/>
                    </a:lnTo>
                    <a:lnTo>
                      <a:pt x="1780" y="1549"/>
                    </a:lnTo>
                    <a:lnTo>
                      <a:pt x="1784" y="1554"/>
                    </a:lnTo>
                    <a:lnTo>
                      <a:pt x="1788" y="1558"/>
                    </a:lnTo>
                    <a:lnTo>
                      <a:pt x="1793" y="1562"/>
                    </a:lnTo>
                    <a:lnTo>
                      <a:pt x="1799" y="1565"/>
                    </a:lnTo>
                    <a:lnTo>
                      <a:pt x="1804" y="1567"/>
                    </a:lnTo>
                    <a:lnTo>
                      <a:pt x="1809" y="1569"/>
                    </a:lnTo>
                    <a:lnTo>
                      <a:pt x="1814" y="1569"/>
                    </a:lnTo>
                    <a:lnTo>
                      <a:pt x="1824" y="1569"/>
                    </a:lnTo>
                    <a:lnTo>
                      <a:pt x="1835" y="1566"/>
                    </a:lnTo>
                    <a:lnTo>
                      <a:pt x="1839" y="1565"/>
                    </a:lnTo>
                    <a:lnTo>
                      <a:pt x="1844" y="1561"/>
                    </a:lnTo>
                    <a:lnTo>
                      <a:pt x="1846" y="1558"/>
                    </a:lnTo>
                    <a:lnTo>
                      <a:pt x="1849" y="1554"/>
                    </a:lnTo>
                    <a:lnTo>
                      <a:pt x="1852" y="1549"/>
                    </a:lnTo>
                    <a:lnTo>
                      <a:pt x="1853" y="1544"/>
                    </a:lnTo>
                    <a:lnTo>
                      <a:pt x="1853" y="1537"/>
                    </a:lnTo>
                    <a:lnTo>
                      <a:pt x="1853" y="1531"/>
                    </a:lnTo>
                    <a:lnTo>
                      <a:pt x="1836" y="1501"/>
                    </a:lnTo>
                    <a:close/>
                    <a:moveTo>
                      <a:pt x="155" y="360"/>
                    </a:moveTo>
                    <a:lnTo>
                      <a:pt x="180" y="372"/>
                    </a:lnTo>
                    <a:lnTo>
                      <a:pt x="204" y="379"/>
                    </a:lnTo>
                    <a:lnTo>
                      <a:pt x="215" y="382"/>
                    </a:lnTo>
                    <a:lnTo>
                      <a:pt x="228" y="382"/>
                    </a:lnTo>
                    <a:lnTo>
                      <a:pt x="243" y="381"/>
                    </a:lnTo>
                    <a:lnTo>
                      <a:pt x="257" y="375"/>
                    </a:lnTo>
                    <a:lnTo>
                      <a:pt x="274" y="370"/>
                    </a:lnTo>
                    <a:lnTo>
                      <a:pt x="288" y="366"/>
                    </a:lnTo>
                    <a:lnTo>
                      <a:pt x="301" y="363"/>
                    </a:lnTo>
                    <a:lnTo>
                      <a:pt x="311" y="361"/>
                    </a:lnTo>
                    <a:lnTo>
                      <a:pt x="320" y="361"/>
                    </a:lnTo>
                    <a:lnTo>
                      <a:pt x="328" y="361"/>
                    </a:lnTo>
                    <a:lnTo>
                      <a:pt x="336" y="363"/>
                    </a:lnTo>
                    <a:lnTo>
                      <a:pt x="342" y="365"/>
                    </a:lnTo>
                    <a:lnTo>
                      <a:pt x="357" y="370"/>
                    </a:lnTo>
                    <a:lnTo>
                      <a:pt x="373" y="378"/>
                    </a:lnTo>
                    <a:lnTo>
                      <a:pt x="384" y="382"/>
                    </a:lnTo>
                    <a:lnTo>
                      <a:pt x="397" y="385"/>
                    </a:lnTo>
                    <a:lnTo>
                      <a:pt x="410" y="388"/>
                    </a:lnTo>
                    <a:lnTo>
                      <a:pt x="427" y="392"/>
                    </a:lnTo>
                    <a:lnTo>
                      <a:pt x="441" y="392"/>
                    </a:lnTo>
                    <a:lnTo>
                      <a:pt x="453" y="392"/>
                    </a:lnTo>
                    <a:lnTo>
                      <a:pt x="462" y="390"/>
                    </a:lnTo>
                    <a:lnTo>
                      <a:pt x="471" y="386"/>
                    </a:lnTo>
                    <a:lnTo>
                      <a:pt x="477" y="379"/>
                    </a:lnTo>
                    <a:lnTo>
                      <a:pt x="484" y="373"/>
                    </a:lnTo>
                    <a:lnTo>
                      <a:pt x="489" y="365"/>
                    </a:lnTo>
                    <a:lnTo>
                      <a:pt x="494" y="357"/>
                    </a:lnTo>
                    <a:lnTo>
                      <a:pt x="502" y="338"/>
                    </a:lnTo>
                    <a:lnTo>
                      <a:pt x="508" y="318"/>
                    </a:lnTo>
                    <a:lnTo>
                      <a:pt x="512" y="309"/>
                    </a:lnTo>
                    <a:lnTo>
                      <a:pt x="517" y="299"/>
                    </a:lnTo>
                    <a:lnTo>
                      <a:pt x="522" y="291"/>
                    </a:lnTo>
                    <a:lnTo>
                      <a:pt x="528" y="283"/>
                    </a:lnTo>
                    <a:lnTo>
                      <a:pt x="547" y="263"/>
                    </a:lnTo>
                    <a:lnTo>
                      <a:pt x="576" y="238"/>
                    </a:lnTo>
                    <a:lnTo>
                      <a:pt x="590" y="226"/>
                    </a:lnTo>
                    <a:lnTo>
                      <a:pt x="605" y="217"/>
                    </a:lnTo>
                    <a:lnTo>
                      <a:pt x="618" y="210"/>
                    </a:lnTo>
                    <a:lnTo>
                      <a:pt x="630" y="206"/>
                    </a:lnTo>
                    <a:lnTo>
                      <a:pt x="640" y="203"/>
                    </a:lnTo>
                    <a:lnTo>
                      <a:pt x="647" y="203"/>
                    </a:lnTo>
                    <a:lnTo>
                      <a:pt x="649" y="204"/>
                    </a:lnTo>
                    <a:lnTo>
                      <a:pt x="651" y="206"/>
                    </a:lnTo>
                    <a:lnTo>
                      <a:pt x="652" y="208"/>
                    </a:lnTo>
                    <a:lnTo>
                      <a:pt x="652" y="210"/>
                    </a:lnTo>
                    <a:lnTo>
                      <a:pt x="648" y="223"/>
                    </a:lnTo>
                    <a:lnTo>
                      <a:pt x="640" y="239"/>
                    </a:lnTo>
                    <a:lnTo>
                      <a:pt x="636" y="250"/>
                    </a:lnTo>
                    <a:lnTo>
                      <a:pt x="634" y="259"/>
                    </a:lnTo>
                    <a:lnTo>
                      <a:pt x="633" y="269"/>
                    </a:lnTo>
                    <a:lnTo>
                      <a:pt x="634" y="280"/>
                    </a:lnTo>
                    <a:lnTo>
                      <a:pt x="635" y="285"/>
                    </a:lnTo>
                    <a:lnTo>
                      <a:pt x="638" y="289"/>
                    </a:lnTo>
                    <a:lnTo>
                      <a:pt x="640" y="294"/>
                    </a:lnTo>
                    <a:lnTo>
                      <a:pt x="644" y="299"/>
                    </a:lnTo>
                    <a:lnTo>
                      <a:pt x="649" y="303"/>
                    </a:lnTo>
                    <a:lnTo>
                      <a:pt x="655" y="307"/>
                    </a:lnTo>
                    <a:lnTo>
                      <a:pt x="662" y="311"/>
                    </a:lnTo>
                    <a:lnTo>
                      <a:pt x="670" y="315"/>
                    </a:lnTo>
                    <a:lnTo>
                      <a:pt x="679" y="318"/>
                    </a:lnTo>
                    <a:lnTo>
                      <a:pt x="687" y="324"/>
                    </a:lnTo>
                    <a:lnTo>
                      <a:pt x="695" y="329"/>
                    </a:lnTo>
                    <a:lnTo>
                      <a:pt x="700" y="335"/>
                    </a:lnTo>
                    <a:lnTo>
                      <a:pt x="712" y="348"/>
                    </a:lnTo>
                    <a:lnTo>
                      <a:pt x="719" y="364"/>
                    </a:lnTo>
                    <a:lnTo>
                      <a:pt x="734" y="397"/>
                    </a:lnTo>
                    <a:lnTo>
                      <a:pt x="749" y="430"/>
                    </a:lnTo>
                    <a:lnTo>
                      <a:pt x="760" y="444"/>
                    </a:lnTo>
                    <a:lnTo>
                      <a:pt x="769" y="454"/>
                    </a:lnTo>
                    <a:lnTo>
                      <a:pt x="774" y="458"/>
                    </a:lnTo>
                    <a:lnTo>
                      <a:pt x="779" y="461"/>
                    </a:lnTo>
                    <a:lnTo>
                      <a:pt x="783" y="464"/>
                    </a:lnTo>
                    <a:lnTo>
                      <a:pt x="788" y="464"/>
                    </a:lnTo>
                    <a:lnTo>
                      <a:pt x="793" y="464"/>
                    </a:lnTo>
                    <a:lnTo>
                      <a:pt x="798" y="462"/>
                    </a:lnTo>
                    <a:lnTo>
                      <a:pt x="802" y="460"/>
                    </a:lnTo>
                    <a:lnTo>
                      <a:pt x="807" y="456"/>
                    </a:lnTo>
                    <a:lnTo>
                      <a:pt x="813" y="451"/>
                    </a:lnTo>
                    <a:lnTo>
                      <a:pt x="818" y="444"/>
                    </a:lnTo>
                    <a:lnTo>
                      <a:pt x="823" y="436"/>
                    </a:lnTo>
                    <a:lnTo>
                      <a:pt x="827" y="429"/>
                    </a:lnTo>
                    <a:lnTo>
                      <a:pt x="840" y="409"/>
                    </a:lnTo>
                    <a:lnTo>
                      <a:pt x="853" y="391"/>
                    </a:lnTo>
                    <a:lnTo>
                      <a:pt x="867" y="375"/>
                    </a:lnTo>
                    <a:lnTo>
                      <a:pt x="881" y="360"/>
                    </a:lnTo>
                    <a:lnTo>
                      <a:pt x="894" y="343"/>
                    </a:lnTo>
                    <a:lnTo>
                      <a:pt x="905" y="326"/>
                    </a:lnTo>
                    <a:lnTo>
                      <a:pt x="909" y="317"/>
                    </a:lnTo>
                    <a:lnTo>
                      <a:pt x="912" y="308"/>
                    </a:lnTo>
                    <a:lnTo>
                      <a:pt x="914" y="298"/>
                    </a:lnTo>
                    <a:lnTo>
                      <a:pt x="915" y="286"/>
                    </a:lnTo>
                    <a:lnTo>
                      <a:pt x="916" y="278"/>
                    </a:lnTo>
                    <a:lnTo>
                      <a:pt x="918" y="268"/>
                    </a:lnTo>
                    <a:lnTo>
                      <a:pt x="921" y="258"/>
                    </a:lnTo>
                    <a:lnTo>
                      <a:pt x="925" y="246"/>
                    </a:lnTo>
                    <a:lnTo>
                      <a:pt x="929" y="236"/>
                    </a:lnTo>
                    <a:lnTo>
                      <a:pt x="936" y="225"/>
                    </a:lnTo>
                    <a:lnTo>
                      <a:pt x="938" y="221"/>
                    </a:lnTo>
                    <a:lnTo>
                      <a:pt x="942" y="219"/>
                    </a:lnTo>
                    <a:lnTo>
                      <a:pt x="946" y="216"/>
                    </a:lnTo>
                    <a:lnTo>
                      <a:pt x="949" y="215"/>
                    </a:lnTo>
                    <a:lnTo>
                      <a:pt x="951" y="215"/>
                    </a:lnTo>
                    <a:lnTo>
                      <a:pt x="955" y="217"/>
                    </a:lnTo>
                    <a:lnTo>
                      <a:pt x="958" y="220"/>
                    </a:lnTo>
                    <a:lnTo>
                      <a:pt x="962" y="224"/>
                    </a:lnTo>
                    <a:lnTo>
                      <a:pt x="969" y="233"/>
                    </a:lnTo>
                    <a:lnTo>
                      <a:pt x="976" y="245"/>
                    </a:lnTo>
                    <a:lnTo>
                      <a:pt x="990" y="269"/>
                    </a:lnTo>
                    <a:lnTo>
                      <a:pt x="1002" y="283"/>
                    </a:lnTo>
                    <a:lnTo>
                      <a:pt x="1016" y="290"/>
                    </a:lnTo>
                    <a:lnTo>
                      <a:pt x="1032" y="296"/>
                    </a:lnTo>
                    <a:lnTo>
                      <a:pt x="1039" y="299"/>
                    </a:lnTo>
                    <a:lnTo>
                      <a:pt x="1047" y="302"/>
                    </a:lnTo>
                    <a:lnTo>
                      <a:pt x="1055" y="303"/>
                    </a:lnTo>
                    <a:lnTo>
                      <a:pt x="1063" y="304"/>
                    </a:lnTo>
                    <a:lnTo>
                      <a:pt x="1077" y="304"/>
                    </a:lnTo>
                    <a:lnTo>
                      <a:pt x="1089" y="306"/>
                    </a:lnTo>
                    <a:lnTo>
                      <a:pt x="1100" y="308"/>
                    </a:lnTo>
                    <a:lnTo>
                      <a:pt x="1113" y="313"/>
                    </a:lnTo>
                    <a:lnTo>
                      <a:pt x="1126" y="317"/>
                    </a:lnTo>
                    <a:lnTo>
                      <a:pt x="1138" y="320"/>
                    </a:lnTo>
                    <a:lnTo>
                      <a:pt x="1148" y="322"/>
                    </a:lnTo>
                    <a:lnTo>
                      <a:pt x="1159" y="321"/>
                    </a:lnTo>
                    <a:lnTo>
                      <a:pt x="1162" y="320"/>
                    </a:lnTo>
                    <a:lnTo>
                      <a:pt x="1166" y="317"/>
                    </a:lnTo>
                    <a:lnTo>
                      <a:pt x="1169" y="315"/>
                    </a:lnTo>
                    <a:lnTo>
                      <a:pt x="1173" y="311"/>
                    </a:lnTo>
                    <a:lnTo>
                      <a:pt x="1174" y="306"/>
                    </a:lnTo>
                    <a:lnTo>
                      <a:pt x="1177" y="300"/>
                    </a:lnTo>
                    <a:lnTo>
                      <a:pt x="1177" y="293"/>
                    </a:lnTo>
                    <a:lnTo>
                      <a:pt x="1178" y="285"/>
                    </a:lnTo>
                    <a:lnTo>
                      <a:pt x="1175" y="271"/>
                    </a:lnTo>
                    <a:lnTo>
                      <a:pt x="1174" y="252"/>
                    </a:lnTo>
                    <a:lnTo>
                      <a:pt x="1174" y="243"/>
                    </a:lnTo>
                    <a:lnTo>
                      <a:pt x="1174" y="236"/>
                    </a:lnTo>
                    <a:lnTo>
                      <a:pt x="1175" y="233"/>
                    </a:lnTo>
                    <a:lnTo>
                      <a:pt x="1178" y="229"/>
                    </a:lnTo>
                    <a:lnTo>
                      <a:pt x="1179" y="228"/>
                    </a:lnTo>
                    <a:lnTo>
                      <a:pt x="1182" y="226"/>
                    </a:lnTo>
                    <a:lnTo>
                      <a:pt x="1187" y="225"/>
                    </a:lnTo>
                    <a:lnTo>
                      <a:pt x="1192" y="225"/>
                    </a:lnTo>
                    <a:lnTo>
                      <a:pt x="1199" y="225"/>
                    </a:lnTo>
                    <a:lnTo>
                      <a:pt x="1205" y="226"/>
                    </a:lnTo>
                    <a:lnTo>
                      <a:pt x="1221" y="230"/>
                    </a:lnTo>
                    <a:lnTo>
                      <a:pt x="1236" y="234"/>
                    </a:lnTo>
                    <a:lnTo>
                      <a:pt x="1244" y="236"/>
                    </a:lnTo>
                    <a:lnTo>
                      <a:pt x="1252" y="236"/>
                    </a:lnTo>
                    <a:lnTo>
                      <a:pt x="1258" y="236"/>
                    </a:lnTo>
                    <a:lnTo>
                      <a:pt x="1265" y="234"/>
                    </a:lnTo>
                    <a:lnTo>
                      <a:pt x="1271" y="230"/>
                    </a:lnTo>
                    <a:lnTo>
                      <a:pt x="1276" y="226"/>
                    </a:lnTo>
                    <a:lnTo>
                      <a:pt x="1280" y="220"/>
                    </a:lnTo>
                    <a:lnTo>
                      <a:pt x="1283" y="212"/>
                    </a:lnTo>
                    <a:lnTo>
                      <a:pt x="1286" y="206"/>
                    </a:lnTo>
                    <a:lnTo>
                      <a:pt x="1286" y="199"/>
                    </a:lnTo>
                    <a:lnTo>
                      <a:pt x="1286" y="194"/>
                    </a:lnTo>
                    <a:lnTo>
                      <a:pt x="1284" y="189"/>
                    </a:lnTo>
                    <a:lnTo>
                      <a:pt x="1282" y="179"/>
                    </a:lnTo>
                    <a:lnTo>
                      <a:pt x="1278" y="167"/>
                    </a:lnTo>
                    <a:lnTo>
                      <a:pt x="1275" y="160"/>
                    </a:lnTo>
                    <a:lnTo>
                      <a:pt x="1275" y="154"/>
                    </a:lnTo>
                    <a:lnTo>
                      <a:pt x="1275" y="147"/>
                    </a:lnTo>
                    <a:lnTo>
                      <a:pt x="1276" y="141"/>
                    </a:lnTo>
                    <a:lnTo>
                      <a:pt x="1282" y="129"/>
                    </a:lnTo>
                    <a:lnTo>
                      <a:pt x="1288" y="118"/>
                    </a:lnTo>
                    <a:lnTo>
                      <a:pt x="1313" y="76"/>
                    </a:lnTo>
                    <a:lnTo>
                      <a:pt x="1324" y="74"/>
                    </a:lnTo>
                    <a:lnTo>
                      <a:pt x="1336" y="68"/>
                    </a:lnTo>
                    <a:lnTo>
                      <a:pt x="1346" y="62"/>
                    </a:lnTo>
                    <a:lnTo>
                      <a:pt x="1355" y="54"/>
                    </a:lnTo>
                    <a:lnTo>
                      <a:pt x="1376" y="39"/>
                    </a:lnTo>
                    <a:lnTo>
                      <a:pt x="1396" y="26"/>
                    </a:lnTo>
                    <a:lnTo>
                      <a:pt x="1400" y="26"/>
                    </a:lnTo>
                    <a:lnTo>
                      <a:pt x="1406" y="27"/>
                    </a:lnTo>
                    <a:lnTo>
                      <a:pt x="1415" y="31"/>
                    </a:lnTo>
                    <a:lnTo>
                      <a:pt x="1423" y="35"/>
                    </a:lnTo>
                    <a:lnTo>
                      <a:pt x="1441" y="44"/>
                    </a:lnTo>
                    <a:lnTo>
                      <a:pt x="1455" y="49"/>
                    </a:lnTo>
                    <a:lnTo>
                      <a:pt x="1466" y="50"/>
                    </a:lnTo>
                    <a:lnTo>
                      <a:pt x="1476" y="50"/>
                    </a:lnTo>
                    <a:lnTo>
                      <a:pt x="1485" y="49"/>
                    </a:lnTo>
                    <a:lnTo>
                      <a:pt x="1495" y="46"/>
                    </a:lnTo>
                    <a:lnTo>
                      <a:pt x="1515" y="39"/>
                    </a:lnTo>
                    <a:lnTo>
                      <a:pt x="1536" y="30"/>
                    </a:lnTo>
                    <a:lnTo>
                      <a:pt x="1555" y="19"/>
                    </a:lnTo>
                    <a:lnTo>
                      <a:pt x="1574" y="10"/>
                    </a:lnTo>
                    <a:lnTo>
                      <a:pt x="1585" y="6"/>
                    </a:lnTo>
                    <a:lnTo>
                      <a:pt x="1595" y="2"/>
                    </a:lnTo>
                    <a:lnTo>
                      <a:pt x="1606" y="1"/>
                    </a:lnTo>
                    <a:lnTo>
                      <a:pt x="1616" y="0"/>
                    </a:lnTo>
                    <a:lnTo>
                      <a:pt x="1630" y="0"/>
                    </a:lnTo>
                    <a:lnTo>
                      <a:pt x="1646" y="1"/>
                    </a:lnTo>
                    <a:lnTo>
                      <a:pt x="1661" y="4"/>
                    </a:lnTo>
                    <a:lnTo>
                      <a:pt x="1677" y="6"/>
                    </a:lnTo>
                    <a:lnTo>
                      <a:pt x="1692" y="9"/>
                    </a:lnTo>
                    <a:lnTo>
                      <a:pt x="1709" y="11"/>
                    </a:lnTo>
                    <a:lnTo>
                      <a:pt x="1725" y="13"/>
                    </a:lnTo>
                    <a:lnTo>
                      <a:pt x="1740" y="14"/>
                    </a:lnTo>
                    <a:lnTo>
                      <a:pt x="1782" y="11"/>
                    </a:lnTo>
                    <a:lnTo>
                      <a:pt x="1839" y="9"/>
                    </a:lnTo>
                    <a:lnTo>
                      <a:pt x="1852" y="9"/>
                    </a:lnTo>
                    <a:lnTo>
                      <a:pt x="1866" y="10"/>
                    </a:lnTo>
                    <a:lnTo>
                      <a:pt x="1878" y="13"/>
                    </a:lnTo>
                    <a:lnTo>
                      <a:pt x="1888" y="17"/>
                    </a:lnTo>
                    <a:lnTo>
                      <a:pt x="1897" y="21"/>
                    </a:lnTo>
                    <a:lnTo>
                      <a:pt x="1905" y="26"/>
                    </a:lnTo>
                    <a:lnTo>
                      <a:pt x="1907" y="30"/>
                    </a:lnTo>
                    <a:lnTo>
                      <a:pt x="1909" y="32"/>
                    </a:lnTo>
                    <a:lnTo>
                      <a:pt x="1910" y="36"/>
                    </a:lnTo>
                    <a:lnTo>
                      <a:pt x="1911" y="41"/>
                    </a:lnTo>
                    <a:lnTo>
                      <a:pt x="1910" y="93"/>
                    </a:lnTo>
                    <a:lnTo>
                      <a:pt x="1909" y="136"/>
                    </a:lnTo>
                    <a:lnTo>
                      <a:pt x="1910" y="145"/>
                    </a:lnTo>
                    <a:lnTo>
                      <a:pt x="1913" y="154"/>
                    </a:lnTo>
                    <a:lnTo>
                      <a:pt x="1915" y="164"/>
                    </a:lnTo>
                    <a:lnTo>
                      <a:pt x="1920" y="173"/>
                    </a:lnTo>
                    <a:lnTo>
                      <a:pt x="1927" y="184"/>
                    </a:lnTo>
                    <a:lnTo>
                      <a:pt x="1935" y="194"/>
                    </a:lnTo>
                    <a:lnTo>
                      <a:pt x="1944" y="204"/>
                    </a:lnTo>
                    <a:lnTo>
                      <a:pt x="1955" y="216"/>
                    </a:lnTo>
                    <a:lnTo>
                      <a:pt x="1971" y="225"/>
                    </a:lnTo>
                    <a:lnTo>
                      <a:pt x="1985" y="232"/>
                    </a:lnTo>
                    <a:lnTo>
                      <a:pt x="1999" y="238"/>
                    </a:lnTo>
                    <a:lnTo>
                      <a:pt x="2014" y="242"/>
                    </a:lnTo>
                    <a:lnTo>
                      <a:pt x="2028" y="246"/>
                    </a:lnTo>
                    <a:lnTo>
                      <a:pt x="2043" y="249"/>
                    </a:lnTo>
                    <a:lnTo>
                      <a:pt x="2059" y="250"/>
                    </a:lnTo>
                    <a:lnTo>
                      <a:pt x="2076" y="251"/>
                    </a:lnTo>
                    <a:lnTo>
                      <a:pt x="2090" y="254"/>
                    </a:lnTo>
                    <a:lnTo>
                      <a:pt x="2104" y="256"/>
                    </a:lnTo>
                    <a:lnTo>
                      <a:pt x="2117" y="260"/>
                    </a:lnTo>
                    <a:lnTo>
                      <a:pt x="2129" y="264"/>
                    </a:lnTo>
                    <a:lnTo>
                      <a:pt x="2151" y="276"/>
                    </a:lnTo>
                    <a:lnTo>
                      <a:pt x="2173" y="287"/>
                    </a:lnTo>
                    <a:lnTo>
                      <a:pt x="2194" y="299"/>
                    </a:lnTo>
                    <a:lnTo>
                      <a:pt x="2216" y="309"/>
                    </a:lnTo>
                    <a:lnTo>
                      <a:pt x="2227" y="315"/>
                    </a:lnTo>
                    <a:lnTo>
                      <a:pt x="2239" y="318"/>
                    </a:lnTo>
                    <a:lnTo>
                      <a:pt x="2252" y="321"/>
                    </a:lnTo>
                    <a:lnTo>
                      <a:pt x="2266" y="324"/>
                    </a:lnTo>
                    <a:lnTo>
                      <a:pt x="2278" y="325"/>
                    </a:lnTo>
                    <a:lnTo>
                      <a:pt x="2288" y="328"/>
                    </a:lnTo>
                    <a:lnTo>
                      <a:pt x="2299" y="330"/>
                    </a:lnTo>
                    <a:lnTo>
                      <a:pt x="2308" y="334"/>
                    </a:lnTo>
                    <a:lnTo>
                      <a:pt x="2317" y="338"/>
                    </a:lnTo>
                    <a:lnTo>
                      <a:pt x="2325" y="343"/>
                    </a:lnTo>
                    <a:lnTo>
                      <a:pt x="2332" y="348"/>
                    </a:lnTo>
                    <a:lnTo>
                      <a:pt x="2340" y="355"/>
                    </a:lnTo>
                    <a:lnTo>
                      <a:pt x="2353" y="368"/>
                    </a:lnTo>
                    <a:lnTo>
                      <a:pt x="2365" y="383"/>
                    </a:lnTo>
                    <a:lnTo>
                      <a:pt x="2376" y="400"/>
                    </a:lnTo>
                    <a:lnTo>
                      <a:pt x="2388" y="420"/>
                    </a:lnTo>
                    <a:lnTo>
                      <a:pt x="2328" y="444"/>
                    </a:lnTo>
                    <a:lnTo>
                      <a:pt x="2319" y="447"/>
                    </a:lnTo>
                    <a:lnTo>
                      <a:pt x="2312" y="449"/>
                    </a:lnTo>
                    <a:lnTo>
                      <a:pt x="2305" y="452"/>
                    </a:lnTo>
                    <a:lnTo>
                      <a:pt x="2300" y="457"/>
                    </a:lnTo>
                    <a:lnTo>
                      <a:pt x="2296" y="462"/>
                    </a:lnTo>
                    <a:lnTo>
                      <a:pt x="2293" y="467"/>
                    </a:lnTo>
                    <a:lnTo>
                      <a:pt x="2292" y="474"/>
                    </a:lnTo>
                    <a:lnTo>
                      <a:pt x="2291" y="480"/>
                    </a:lnTo>
                    <a:lnTo>
                      <a:pt x="2292" y="495"/>
                    </a:lnTo>
                    <a:lnTo>
                      <a:pt x="2293" y="509"/>
                    </a:lnTo>
                    <a:lnTo>
                      <a:pt x="2297" y="524"/>
                    </a:lnTo>
                    <a:lnTo>
                      <a:pt x="2300" y="537"/>
                    </a:lnTo>
                    <a:lnTo>
                      <a:pt x="2302" y="553"/>
                    </a:lnTo>
                    <a:lnTo>
                      <a:pt x="2304" y="570"/>
                    </a:lnTo>
                    <a:lnTo>
                      <a:pt x="2304" y="585"/>
                    </a:lnTo>
                    <a:lnTo>
                      <a:pt x="2304" y="601"/>
                    </a:lnTo>
                    <a:lnTo>
                      <a:pt x="2305" y="616"/>
                    </a:lnTo>
                    <a:lnTo>
                      <a:pt x="2306" y="632"/>
                    </a:lnTo>
                    <a:lnTo>
                      <a:pt x="2310" y="647"/>
                    </a:lnTo>
                    <a:lnTo>
                      <a:pt x="2317" y="662"/>
                    </a:lnTo>
                    <a:lnTo>
                      <a:pt x="2339" y="695"/>
                    </a:lnTo>
                    <a:lnTo>
                      <a:pt x="2365" y="736"/>
                    </a:lnTo>
                    <a:lnTo>
                      <a:pt x="2371" y="746"/>
                    </a:lnTo>
                    <a:lnTo>
                      <a:pt x="2375" y="756"/>
                    </a:lnTo>
                    <a:lnTo>
                      <a:pt x="2378" y="767"/>
                    </a:lnTo>
                    <a:lnTo>
                      <a:pt x="2379" y="777"/>
                    </a:lnTo>
                    <a:lnTo>
                      <a:pt x="2379" y="786"/>
                    </a:lnTo>
                    <a:lnTo>
                      <a:pt x="2376" y="796"/>
                    </a:lnTo>
                    <a:lnTo>
                      <a:pt x="2371" y="806"/>
                    </a:lnTo>
                    <a:lnTo>
                      <a:pt x="2363" y="813"/>
                    </a:lnTo>
                    <a:lnTo>
                      <a:pt x="2322" y="820"/>
                    </a:lnTo>
                    <a:lnTo>
                      <a:pt x="2332" y="802"/>
                    </a:lnTo>
                    <a:lnTo>
                      <a:pt x="2341" y="790"/>
                    </a:lnTo>
                    <a:lnTo>
                      <a:pt x="2348" y="784"/>
                    </a:lnTo>
                    <a:lnTo>
                      <a:pt x="2350" y="781"/>
                    </a:lnTo>
                    <a:lnTo>
                      <a:pt x="2344" y="773"/>
                    </a:lnTo>
                    <a:lnTo>
                      <a:pt x="2314" y="747"/>
                    </a:lnTo>
                    <a:lnTo>
                      <a:pt x="2304" y="737"/>
                    </a:lnTo>
                    <a:lnTo>
                      <a:pt x="2293" y="730"/>
                    </a:lnTo>
                    <a:lnTo>
                      <a:pt x="2284" y="727"/>
                    </a:lnTo>
                    <a:lnTo>
                      <a:pt x="2275" y="724"/>
                    </a:lnTo>
                    <a:lnTo>
                      <a:pt x="2266" y="724"/>
                    </a:lnTo>
                    <a:lnTo>
                      <a:pt x="2258" y="725"/>
                    </a:lnTo>
                    <a:lnTo>
                      <a:pt x="2251" y="728"/>
                    </a:lnTo>
                    <a:lnTo>
                      <a:pt x="2244" y="730"/>
                    </a:lnTo>
                    <a:lnTo>
                      <a:pt x="2236" y="733"/>
                    </a:lnTo>
                    <a:lnTo>
                      <a:pt x="2230" y="736"/>
                    </a:lnTo>
                    <a:lnTo>
                      <a:pt x="2223" y="737"/>
                    </a:lnTo>
                    <a:lnTo>
                      <a:pt x="2216" y="737"/>
                    </a:lnTo>
                    <a:lnTo>
                      <a:pt x="2209" y="736"/>
                    </a:lnTo>
                    <a:lnTo>
                      <a:pt x="2201" y="732"/>
                    </a:lnTo>
                    <a:lnTo>
                      <a:pt x="2195" y="725"/>
                    </a:lnTo>
                    <a:lnTo>
                      <a:pt x="2186" y="716"/>
                    </a:lnTo>
                    <a:lnTo>
                      <a:pt x="2182" y="710"/>
                    </a:lnTo>
                    <a:lnTo>
                      <a:pt x="2177" y="706"/>
                    </a:lnTo>
                    <a:lnTo>
                      <a:pt x="2173" y="702"/>
                    </a:lnTo>
                    <a:lnTo>
                      <a:pt x="2169" y="699"/>
                    </a:lnTo>
                    <a:lnTo>
                      <a:pt x="2164" y="698"/>
                    </a:lnTo>
                    <a:lnTo>
                      <a:pt x="2160" y="697"/>
                    </a:lnTo>
                    <a:lnTo>
                      <a:pt x="2156" y="697"/>
                    </a:lnTo>
                    <a:lnTo>
                      <a:pt x="2152" y="698"/>
                    </a:lnTo>
                    <a:lnTo>
                      <a:pt x="2143" y="701"/>
                    </a:lnTo>
                    <a:lnTo>
                      <a:pt x="2135" y="704"/>
                    </a:lnTo>
                    <a:lnTo>
                      <a:pt x="2126" y="711"/>
                    </a:lnTo>
                    <a:lnTo>
                      <a:pt x="2117" y="717"/>
                    </a:lnTo>
                    <a:lnTo>
                      <a:pt x="2102" y="728"/>
                    </a:lnTo>
                    <a:lnTo>
                      <a:pt x="2094" y="737"/>
                    </a:lnTo>
                    <a:lnTo>
                      <a:pt x="2093" y="739"/>
                    </a:lnTo>
                    <a:lnTo>
                      <a:pt x="2093" y="742"/>
                    </a:lnTo>
                    <a:lnTo>
                      <a:pt x="2094" y="745"/>
                    </a:lnTo>
                    <a:lnTo>
                      <a:pt x="2095" y="746"/>
                    </a:lnTo>
                    <a:lnTo>
                      <a:pt x="2112" y="754"/>
                    </a:lnTo>
                    <a:lnTo>
                      <a:pt x="2133" y="764"/>
                    </a:lnTo>
                    <a:lnTo>
                      <a:pt x="2134" y="767"/>
                    </a:lnTo>
                    <a:lnTo>
                      <a:pt x="2134" y="768"/>
                    </a:lnTo>
                    <a:lnTo>
                      <a:pt x="2133" y="771"/>
                    </a:lnTo>
                    <a:lnTo>
                      <a:pt x="2129" y="772"/>
                    </a:lnTo>
                    <a:lnTo>
                      <a:pt x="2119" y="774"/>
                    </a:lnTo>
                    <a:lnTo>
                      <a:pt x="2104" y="777"/>
                    </a:lnTo>
                    <a:lnTo>
                      <a:pt x="2074" y="781"/>
                    </a:lnTo>
                    <a:lnTo>
                      <a:pt x="2058" y="782"/>
                    </a:lnTo>
                    <a:lnTo>
                      <a:pt x="2042" y="784"/>
                    </a:lnTo>
                    <a:lnTo>
                      <a:pt x="2027" y="786"/>
                    </a:lnTo>
                    <a:lnTo>
                      <a:pt x="2012" y="791"/>
                    </a:lnTo>
                    <a:lnTo>
                      <a:pt x="1997" y="796"/>
                    </a:lnTo>
                    <a:lnTo>
                      <a:pt x="1968" y="811"/>
                    </a:lnTo>
                    <a:lnTo>
                      <a:pt x="1940" y="824"/>
                    </a:lnTo>
                    <a:lnTo>
                      <a:pt x="1931" y="828"/>
                    </a:lnTo>
                    <a:lnTo>
                      <a:pt x="1923" y="829"/>
                    </a:lnTo>
                    <a:lnTo>
                      <a:pt x="1918" y="830"/>
                    </a:lnTo>
                    <a:lnTo>
                      <a:pt x="1913" y="830"/>
                    </a:lnTo>
                    <a:lnTo>
                      <a:pt x="1909" y="829"/>
                    </a:lnTo>
                    <a:lnTo>
                      <a:pt x="1906" y="826"/>
                    </a:lnTo>
                    <a:lnTo>
                      <a:pt x="1905" y="824"/>
                    </a:lnTo>
                    <a:lnTo>
                      <a:pt x="1903" y="821"/>
                    </a:lnTo>
                    <a:lnTo>
                      <a:pt x="1903" y="813"/>
                    </a:lnTo>
                    <a:lnTo>
                      <a:pt x="1906" y="807"/>
                    </a:lnTo>
                    <a:lnTo>
                      <a:pt x="1909" y="803"/>
                    </a:lnTo>
                    <a:lnTo>
                      <a:pt x="1911" y="800"/>
                    </a:lnTo>
                    <a:lnTo>
                      <a:pt x="1914" y="798"/>
                    </a:lnTo>
                    <a:lnTo>
                      <a:pt x="1918" y="796"/>
                    </a:lnTo>
                    <a:lnTo>
                      <a:pt x="1926" y="794"/>
                    </a:lnTo>
                    <a:lnTo>
                      <a:pt x="1932" y="791"/>
                    </a:lnTo>
                    <a:lnTo>
                      <a:pt x="1937" y="789"/>
                    </a:lnTo>
                    <a:lnTo>
                      <a:pt x="1940" y="785"/>
                    </a:lnTo>
                    <a:lnTo>
                      <a:pt x="1941" y="782"/>
                    </a:lnTo>
                    <a:lnTo>
                      <a:pt x="1941" y="780"/>
                    </a:lnTo>
                    <a:lnTo>
                      <a:pt x="1940" y="777"/>
                    </a:lnTo>
                    <a:lnTo>
                      <a:pt x="1937" y="776"/>
                    </a:lnTo>
                    <a:lnTo>
                      <a:pt x="1935" y="773"/>
                    </a:lnTo>
                    <a:lnTo>
                      <a:pt x="1931" y="772"/>
                    </a:lnTo>
                    <a:lnTo>
                      <a:pt x="1926" y="772"/>
                    </a:lnTo>
                    <a:lnTo>
                      <a:pt x="1920" y="772"/>
                    </a:lnTo>
                    <a:lnTo>
                      <a:pt x="1915" y="772"/>
                    </a:lnTo>
                    <a:lnTo>
                      <a:pt x="1910" y="773"/>
                    </a:lnTo>
                    <a:lnTo>
                      <a:pt x="1903" y="776"/>
                    </a:lnTo>
                    <a:lnTo>
                      <a:pt x="1898" y="778"/>
                    </a:lnTo>
                    <a:lnTo>
                      <a:pt x="1874" y="795"/>
                    </a:lnTo>
                    <a:lnTo>
                      <a:pt x="1850" y="813"/>
                    </a:lnTo>
                    <a:lnTo>
                      <a:pt x="1839" y="821"/>
                    </a:lnTo>
                    <a:lnTo>
                      <a:pt x="1827" y="830"/>
                    </a:lnTo>
                    <a:lnTo>
                      <a:pt x="1815" y="837"/>
                    </a:lnTo>
                    <a:lnTo>
                      <a:pt x="1802" y="844"/>
                    </a:lnTo>
                    <a:lnTo>
                      <a:pt x="1796" y="848"/>
                    </a:lnTo>
                    <a:lnTo>
                      <a:pt x="1791" y="855"/>
                    </a:lnTo>
                    <a:lnTo>
                      <a:pt x="1788" y="861"/>
                    </a:lnTo>
                    <a:lnTo>
                      <a:pt x="1787" y="869"/>
                    </a:lnTo>
                    <a:lnTo>
                      <a:pt x="1788" y="877"/>
                    </a:lnTo>
                    <a:lnTo>
                      <a:pt x="1791" y="886"/>
                    </a:lnTo>
                    <a:lnTo>
                      <a:pt x="1795" y="895"/>
                    </a:lnTo>
                    <a:lnTo>
                      <a:pt x="1799" y="904"/>
                    </a:lnTo>
                    <a:lnTo>
                      <a:pt x="1810" y="921"/>
                    </a:lnTo>
                    <a:lnTo>
                      <a:pt x="1823" y="936"/>
                    </a:lnTo>
                    <a:lnTo>
                      <a:pt x="1830" y="943"/>
                    </a:lnTo>
                    <a:lnTo>
                      <a:pt x="1836" y="948"/>
                    </a:lnTo>
                    <a:lnTo>
                      <a:pt x="1843" y="952"/>
                    </a:lnTo>
                    <a:lnTo>
                      <a:pt x="1848" y="955"/>
                    </a:lnTo>
                    <a:lnTo>
                      <a:pt x="1858" y="960"/>
                    </a:lnTo>
                    <a:lnTo>
                      <a:pt x="1867" y="966"/>
                    </a:lnTo>
                    <a:lnTo>
                      <a:pt x="1875" y="973"/>
                    </a:lnTo>
                    <a:lnTo>
                      <a:pt x="1880" y="982"/>
                    </a:lnTo>
                    <a:lnTo>
                      <a:pt x="1884" y="991"/>
                    </a:lnTo>
                    <a:lnTo>
                      <a:pt x="1888" y="1001"/>
                    </a:lnTo>
                    <a:lnTo>
                      <a:pt x="1889" y="1010"/>
                    </a:lnTo>
                    <a:lnTo>
                      <a:pt x="1889" y="1021"/>
                    </a:lnTo>
                    <a:lnTo>
                      <a:pt x="1888" y="1032"/>
                    </a:lnTo>
                    <a:lnTo>
                      <a:pt x="1887" y="1043"/>
                    </a:lnTo>
                    <a:lnTo>
                      <a:pt x="1883" y="1053"/>
                    </a:lnTo>
                    <a:lnTo>
                      <a:pt x="1879" y="1063"/>
                    </a:lnTo>
                    <a:lnTo>
                      <a:pt x="1874" y="1072"/>
                    </a:lnTo>
                    <a:lnTo>
                      <a:pt x="1868" y="1081"/>
                    </a:lnTo>
                    <a:lnTo>
                      <a:pt x="1861" y="1089"/>
                    </a:lnTo>
                    <a:lnTo>
                      <a:pt x="1854" y="1096"/>
                    </a:lnTo>
                    <a:lnTo>
                      <a:pt x="1844" y="1102"/>
                    </a:lnTo>
                    <a:lnTo>
                      <a:pt x="1835" y="1106"/>
                    </a:lnTo>
                    <a:lnTo>
                      <a:pt x="1826" y="1110"/>
                    </a:lnTo>
                    <a:lnTo>
                      <a:pt x="1818" y="1113"/>
                    </a:lnTo>
                    <a:lnTo>
                      <a:pt x="1804" y="1116"/>
                    </a:lnTo>
                    <a:lnTo>
                      <a:pt x="1793" y="1119"/>
                    </a:lnTo>
                    <a:lnTo>
                      <a:pt x="1789" y="1122"/>
                    </a:lnTo>
                    <a:lnTo>
                      <a:pt x="1787" y="1124"/>
                    </a:lnTo>
                    <a:lnTo>
                      <a:pt x="1784" y="1128"/>
                    </a:lnTo>
                    <a:lnTo>
                      <a:pt x="1783" y="1135"/>
                    </a:lnTo>
                    <a:lnTo>
                      <a:pt x="1782" y="1141"/>
                    </a:lnTo>
                    <a:lnTo>
                      <a:pt x="1783" y="1150"/>
                    </a:lnTo>
                    <a:lnTo>
                      <a:pt x="1784" y="1162"/>
                    </a:lnTo>
                    <a:lnTo>
                      <a:pt x="1787" y="1176"/>
                    </a:lnTo>
                    <a:lnTo>
                      <a:pt x="1792" y="1214"/>
                    </a:lnTo>
                    <a:lnTo>
                      <a:pt x="1796" y="1251"/>
                    </a:lnTo>
                    <a:lnTo>
                      <a:pt x="1799" y="1290"/>
                    </a:lnTo>
                    <a:lnTo>
                      <a:pt x="1804" y="1328"/>
                    </a:lnTo>
                    <a:lnTo>
                      <a:pt x="1808" y="1350"/>
                    </a:lnTo>
                    <a:lnTo>
                      <a:pt x="1814" y="1370"/>
                    </a:lnTo>
                    <a:lnTo>
                      <a:pt x="1823" y="1391"/>
                    </a:lnTo>
                    <a:lnTo>
                      <a:pt x="1832" y="1410"/>
                    </a:lnTo>
                    <a:lnTo>
                      <a:pt x="1844" y="1430"/>
                    </a:lnTo>
                    <a:lnTo>
                      <a:pt x="1857" y="1449"/>
                    </a:lnTo>
                    <a:lnTo>
                      <a:pt x="1870" y="1466"/>
                    </a:lnTo>
                    <a:lnTo>
                      <a:pt x="1885" y="1484"/>
                    </a:lnTo>
                    <a:lnTo>
                      <a:pt x="1901" y="1501"/>
                    </a:lnTo>
                    <a:lnTo>
                      <a:pt x="1916" y="1517"/>
                    </a:lnTo>
                    <a:lnTo>
                      <a:pt x="1933" y="1532"/>
                    </a:lnTo>
                    <a:lnTo>
                      <a:pt x="1950" y="1548"/>
                    </a:lnTo>
                    <a:lnTo>
                      <a:pt x="1985" y="1576"/>
                    </a:lnTo>
                    <a:lnTo>
                      <a:pt x="2020" y="1604"/>
                    </a:lnTo>
                    <a:lnTo>
                      <a:pt x="2028" y="1616"/>
                    </a:lnTo>
                    <a:lnTo>
                      <a:pt x="2040" y="1631"/>
                    </a:lnTo>
                    <a:lnTo>
                      <a:pt x="2052" y="1645"/>
                    </a:lnTo>
                    <a:lnTo>
                      <a:pt x="2067" y="1659"/>
                    </a:lnTo>
                    <a:lnTo>
                      <a:pt x="2081" y="1672"/>
                    </a:lnTo>
                    <a:lnTo>
                      <a:pt x="2097" y="1685"/>
                    </a:lnTo>
                    <a:lnTo>
                      <a:pt x="2111" y="1697"/>
                    </a:lnTo>
                    <a:lnTo>
                      <a:pt x="2124" y="1705"/>
                    </a:lnTo>
                    <a:lnTo>
                      <a:pt x="2134" y="1708"/>
                    </a:lnTo>
                    <a:lnTo>
                      <a:pt x="2147" y="1711"/>
                    </a:lnTo>
                    <a:lnTo>
                      <a:pt x="2163" y="1712"/>
                    </a:lnTo>
                    <a:lnTo>
                      <a:pt x="2178" y="1714"/>
                    </a:lnTo>
                    <a:lnTo>
                      <a:pt x="2194" y="1715"/>
                    </a:lnTo>
                    <a:lnTo>
                      <a:pt x="2207" y="1718"/>
                    </a:lnTo>
                    <a:lnTo>
                      <a:pt x="2213" y="1719"/>
                    </a:lnTo>
                    <a:lnTo>
                      <a:pt x="2217" y="1721"/>
                    </a:lnTo>
                    <a:lnTo>
                      <a:pt x="2221" y="1724"/>
                    </a:lnTo>
                    <a:lnTo>
                      <a:pt x="2223" y="1728"/>
                    </a:lnTo>
                    <a:lnTo>
                      <a:pt x="2227" y="1737"/>
                    </a:lnTo>
                    <a:lnTo>
                      <a:pt x="2230" y="1747"/>
                    </a:lnTo>
                    <a:lnTo>
                      <a:pt x="2231" y="1759"/>
                    </a:lnTo>
                    <a:lnTo>
                      <a:pt x="2233" y="1769"/>
                    </a:lnTo>
                    <a:lnTo>
                      <a:pt x="2233" y="1791"/>
                    </a:lnTo>
                    <a:lnTo>
                      <a:pt x="2234" y="1812"/>
                    </a:lnTo>
                    <a:lnTo>
                      <a:pt x="2240" y="1839"/>
                    </a:lnTo>
                    <a:lnTo>
                      <a:pt x="2248" y="1869"/>
                    </a:lnTo>
                    <a:lnTo>
                      <a:pt x="2257" y="1898"/>
                    </a:lnTo>
                    <a:lnTo>
                      <a:pt x="2266" y="1925"/>
                    </a:lnTo>
                    <a:lnTo>
                      <a:pt x="2266" y="1951"/>
                    </a:lnTo>
                    <a:lnTo>
                      <a:pt x="2268" y="1980"/>
                    </a:lnTo>
                    <a:lnTo>
                      <a:pt x="2269" y="2012"/>
                    </a:lnTo>
                    <a:lnTo>
                      <a:pt x="2270" y="2044"/>
                    </a:lnTo>
                    <a:lnTo>
                      <a:pt x="2274" y="2075"/>
                    </a:lnTo>
                    <a:lnTo>
                      <a:pt x="2280" y="2105"/>
                    </a:lnTo>
                    <a:lnTo>
                      <a:pt x="2284" y="2119"/>
                    </a:lnTo>
                    <a:lnTo>
                      <a:pt x="2290" y="2131"/>
                    </a:lnTo>
                    <a:lnTo>
                      <a:pt x="2296" y="2144"/>
                    </a:lnTo>
                    <a:lnTo>
                      <a:pt x="2302" y="2154"/>
                    </a:lnTo>
                    <a:lnTo>
                      <a:pt x="2330" y="2196"/>
                    </a:lnTo>
                    <a:lnTo>
                      <a:pt x="2354" y="2234"/>
                    </a:lnTo>
                    <a:lnTo>
                      <a:pt x="2367" y="2255"/>
                    </a:lnTo>
                    <a:lnTo>
                      <a:pt x="2382" y="2275"/>
                    </a:lnTo>
                    <a:lnTo>
                      <a:pt x="2397" y="2294"/>
                    </a:lnTo>
                    <a:lnTo>
                      <a:pt x="2415" y="2313"/>
                    </a:lnTo>
                    <a:lnTo>
                      <a:pt x="2420" y="2313"/>
                    </a:lnTo>
                    <a:lnTo>
                      <a:pt x="2426" y="2315"/>
                    </a:lnTo>
                    <a:lnTo>
                      <a:pt x="2429" y="2316"/>
                    </a:lnTo>
                    <a:lnTo>
                      <a:pt x="2433" y="2317"/>
                    </a:lnTo>
                    <a:lnTo>
                      <a:pt x="2441" y="2322"/>
                    </a:lnTo>
                    <a:lnTo>
                      <a:pt x="2449" y="2329"/>
                    </a:lnTo>
                    <a:lnTo>
                      <a:pt x="2449" y="2337"/>
                    </a:lnTo>
                    <a:lnTo>
                      <a:pt x="2450" y="2343"/>
                    </a:lnTo>
                    <a:lnTo>
                      <a:pt x="2453" y="2350"/>
                    </a:lnTo>
                    <a:lnTo>
                      <a:pt x="2455" y="2356"/>
                    </a:lnTo>
                    <a:lnTo>
                      <a:pt x="2459" y="2361"/>
                    </a:lnTo>
                    <a:lnTo>
                      <a:pt x="2463" y="2367"/>
                    </a:lnTo>
                    <a:lnTo>
                      <a:pt x="2468" y="2372"/>
                    </a:lnTo>
                    <a:lnTo>
                      <a:pt x="2473" y="2376"/>
                    </a:lnTo>
                    <a:lnTo>
                      <a:pt x="2485" y="2382"/>
                    </a:lnTo>
                    <a:lnTo>
                      <a:pt x="2498" y="2387"/>
                    </a:lnTo>
                    <a:lnTo>
                      <a:pt x="2511" y="2391"/>
                    </a:lnTo>
                    <a:lnTo>
                      <a:pt x="2525" y="2391"/>
                    </a:lnTo>
                    <a:lnTo>
                      <a:pt x="2533" y="2392"/>
                    </a:lnTo>
                    <a:lnTo>
                      <a:pt x="2540" y="2394"/>
                    </a:lnTo>
                    <a:lnTo>
                      <a:pt x="2545" y="2396"/>
                    </a:lnTo>
                    <a:lnTo>
                      <a:pt x="2551" y="2400"/>
                    </a:lnTo>
                    <a:lnTo>
                      <a:pt x="2560" y="2409"/>
                    </a:lnTo>
                    <a:lnTo>
                      <a:pt x="2569" y="2421"/>
                    </a:lnTo>
                    <a:lnTo>
                      <a:pt x="2577" y="2434"/>
                    </a:lnTo>
                    <a:lnTo>
                      <a:pt x="2586" y="2446"/>
                    </a:lnTo>
                    <a:lnTo>
                      <a:pt x="2591" y="2452"/>
                    </a:lnTo>
                    <a:lnTo>
                      <a:pt x="2597" y="2457"/>
                    </a:lnTo>
                    <a:lnTo>
                      <a:pt x="2603" y="2462"/>
                    </a:lnTo>
                    <a:lnTo>
                      <a:pt x="2610" y="2466"/>
                    </a:lnTo>
                    <a:lnTo>
                      <a:pt x="2645" y="2484"/>
                    </a:lnTo>
                    <a:lnTo>
                      <a:pt x="2677" y="2500"/>
                    </a:lnTo>
                    <a:lnTo>
                      <a:pt x="2708" y="2510"/>
                    </a:lnTo>
                    <a:lnTo>
                      <a:pt x="2739" y="2519"/>
                    </a:lnTo>
                    <a:lnTo>
                      <a:pt x="2770" y="2527"/>
                    </a:lnTo>
                    <a:lnTo>
                      <a:pt x="2801" y="2534"/>
                    </a:lnTo>
                    <a:lnTo>
                      <a:pt x="2836" y="2539"/>
                    </a:lnTo>
                    <a:lnTo>
                      <a:pt x="2874" y="2545"/>
                    </a:lnTo>
                    <a:lnTo>
                      <a:pt x="2895" y="2548"/>
                    </a:lnTo>
                    <a:lnTo>
                      <a:pt x="2917" y="2549"/>
                    </a:lnTo>
                    <a:lnTo>
                      <a:pt x="2939" y="2548"/>
                    </a:lnTo>
                    <a:lnTo>
                      <a:pt x="2961" y="2545"/>
                    </a:lnTo>
                    <a:lnTo>
                      <a:pt x="2983" y="2544"/>
                    </a:lnTo>
                    <a:lnTo>
                      <a:pt x="3003" y="2543"/>
                    </a:lnTo>
                    <a:lnTo>
                      <a:pt x="3024" y="2543"/>
                    </a:lnTo>
                    <a:lnTo>
                      <a:pt x="3044" y="2545"/>
                    </a:lnTo>
                    <a:lnTo>
                      <a:pt x="3047" y="2554"/>
                    </a:lnTo>
                    <a:lnTo>
                      <a:pt x="3047" y="2562"/>
                    </a:lnTo>
                    <a:lnTo>
                      <a:pt x="3046" y="2572"/>
                    </a:lnTo>
                    <a:lnTo>
                      <a:pt x="3045" y="2582"/>
                    </a:lnTo>
                    <a:lnTo>
                      <a:pt x="3038" y="2601"/>
                    </a:lnTo>
                    <a:lnTo>
                      <a:pt x="3034" y="2618"/>
                    </a:lnTo>
                    <a:lnTo>
                      <a:pt x="3025" y="2627"/>
                    </a:lnTo>
                    <a:lnTo>
                      <a:pt x="3019" y="2636"/>
                    </a:lnTo>
                    <a:lnTo>
                      <a:pt x="3015" y="2644"/>
                    </a:lnTo>
                    <a:lnTo>
                      <a:pt x="3010" y="2653"/>
                    </a:lnTo>
                    <a:lnTo>
                      <a:pt x="3005" y="2661"/>
                    </a:lnTo>
                    <a:lnTo>
                      <a:pt x="2997" y="2667"/>
                    </a:lnTo>
                    <a:lnTo>
                      <a:pt x="2988" y="2675"/>
                    </a:lnTo>
                    <a:lnTo>
                      <a:pt x="2974" y="2681"/>
                    </a:lnTo>
                    <a:lnTo>
                      <a:pt x="2966" y="2684"/>
                    </a:lnTo>
                    <a:lnTo>
                      <a:pt x="2959" y="2688"/>
                    </a:lnTo>
                    <a:lnTo>
                      <a:pt x="2954" y="2690"/>
                    </a:lnTo>
                    <a:lnTo>
                      <a:pt x="2950" y="2694"/>
                    </a:lnTo>
                    <a:lnTo>
                      <a:pt x="2949" y="2697"/>
                    </a:lnTo>
                    <a:lnTo>
                      <a:pt x="2948" y="2701"/>
                    </a:lnTo>
                    <a:lnTo>
                      <a:pt x="2948" y="2703"/>
                    </a:lnTo>
                    <a:lnTo>
                      <a:pt x="2949" y="2707"/>
                    </a:lnTo>
                    <a:lnTo>
                      <a:pt x="2954" y="2714"/>
                    </a:lnTo>
                    <a:lnTo>
                      <a:pt x="2962" y="2721"/>
                    </a:lnTo>
                    <a:lnTo>
                      <a:pt x="2970" y="2728"/>
                    </a:lnTo>
                    <a:lnTo>
                      <a:pt x="2980" y="2737"/>
                    </a:lnTo>
                    <a:lnTo>
                      <a:pt x="3001" y="2753"/>
                    </a:lnTo>
                    <a:lnTo>
                      <a:pt x="3023" y="2768"/>
                    </a:lnTo>
                    <a:lnTo>
                      <a:pt x="3045" y="2781"/>
                    </a:lnTo>
                    <a:lnTo>
                      <a:pt x="3068" y="2795"/>
                    </a:lnTo>
                    <a:lnTo>
                      <a:pt x="3115" y="2820"/>
                    </a:lnTo>
                    <a:lnTo>
                      <a:pt x="3161" y="2845"/>
                    </a:lnTo>
                    <a:lnTo>
                      <a:pt x="3409" y="2981"/>
                    </a:lnTo>
                    <a:lnTo>
                      <a:pt x="3432" y="2995"/>
                    </a:lnTo>
                    <a:lnTo>
                      <a:pt x="3455" y="3010"/>
                    </a:lnTo>
                    <a:lnTo>
                      <a:pt x="3478" y="3027"/>
                    </a:lnTo>
                    <a:lnTo>
                      <a:pt x="3501" y="3044"/>
                    </a:lnTo>
                    <a:lnTo>
                      <a:pt x="3524" y="3061"/>
                    </a:lnTo>
                    <a:lnTo>
                      <a:pt x="3546" y="3076"/>
                    </a:lnTo>
                    <a:lnTo>
                      <a:pt x="3569" y="3091"/>
                    </a:lnTo>
                    <a:lnTo>
                      <a:pt x="3593" y="3102"/>
                    </a:lnTo>
                    <a:lnTo>
                      <a:pt x="3614" y="3113"/>
                    </a:lnTo>
                    <a:lnTo>
                      <a:pt x="3633" y="3123"/>
                    </a:lnTo>
                    <a:lnTo>
                      <a:pt x="3651" y="3135"/>
                    </a:lnTo>
                    <a:lnTo>
                      <a:pt x="3668" y="3145"/>
                    </a:lnTo>
                    <a:lnTo>
                      <a:pt x="3683" y="3158"/>
                    </a:lnTo>
                    <a:lnTo>
                      <a:pt x="3699" y="3171"/>
                    </a:lnTo>
                    <a:lnTo>
                      <a:pt x="3713" y="3184"/>
                    </a:lnTo>
                    <a:lnTo>
                      <a:pt x="3728" y="3198"/>
                    </a:lnTo>
                    <a:lnTo>
                      <a:pt x="3740" y="3212"/>
                    </a:lnTo>
                    <a:lnTo>
                      <a:pt x="3753" y="3228"/>
                    </a:lnTo>
                    <a:lnTo>
                      <a:pt x="3765" y="3244"/>
                    </a:lnTo>
                    <a:lnTo>
                      <a:pt x="3775" y="3260"/>
                    </a:lnTo>
                    <a:lnTo>
                      <a:pt x="3797" y="3295"/>
                    </a:lnTo>
                    <a:lnTo>
                      <a:pt x="3818" y="3334"/>
                    </a:lnTo>
                    <a:lnTo>
                      <a:pt x="3822" y="3345"/>
                    </a:lnTo>
                    <a:lnTo>
                      <a:pt x="3826" y="3355"/>
                    </a:lnTo>
                    <a:lnTo>
                      <a:pt x="3827" y="3365"/>
                    </a:lnTo>
                    <a:lnTo>
                      <a:pt x="3827" y="3374"/>
                    </a:lnTo>
                    <a:lnTo>
                      <a:pt x="3827" y="3383"/>
                    </a:lnTo>
                    <a:lnTo>
                      <a:pt x="3825" y="3391"/>
                    </a:lnTo>
                    <a:lnTo>
                      <a:pt x="3822" y="3399"/>
                    </a:lnTo>
                    <a:lnTo>
                      <a:pt x="3820" y="3408"/>
                    </a:lnTo>
                    <a:lnTo>
                      <a:pt x="3813" y="3424"/>
                    </a:lnTo>
                    <a:lnTo>
                      <a:pt x="3807" y="3440"/>
                    </a:lnTo>
                    <a:lnTo>
                      <a:pt x="3804" y="3449"/>
                    </a:lnTo>
                    <a:lnTo>
                      <a:pt x="3801" y="3457"/>
                    </a:lnTo>
                    <a:lnTo>
                      <a:pt x="3800" y="3468"/>
                    </a:lnTo>
                    <a:lnTo>
                      <a:pt x="3799" y="3478"/>
                    </a:lnTo>
                    <a:lnTo>
                      <a:pt x="3801" y="3501"/>
                    </a:lnTo>
                    <a:lnTo>
                      <a:pt x="3801" y="3518"/>
                    </a:lnTo>
                    <a:lnTo>
                      <a:pt x="3801" y="3522"/>
                    </a:lnTo>
                    <a:lnTo>
                      <a:pt x="3800" y="3525"/>
                    </a:lnTo>
                    <a:lnTo>
                      <a:pt x="3797" y="3526"/>
                    </a:lnTo>
                    <a:lnTo>
                      <a:pt x="3794" y="3527"/>
                    </a:lnTo>
                    <a:lnTo>
                      <a:pt x="3790" y="3529"/>
                    </a:lnTo>
                    <a:lnTo>
                      <a:pt x="3785" y="3529"/>
                    </a:lnTo>
                    <a:lnTo>
                      <a:pt x="3778" y="3527"/>
                    </a:lnTo>
                    <a:lnTo>
                      <a:pt x="3769" y="3526"/>
                    </a:lnTo>
                    <a:lnTo>
                      <a:pt x="3759" y="3522"/>
                    </a:lnTo>
                    <a:lnTo>
                      <a:pt x="3750" y="3518"/>
                    </a:lnTo>
                    <a:lnTo>
                      <a:pt x="3740" y="3513"/>
                    </a:lnTo>
                    <a:lnTo>
                      <a:pt x="3733" y="3508"/>
                    </a:lnTo>
                    <a:lnTo>
                      <a:pt x="3725" y="3503"/>
                    </a:lnTo>
                    <a:lnTo>
                      <a:pt x="3720" y="3496"/>
                    </a:lnTo>
                    <a:lnTo>
                      <a:pt x="3713" y="3488"/>
                    </a:lnTo>
                    <a:lnTo>
                      <a:pt x="3709" y="3482"/>
                    </a:lnTo>
                    <a:lnTo>
                      <a:pt x="3702" y="3466"/>
                    </a:lnTo>
                    <a:lnTo>
                      <a:pt x="3695" y="3449"/>
                    </a:lnTo>
                    <a:lnTo>
                      <a:pt x="3690" y="3433"/>
                    </a:lnTo>
                    <a:lnTo>
                      <a:pt x="3686" y="3415"/>
                    </a:lnTo>
                    <a:lnTo>
                      <a:pt x="3682" y="3398"/>
                    </a:lnTo>
                    <a:lnTo>
                      <a:pt x="3677" y="3381"/>
                    </a:lnTo>
                    <a:lnTo>
                      <a:pt x="3672" y="3365"/>
                    </a:lnTo>
                    <a:lnTo>
                      <a:pt x="3665" y="3351"/>
                    </a:lnTo>
                    <a:lnTo>
                      <a:pt x="3660" y="3346"/>
                    </a:lnTo>
                    <a:lnTo>
                      <a:pt x="3656" y="3339"/>
                    </a:lnTo>
                    <a:lnTo>
                      <a:pt x="3650" y="3334"/>
                    </a:lnTo>
                    <a:lnTo>
                      <a:pt x="3643" y="3329"/>
                    </a:lnTo>
                    <a:lnTo>
                      <a:pt x="3637" y="3325"/>
                    </a:lnTo>
                    <a:lnTo>
                      <a:pt x="3629" y="3323"/>
                    </a:lnTo>
                    <a:lnTo>
                      <a:pt x="3620" y="3320"/>
                    </a:lnTo>
                    <a:lnTo>
                      <a:pt x="3610" y="3319"/>
                    </a:lnTo>
                    <a:lnTo>
                      <a:pt x="3593" y="3317"/>
                    </a:lnTo>
                    <a:lnTo>
                      <a:pt x="3564" y="3316"/>
                    </a:lnTo>
                    <a:lnTo>
                      <a:pt x="3529" y="3312"/>
                    </a:lnTo>
                    <a:lnTo>
                      <a:pt x="3490" y="3308"/>
                    </a:lnTo>
                    <a:lnTo>
                      <a:pt x="3472" y="3304"/>
                    </a:lnTo>
                    <a:lnTo>
                      <a:pt x="3454" y="3301"/>
                    </a:lnTo>
                    <a:lnTo>
                      <a:pt x="3439" y="3295"/>
                    </a:lnTo>
                    <a:lnTo>
                      <a:pt x="3424" y="3289"/>
                    </a:lnTo>
                    <a:lnTo>
                      <a:pt x="3419" y="3286"/>
                    </a:lnTo>
                    <a:lnTo>
                      <a:pt x="3414" y="3282"/>
                    </a:lnTo>
                    <a:lnTo>
                      <a:pt x="3409" y="3278"/>
                    </a:lnTo>
                    <a:lnTo>
                      <a:pt x="3405" y="3275"/>
                    </a:lnTo>
                    <a:lnTo>
                      <a:pt x="3404" y="3271"/>
                    </a:lnTo>
                    <a:lnTo>
                      <a:pt x="3401" y="3266"/>
                    </a:lnTo>
                    <a:lnTo>
                      <a:pt x="3401" y="3260"/>
                    </a:lnTo>
                    <a:lnTo>
                      <a:pt x="3402" y="3255"/>
                    </a:lnTo>
                    <a:lnTo>
                      <a:pt x="3406" y="3244"/>
                    </a:lnTo>
                    <a:lnTo>
                      <a:pt x="3409" y="3234"/>
                    </a:lnTo>
                    <a:lnTo>
                      <a:pt x="3410" y="3228"/>
                    </a:lnTo>
                    <a:lnTo>
                      <a:pt x="3409" y="3224"/>
                    </a:lnTo>
                    <a:lnTo>
                      <a:pt x="3405" y="3221"/>
                    </a:lnTo>
                    <a:lnTo>
                      <a:pt x="3398" y="3220"/>
                    </a:lnTo>
                    <a:lnTo>
                      <a:pt x="3387" y="3220"/>
                    </a:lnTo>
                    <a:lnTo>
                      <a:pt x="3371" y="3220"/>
                    </a:lnTo>
                    <a:lnTo>
                      <a:pt x="3358" y="3220"/>
                    </a:lnTo>
                    <a:lnTo>
                      <a:pt x="3348" y="3221"/>
                    </a:lnTo>
                    <a:lnTo>
                      <a:pt x="3338" y="3224"/>
                    </a:lnTo>
                    <a:lnTo>
                      <a:pt x="3327" y="3227"/>
                    </a:lnTo>
                    <a:lnTo>
                      <a:pt x="3318" y="3231"/>
                    </a:lnTo>
                    <a:lnTo>
                      <a:pt x="3309" y="3236"/>
                    </a:lnTo>
                    <a:lnTo>
                      <a:pt x="3300" y="3242"/>
                    </a:lnTo>
                    <a:lnTo>
                      <a:pt x="3292" y="3251"/>
                    </a:lnTo>
                    <a:lnTo>
                      <a:pt x="3268" y="3280"/>
                    </a:lnTo>
                    <a:lnTo>
                      <a:pt x="3246" y="3307"/>
                    </a:lnTo>
                    <a:lnTo>
                      <a:pt x="3226" y="3335"/>
                    </a:lnTo>
                    <a:lnTo>
                      <a:pt x="3208" y="3365"/>
                    </a:lnTo>
                    <a:lnTo>
                      <a:pt x="3191" y="3394"/>
                    </a:lnTo>
                    <a:lnTo>
                      <a:pt x="3176" y="3425"/>
                    </a:lnTo>
                    <a:lnTo>
                      <a:pt x="3159" y="3457"/>
                    </a:lnTo>
                    <a:lnTo>
                      <a:pt x="3143" y="3490"/>
                    </a:lnTo>
                    <a:lnTo>
                      <a:pt x="3142" y="3519"/>
                    </a:lnTo>
                    <a:lnTo>
                      <a:pt x="3145" y="3544"/>
                    </a:lnTo>
                    <a:lnTo>
                      <a:pt x="3146" y="3556"/>
                    </a:lnTo>
                    <a:lnTo>
                      <a:pt x="3148" y="3565"/>
                    </a:lnTo>
                    <a:lnTo>
                      <a:pt x="3152" y="3574"/>
                    </a:lnTo>
                    <a:lnTo>
                      <a:pt x="3156" y="3583"/>
                    </a:lnTo>
                    <a:lnTo>
                      <a:pt x="3161" y="3591"/>
                    </a:lnTo>
                    <a:lnTo>
                      <a:pt x="3168" y="3597"/>
                    </a:lnTo>
                    <a:lnTo>
                      <a:pt x="3176" y="3604"/>
                    </a:lnTo>
                    <a:lnTo>
                      <a:pt x="3185" y="3610"/>
                    </a:lnTo>
                    <a:lnTo>
                      <a:pt x="3195" y="3615"/>
                    </a:lnTo>
                    <a:lnTo>
                      <a:pt x="3207" y="3620"/>
                    </a:lnTo>
                    <a:lnTo>
                      <a:pt x="3220" y="3624"/>
                    </a:lnTo>
                    <a:lnTo>
                      <a:pt x="3234" y="3630"/>
                    </a:lnTo>
                    <a:lnTo>
                      <a:pt x="3242" y="3632"/>
                    </a:lnTo>
                    <a:lnTo>
                      <a:pt x="3251" y="3635"/>
                    </a:lnTo>
                    <a:lnTo>
                      <a:pt x="3259" y="3640"/>
                    </a:lnTo>
                    <a:lnTo>
                      <a:pt x="3266" y="3645"/>
                    </a:lnTo>
                    <a:lnTo>
                      <a:pt x="3283" y="3657"/>
                    </a:lnTo>
                    <a:lnTo>
                      <a:pt x="3299" y="3670"/>
                    </a:lnTo>
                    <a:lnTo>
                      <a:pt x="3331" y="3697"/>
                    </a:lnTo>
                    <a:lnTo>
                      <a:pt x="3360" y="3722"/>
                    </a:lnTo>
                    <a:lnTo>
                      <a:pt x="3361" y="3724"/>
                    </a:lnTo>
                    <a:lnTo>
                      <a:pt x="3364" y="3727"/>
                    </a:lnTo>
                    <a:lnTo>
                      <a:pt x="3365" y="3732"/>
                    </a:lnTo>
                    <a:lnTo>
                      <a:pt x="3366" y="3736"/>
                    </a:lnTo>
                    <a:lnTo>
                      <a:pt x="3367" y="3747"/>
                    </a:lnTo>
                    <a:lnTo>
                      <a:pt x="3367" y="3760"/>
                    </a:lnTo>
                    <a:lnTo>
                      <a:pt x="3366" y="3785"/>
                    </a:lnTo>
                    <a:lnTo>
                      <a:pt x="3365" y="3804"/>
                    </a:lnTo>
                    <a:lnTo>
                      <a:pt x="3366" y="3830"/>
                    </a:lnTo>
                    <a:lnTo>
                      <a:pt x="3366" y="3867"/>
                    </a:lnTo>
                    <a:lnTo>
                      <a:pt x="3366" y="3886"/>
                    </a:lnTo>
                    <a:lnTo>
                      <a:pt x="3366" y="3902"/>
                    </a:lnTo>
                    <a:lnTo>
                      <a:pt x="3365" y="3908"/>
                    </a:lnTo>
                    <a:lnTo>
                      <a:pt x="3364" y="3915"/>
                    </a:lnTo>
                    <a:lnTo>
                      <a:pt x="3361" y="3918"/>
                    </a:lnTo>
                    <a:lnTo>
                      <a:pt x="3360" y="3921"/>
                    </a:lnTo>
                    <a:lnTo>
                      <a:pt x="3307" y="3956"/>
                    </a:lnTo>
                    <a:lnTo>
                      <a:pt x="3305" y="3957"/>
                    </a:lnTo>
                    <a:lnTo>
                      <a:pt x="3303" y="3956"/>
                    </a:lnTo>
                    <a:lnTo>
                      <a:pt x="3301" y="3955"/>
                    </a:lnTo>
                    <a:lnTo>
                      <a:pt x="3299" y="3952"/>
                    </a:lnTo>
                    <a:lnTo>
                      <a:pt x="3294" y="3947"/>
                    </a:lnTo>
                    <a:lnTo>
                      <a:pt x="3288" y="3939"/>
                    </a:lnTo>
                    <a:lnTo>
                      <a:pt x="3283" y="3931"/>
                    </a:lnTo>
                    <a:lnTo>
                      <a:pt x="3278" y="3924"/>
                    </a:lnTo>
                    <a:lnTo>
                      <a:pt x="3273" y="3918"/>
                    </a:lnTo>
                    <a:lnTo>
                      <a:pt x="3268" y="3915"/>
                    </a:lnTo>
                    <a:lnTo>
                      <a:pt x="3262" y="3913"/>
                    </a:lnTo>
                    <a:lnTo>
                      <a:pt x="3256" y="3913"/>
                    </a:lnTo>
                    <a:lnTo>
                      <a:pt x="3251" y="3913"/>
                    </a:lnTo>
                    <a:lnTo>
                      <a:pt x="3244" y="3915"/>
                    </a:lnTo>
                    <a:lnTo>
                      <a:pt x="3230" y="3920"/>
                    </a:lnTo>
                    <a:lnTo>
                      <a:pt x="3217" y="3927"/>
                    </a:lnTo>
                    <a:lnTo>
                      <a:pt x="3204" y="3935"/>
                    </a:lnTo>
                    <a:lnTo>
                      <a:pt x="3193" y="3946"/>
                    </a:lnTo>
                    <a:lnTo>
                      <a:pt x="3183" y="3955"/>
                    </a:lnTo>
                    <a:lnTo>
                      <a:pt x="3176" y="3964"/>
                    </a:lnTo>
                    <a:lnTo>
                      <a:pt x="3168" y="3979"/>
                    </a:lnTo>
                    <a:lnTo>
                      <a:pt x="3161" y="3995"/>
                    </a:lnTo>
                    <a:lnTo>
                      <a:pt x="3158" y="4009"/>
                    </a:lnTo>
                    <a:lnTo>
                      <a:pt x="3155" y="4025"/>
                    </a:lnTo>
                    <a:lnTo>
                      <a:pt x="3152" y="4057"/>
                    </a:lnTo>
                    <a:lnTo>
                      <a:pt x="3154" y="4092"/>
                    </a:lnTo>
                    <a:lnTo>
                      <a:pt x="3154" y="4100"/>
                    </a:lnTo>
                    <a:lnTo>
                      <a:pt x="3154" y="4111"/>
                    </a:lnTo>
                    <a:lnTo>
                      <a:pt x="3152" y="4126"/>
                    </a:lnTo>
                    <a:lnTo>
                      <a:pt x="3151" y="4141"/>
                    </a:lnTo>
                    <a:lnTo>
                      <a:pt x="3147" y="4171"/>
                    </a:lnTo>
                    <a:lnTo>
                      <a:pt x="3143" y="4192"/>
                    </a:lnTo>
                    <a:lnTo>
                      <a:pt x="3142" y="4196"/>
                    </a:lnTo>
                    <a:lnTo>
                      <a:pt x="3139" y="4200"/>
                    </a:lnTo>
                    <a:lnTo>
                      <a:pt x="3135" y="4202"/>
                    </a:lnTo>
                    <a:lnTo>
                      <a:pt x="3132" y="4205"/>
                    </a:lnTo>
                    <a:lnTo>
                      <a:pt x="3123" y="4209"/>
                    </a:lnTo>
                    <a:lnTo>
                      <a:pt x="3112" y="4210"/>
                    </a:lnTo>
                    <a:lnTo>
                      <a:pt x="3101" y="4211"/>
                    </a:lnTo>
                    <a:lnTo>
                      <a:pt x="3089" y="4214"/>
                    </a:lnTo>
                    <a:lnTo>
                      <a:pt x="3084" y="4215"/>
                    </a:lnTo>
                    <a:lnTo>
                      <a:pt x="3078" y="4218"/>
                    </a:lnTo>
                    <a:lnTo>
                      <a:pt x="3075" y="4219"/>
                    </a:lnTo>
                    <a:lnTo>
                      <a:pt x="3071" y="4223"/>
                    </a:lnTo>
                    <a:lnTo>
                      <a:pt x="3054" y="4238"/>
                    </a:lnTo>
                    <a:lnTo>
                      <a:pt x="3038" y="4257"/>
                    </a:lnTo>
                    <a:lnTo>
                      <a:pt x="3023" y="4276"/>
                    </a:lnTo>
                    <a:lnTo>
                      <a:pt x="3009" y="4295"/>
                    </a:lnTo>
                    <a:lnTo>
                      <a:pt x="2997" y="4317"/>
                    </a:lnTo>
                    <a:lnTo>
                      <a:pt x="2987" y="4339"/>
                    </a:lnTo>
                    <a:lnTo>
                      <a:pt x="2981" y="4350"/>
                    </a:lnTo>
                    <a:lnTo>
                      <a:pt x="2977" y="4361"/>
                    </a:lnTo>
                    <a:lnTo>
                      <a:pt x="2975" y="4373"/>
                    </a:lnTo>
                    <a:lnTo>
                      <a:pt x="2972" y="4385"/>
                    </a:lnTo>
                    <a:lnTo>
                      <a:pt x="2971" y="4389"/>
                    </a:lnTo>
                    <a:lnTo>
                      <a:pt x="2968" y="4394"/>
                    </a:lnTo>
                    <a:lnTo>
                      <a:pt x="2964" y="4396"/>
                    </a:lnTo>
                    <a:lnTo>
                      <a:pt x="2959" y="4399"/>
                    </a:lnTo>
                    <a:lnTo>
                      <a:pt x="2948" y="4403"/>
                    </a:lnTo>
                    <a:lnTo>
                      <a:pt x="2935" y="4404"/>
                    </a:lnTo>
                    <a:lnTo>
                      <a:pt x="2906" y="4404"/>
                    </a:lnTo>
                    <a:lnTo>
                      <a:pt x="2883" y="4403"/>
                    </a:lnTo>
                    <a:lnTo>
                      <a:pt x="2865" y="4403"/>
                    </a:lnTo>
                    <a:lnTo>
                      <a:pt x="2850" y="4402"/>
                    </a:lnTo>
                    <a:lnTo>
                      <a:pt x="2838" y="4399"/>
                    </a:lnTo>
                    <a:lnTo>
                      <a:pt x="2828" y="4394"/>
                    </a:lnTo>
                    <a:lnTo>
                      <a:pt x="2825" y="4391"/>
                    </a:lnTo>
                    <a:lnTo>
                      <a:pt x="2821" y="4387"/>
                    </a:lnTo>
                    <a:lnTo>
                      <a:pt x="2817" y="4383"/>
                    </a:lnTo>
                    <a:lnTo>
                      <a:pt x="2813" y="4378"/>
                    </a:lnTo>
                    <a:lnTo>
                      <a:pt x="2806" y="4365"/>
                    </a:lnTo>
                    <a:lnTo>
                      <a:pt x="2800" y="4350"/>
                    </a:lnTo>
                    <a:lnTo>
                      <a:pt x="2799" y="4341"/>
                    </a:lnTo>
                    <a:lnTo>
                      <a:pt x="2797" y="4333"/>
                    </a:lnTo>
                    <a:lnTo>
                      <a:pt x="2797" y="4324"/>
                    </a:lnTo>
                    <a:lnTo>
                      <a:pt x="2797" y="4316"/>
                    </a:lnTo>
                    <a:lnTo>
                      <a:pt x="2800" y="4301"/>
                    </a:lnTo>
                    <a:lnTo>
                      <a:pt x="2801" y="4282"/>
                    </a:lnTo>
                    <a:lnTo>
                      <a:pt x="2801" y="4277"/>
                    </a:lnTo>
                    <a:lnTo>
                      <a:pt x="2800" y="4268"/>
                    </a:lnTo>
                    <a:lnTo>
                      <a:pt x="2800" y="4264"/>
                    </a:lnTo>
                    <a:lnTo>
                      <a:pt x="2800" y="4260"/>
                    </a:lnTo>
                    <a:lnTo>
                      <a:pt x="2801" y="4257"/>
                    </a:lnTo>
                    <a:lnTo>
                      <a:pt x="2803" y="4255"/>
                    </a:lnTo>
                    <a:lnTo>
                      <a:pt x="2804" y="4254"/>
                    </a:lnTo>
                    <a:lnTo>
                      <a:pt x="2810" y="4254"/>
                    </a:lnTo>
                    <a:lnTo>
                      <a:pt x="2817" y="4251"/>
                    </a:lnTo>
                    <a:lnTo>
                      <a:pt x="2823" y="4249"/>
                    </a:lnTo>
                    <a:lnTo>
                      <a:pt x="2830" y="4245"/>
                    </a:lnTo>
                    <a:lnTo>
                      <a:pt x="2841" y="4235"/>
                    </a:lnTo>
                    <a:lnTo>
                      <a:pt x="2853" y="4223"/>
                    </a:lnTo>
                    <a:lnTo>
                      <a:pt x="2874" y="4196"/>
                    </a:lnTo>
                    <a:lnTo>
                      <a:pt x="2891" y="4174"/>
                    </a:lnTo>
                    <a:lnTo>
                      <a:pt x="2905" y="4163"/>
                    </a:lnTo>
                    <a:lnTo>
                      <a:pt x="2915" y="4154"/>
                    </a:lnTo>
                    <a:lnTo>
                      <a:pt x="2918" y="4150"/>
                    </a:lnTo>
                    <a:lnTo>
                      <a:pt x="2919" y="4146"/>
                    </a:lnTo>
                    <a:lnTo>
                      <a:pt x="2920" y="4143"/>
                    </a:lnTo>
                    <a:lnTo>
                      <a:pt x="2920" y="4139"/>
                    </a:lnTo>
                    <a:lnTo>
                      <a:pt x="2918" y="4132"/>
                    </a:lnTo>
                    <a:lnTo>
                      <a:pt x="2913" y="4126"/>
                    </a:lnTo>
                    <a:lnTo>
                      <a:pt x="2906" y="4119"/>
                    </a:lnTo>
                    <a:lnTo>
                      <a:pt x="2898" y="4114"/>
                    </a:lnTo>
                    <a:lnTo>
                      <a:pt x="2882" y="4102"/>
                    </a:lnTo>
                    <a:lnTo>
                      <a:pt x="2867" y="4092"/>
                    </a:lnTo>
                    <a:lnTo>
                      <a:pt x="2865" y="4088"/>
                    </a:lnTo>
                    <a:lnTo>
                      <a:pt x="2863" y="4086"/>
                    </a:lnTo>
                    <a:lnTo>
                      <a:pt x="2862" y="4083"/>
                    </a:lnTo>
                    <a:lnTo>
                      <a:pt x="2862" y="4079"/>
                    </a:lnTo>
                    <a:lnTo>
                      <a:pt x="2862" y="4076"/>
                    </a:lnTo>
                    <a:lnTo>
                      <a:pt x="2863" y="4073"/>
                    </a:lnTo>
                    <a:lnTo>
                      <a:pt x="2866" y="4069"/>
                    </a:lnTo>
                    <a:lnTo>
                      <a:pt x="2870" y="4065"/>
                    </a:lnTo>
                    <a:lnTo>
                      <a:pt x="2892" y="4045"/>
                    </a:lnTo>
                    <a:lnTo>
                      <a:pt x="2917" y="4025"/>
                    </a:lnTo>
                    <a:lnTo>
                      <a:pt x="2931" y="4016"/>
                    </a:lnTo>
                    <a:lnTo>
                      <a:pt x="2944" y="4009"/>
                    </a:lnTo>
                    <a:lnTo>
                      <a:pt x="2957" y="4004"/>
                    </a:lnTo>
                    <a:lnTo>
                      <a:pt x="2970" y="4001"/>
                    </a:lnTo>
                    <a:lnTo>
                      <a:pt x="2997" y="4001"/>
                    </a:lnTo>
                    <a:lnTo>
                      <a:pt x="3018" y="4001"/>
                    </a:lnTo>
                    <a:lnTo>
                      <a:pt x="3021" y="4000"/>
                    </a:lnTo>
                    <a:lnTo>
                      <a:pt x="3025" y="3997"/>
                    </a:lnTo>
                    <a:lnTo>
                      <a:pt x="3028" y="3995"/>
                    </a:lnTo>
                    <a:lnTo>
                      <a:pt x="3031" y="3992"/>
                    </a:lnTo>
                    <a:lnTo>
                      <a:pt x="3033" y="3987"/>
                    </a:lnTo>
                    <a:lnTo>
                      <a:pt x="3036" y="3982"/>
                    </a:lnTo>
                    <a:lnTo>
                      <a:pt x="3037" y="3975"/>
                    </a:lnTo>
                    <a:lnTo>
                      <a:pt x="3038" y="3968"/>
                    </a:lnTo>
                    <a:lnTo>
                      <a:pt x="3040" y="3947"/>
                    </a:lnTo>
                    <a:lnTo>
                      <a:pt x="3038" y="3930"/>
                    </a:lnTo>
                    <a:lnTo>
                      <a:pt x="3038" y="3924"/>
                    </a:lnTo>
                    <a:lnTo>
                      <a:pt x="3036" y="3917"/>
                    </a:lnTo>
                    <a:lnTo>
                      <a:pt x="3034" y="3912"/>
                    </a:lnTo>
                    <a:lnTo>
                      <a:pt x="3032" y="3907"/>
                    </a:lnTo>
                    <a:lnTo>
                      <a:pt x="3024" y="3896"/>
                    </a:lnTo>
                    <a:lnTo>
                      <a:pt x="3015" y="3887"/>
                    </a:lnTo>
                    <a:lnTo>
                      <a:pt x="3005" y="3877"/>
                    </a:lnTo>
                    <a:lnTo>
                      <a:pt x="2990" y="3864"/>
                    </a:lnTo>
                    <a:lnTo>
                      <a:pt x="2983" y="3856"/>
                    </a:lnTo>
                    <a:lnTo>
                      <a:pt x="2977" y="3846"/>
                    </a:lnTo>
                    <a:lnTo>
                      <a:pt x="2972" y="3837"/>
                    </a:lnTo>
                    <a:lnTo>
                      <a:pt x="2971" y="3826"/>
                    </a:lnTo>
                    <a:lnTo>
                      <a:pt x="2970" y="3815"/>
                    </a:lnTo>
                    <a:lnTo>
                      <a:pt x="2970" y="3804"/>
                    </a:lnTo>
                    <a:lnTo>
                      <a:pt x="2971" y="3793"/>
                    </a:lnTo>
                    <a:lnTo>
                      <a:pt x="2971" y="3781"/>
                    </a:lnTo>
                    <a:lnTo>
                      <a:pt x="2974" y="3758"/>
                    </a:lnTo>
                    <a:lnTo>
                      <a:pt x="2974" y="3734"/>
                    </a:lnTo>
                    <a:lnTo>
                      <a:pt x="2972" y="3724"/>
                    </a:lnTo>
                    <a:lnTo>
                      <a:pt x="2968" y="3712"/>
                    </a:lnTo>
                    <a:lnTo>
                      <a:pt x="2963" y="3702"/>
                    </a:lnTo>
                    <a:lnTo>
                      <a:pt x="2955" y="3693"/>
                    </a:lnTo>
                    <a:lnTo>
                      <a:pt x="2933" y="3671"/>
                    </a:lnTo>
                    <a:lnTo>
                      <a:pt x="2913" y="3654"/>
                    </a:lnTo>
                    <a:lnTo>
                      <a:pt x="2902" y="3644"/>
                    </a:lnTo>
                    <a:lnTo>
                      <a:pt x="2893" y="3633"/>
                    </a:lnTo>
                    <a:lnTo>
                      <a:pt x="2884" y="3622"/>
                    </a:lnTo>
                    <a:lnTo>
                      <a:pt x="2878" y="3606"/>
                    </a:lnTo>
                    <a:lnTo>
                      <a:pt x="2875" y="3598"/>
                    </a:lnTo>
                    <a:lnTo>
                      <a:pt x="2873" y="3589"/>
                    </a:lnTo>
                    <a:lnTo>
                      <a:pt x="2873" y="3582"/>
                    </a:lnTo>
                    <a:lnTo>
                      <a:pt x="2873" y="3574"/>
                    </a:lnTo>
                    <a:lnTo>
                      <a:pt x="2875" y="3557"/>
                    </a:lnTo>
                    <a:lnTo>
                      <a:pt x="2879" y="3541"/>
                    </a:lnTo>
                    <a:lnTo>
                      <a:pt x="2883" y="3526"/>
                    </a:lnTo>
                    <a:lnTo>
                      <a:pt x="2885" y="3509"/>
                    </a:lnTo>
                    <a:lnTo>
                      <a:pt x="2885" y="3501"/>
                    </a:lnTo>
                    <a:lnTo>
                      <a:pt x="2885" y="3492"/>
                    </a:lnTo>
                    <a:lnTo>
                      <a:pt x="2884" y="3484"/>
                    </a:lnTo>
                    <a:lnTo>
                      <a:pt x="2882" y="3475"/>
                    </a:lnTo>
                    <a:lnTo>
                      <a:pt x="2880" y="3468"/>
                    </a:lnTo>
                    <a:lnTo>
                      <a:pt x="2878" y="3460"/>
                    </a:lnTo>
                    <a:lnTo>
                      <a:pt x="2874" y="3451"/>
                    </a:lnTo>
                    <a:lnTo>
                      <a:pt x="2869" y="3442"/>
                    </a:lnTo>
                    <a:lnTo>
                      <a:pt x="2862" y="3433"/>
                    </a:lnTo>
                    <a:lnTo>
                      <a:pt x="2854" y="3424"/>
                    </a:lnTo>
                    <a:lnTo>
                      <a:pt x="2847" y="3415"/>
                    </a:lnTo>
                    <a:lnTo>
                      <a:pt x="2839" y="3407"/>
                    </a:lnTo>
                    <a:lnTo>
                      <a:pt x="2830" y="3400"/>
                    </a:lnTo>
                    <a:lnTo>
                      <a:pt x="2821" y="3394"/>
                    </a:lnTo>
                    <a:lnTo>
                      <a:pt x="2812" y="3390"/>
                    </a:lnTo>
                    <a:lnTo>
                      <a:pt x="2803" y="3386"/>
                    </a:lnTo>
                    <a:lnTo>
                      <a:pt x="2793" y="3385"/>
                    </a:lnTo>
                    <a:lnTo>
                      <a:pt x="2784" y="3385"/>
                    </a:lnTo>
                    <a:lnTo>
                      <a:pt x="2775" y="3387"/>
                    </a:lnTo>
                    <a:lnTo>
                      <a:pt x="2768" y="3392"/>
                    </a:lnTo>
                    <a:lnTo>
                      <a:pt x="2740" y="3415"/>
                    </a:lnTo>
                    <a:lnTo>
                      <a:pt x="2725" y="3427"/>
                    </a:lnTo>
                    <a:lnTo>
                      <a:pt x="2720" y="3431"/>
                    </a:lnTo>
                    <a:lnTo>
                      <a:pt x="2716" y="3434"/>
                    </a:lnTo>
                    <a:lnTo>
                      <a:pt x="2713" y="3434"/>
                    </a:lnTo>
                    <a:lnTo>
                      <a:pt x="2711" y="3434"/>
                    </a:lnTo>
                    <a:lnTo>
                      <a:pt x="2705" y="3430"/>
                    </a:lnTo>
                    <a:lnTo>
                      <a:pt x="2698" y="3425"/>
                    </a:lnTo>
                    <a:lnTo>
                      <a:pt x="2691" y="3422"/>
                    </a:lnTo>
                    <a:lnTo>
                      <a:pt x="2683" y="3418"/>
                    </a:lnTo>
                    <a:lnTo>
                      <a:pt x="2672" y="3416"/>
                    </a:lnTo>
                    <a:lnTo>
                      <a:pt x="2659" y="3413"/>
                    </a:lnTo>
                    <a:lnTo>
                      <a:pt x="2659" y="3409"/>
                    </a:lnTo>
                    <a:lnTo>
                      <a:pt x="2660" y="3405"/>
                    </a:lnTo>
                    <a:lnTo>
                      <a:pt x="2661" y="3402"/>
                    </a:lnTo>
                    <a:lnTo>
                      <a:pt x="2664" y="3398"/>
                    </a:lnTo>
                    <a:lnTo>
                      <a:pt x="2665" y="3394"/>
                    </a:lnTo>
                    <a:lnTo>
                      <a:pt x="2667" y="3389"/>
                    </a:lnTo>
                    <a:lnTo>
                      <a:pt x="2667" y="3382"/>
                    </a:lnTo>
                    <a:lnTo>
                      <a:pt x="2665" y="3377"/>
                    </a:lnTo>
                    <a:lnTo>
                      <a:pt x="2660" y="3365"/>
                    </a:lnTo>
                    <a:lnTo>
                      <a:pt x="2650" y="3355"/>
                    </a:lnTo>
                    <a:lnTo>
                      <a:pt x="2641" y="3345"/>
                    </a:lnTo>
                    <a:lnTo>
                      <a:pt x="2632" y="3335"/>
                    </a:lnTo>
                    <a:lnTo>
                      <a:pt x="2626" y="3329"/>
                    </a:lnTo>
                    <a:lnTo>
                      <a:pt x="2620" y="3325"/>
                    </a:lnTo>
                    <a:lnTo>
                      <a:pt x="2612" y="3320"/>
                    </a:lnTo>
                    <a:lnTo>
                      <a:pt x="2604" y="3316"/>
                    </a:lnTo>
                    <a:lnTo>
                      <a:pt x="2586" y="3308"/>
                    </a:lnTo>
                    <a:lnTo>
                      <a:pt x="2569" y="3302"/>
                    </a:lnTo>
                    <a:lnTo>
                      <a:pt x="2562" y="3298"/>
                    </a:lnTo>
                    <a:lnTo>
                      <a:pt x="2555" y="3294"/>
                    </a:lnTo>
                    <a:lnTo>
                      <a:pt x="2550" y="3290"/>
                    </a:lnTo>
                    <a:lnTo>
                      <a:pt x="2546" y="3286"/>
                    </a:lnTo>
                    <a:lnTo>
                      <a:pt x="2543" y="3282"/>
                    </a:lnTo>
                    <a:lnTo>
                      <a:pt x="2543" y="3278"/>
                    </a:lnTo>
                    <a:lnTo>
                      <a:pt x="2546" y="3273"/>
                    </a:lnTo>
                    <a:lnTo>
                      <a:pt x="2551" y="3268"/>
                    </a:lnTo>
                    <a:lnTo>
                      <a:pt x="2558" y="3262"/>
                    </a:lnTo>
                    <a:lnTo>
                      <a:pt x="2564" y="3255"/>
                    </a:lnTo>
                    <a:lnTo>
                      <a:pt x="2568" y="3247"/>
                    </a:lnTo>
                    <a:lnTo>
                      <a:pt x="2571" y="3240"/>
                    </a:lnTo>
                    <a:lnTo>
                      <a:pt x="2572" y="3232"/>
                    </a:lnTo>
                    <a:lnTo>
                      <a:pt x="2572" y="3224"/>
                    </a:lnTo>
                    <a:lnTo>
                      <a:pt x="2571" y="3215"/>
                    </a:lnTo>
                    <a:lnTo>
                      <a:pt x="2568" y="3206"/>
                    </a:lnTo>
                    <a:lnTo>
                      <a:pt x="2559" y="3181"/>
                    </a:lnTo>
                    <a:lnTo>
                      <a:pt x="2547" y="3153"/>
                    </a:lnTo>
                    <a:lnTo>
                      <a:pt x="2540" y="3140"/>
                    </a:lnTo>
                    <a:lnTo>
                      <a:pt x="2531" y="3128"/>
                    </a:lnTo>
                    <a:lnTo>
                      <a:pt x="2525" y="3123"/>
                    </a:lnTo>
                    <a:lnTo>
                      <a:pt x="2520" y="3119"/>
                    </a:lnTo>
                    <a:lnTo>
                      <a:pt x="2515" y="3115"/>
                    </a:lnTo>
                    <a:lnTo>
                      <a:pt x="2508" y="3114"/>
                    </a:lnTo>
                    <a:lnTo>
                      <a:pt x="2499" y="3111"/>
                    </a:lnTo>
                    <a:lnTo>
                      <a:pt x="2490" y="3111"/>
                    </a:lnTo>
                    <a:lnTo>
                      <a:pt x="2481" y="3111"/>
                    </a:lnTo>
                    <a:lnTo>
                      <a:pt x="2472" y="3113"/>
                    </a:lnTo>
                    <a:lnTo>
                      <a:pt x="2454" y="3117"/>
                    </a:lnTo>
                    <a:lnTo>
                      <a:pt x="2437" y="3123"/>
                    </a:lnTo>
                    <a:lnTo>
                      <a:pt x="2419" y="3130"/>
                    </a:lnTo>
                    <a:lnTo>
                      <a:pt x="2402" y="3135"/>
                    </a:lnTo>
                    <a:lnTo>
                      <a:pt x="2384" y="3140"/>
                    </a:lnTo>
                    <a:lnTo>
                      <a:pt x="2367" y="3141"/>
                    </a:lnTo>
                    <a:lnTo>
                      <a:pt x="2367" y="3140"/>
                    </a:lnTo>
                    <a:lnTo>
                      <a:pt x="2367" y="3135"/>
                    </a:lnTo>
                    <a:lnTo>
                      <a:pt x="2370" y="3130"/>
                    </a:lnTo>
                    <a:lnTo>
                      <a:pt x="2374" y="3126"/>
                    </a:lnTo>
                    <a:lnTo>
                      <a:pt x="2379" y="3120"/>
                    </a:lnTo>
                    <a:lnTo>
                      <a:pt x="2391" y="3113"/>
                    </a:lnTo>
                    <a:lnTo>
                      <a:pt x="2405" y="3105"/>
                    </a:lnTo>
                    <a:lnTo>
                      <a:pt x="2416" y="3097"/>
                    </a:lnTo>
                    <a:lnTo>
                      <a:pt x="2427" y="3089"/>
                    </a:lnTo>
                    <a:lnTo>
                      <a:pt x="2429" y="3084"/>
                    </a:lnTo>
                    <a:lnTo>
                      <a:pt x="2431" y="3080"/>
                    </a:lnTo>
                    <a:lnTo>
                      <a:pt x="2429" y="3075"/>
                    </a:lnTo>
                    <a:lnTo>
                      <a:pt x="2427" y="3069"/>
                    </a:lnTo>
                    <a:lnTo>
                      <a:pt x="2420" y="3058"/>
                    </a:lnTo>
                    <a:lnTo>
                      <a:pt x="2413" y="3049"/>
                    </a:lnTo>
                    <a:lnTo>
                      <a:pt x="2405" y="3041"/>
                    </a:lnTo>
                    <a:lnTo>
                      <a:pt x="2398" y="3035"/>
                    </a:lnTo>
                    <a:lnTo>
                      <a:pt x="2391" y="3031"/>
                    </a:lnTo>
                    <a:lnTo>
                      <a:pt x="2383" y="3027"/>
                    </a:lnTo>
                    <a:lnTo>
                      <a:pt x="2375" y="3025"/>
                    </a:lnTo>
                    <a:lnTo>
                      <a:pt x="2367" y="3022"/>
                    </a:lnTo>
                    <a:lnTo>
                      <a:pt x="2350" y="3022"/>
                    </a:lnTo>
                    <a:lnTo>
                      <a:pt x="2332" y="3023"/>
                    </a:lnTo>
                    <a:lnTo>
                      <a:pt x="2313" y="3026"/>
                    </a:lnTo>
                    <a:lnTo>
                      <a:pt x="2292" y="3028"/>
                    </a:lnTo>
                    <a:lnTo>
                      <a:pt x="2287" y="3028"/>
                    </a:lnTo>
                    <a:lnTo>
                      <a:pt x="2283" y="3027"/>
                    </a:lnTo>
                    <a:lnTo>
                      <a:pt x="2280" y="3025"/>
                    </a:lnTo>
                    <a:lnTo>
                      <a:pt x="2278" y="3022"/>
                    </a:lnTo>
                    <a:lnTo>
                      <a:pt x="2275" y="3014"/>
                    </a:lnTo>
                    <a:lnTo>
                      <a:pt x="2275" y="3005"/>
                    </a:lnTo>
                    <a:lnTo>
                      <a:pt x="2278" y="2983"/>
                    </a:lnTo>
                    <a:lnTo>
                      <a:pt x="2280" y="2965"/>
                    </a:lnTo>
                    <a:lnTo>
                      <a:pt x="2279" y="2960"/>
                    </a:lnTo>
                    <a:lnTo>
                      <a:pt x="2275" y="2956"/>
                    </a:lnTo>
                    <a:lnTo>
                      <a:pt x="2270" y="2951"/>
                    </a:lnTo>
                    <a:lnTo>
                      <a:pt x="2264" y="2946"/>
                    </a:lnTo>
                    <a:lnTo>
                      <a:pt x="2256" y="2940"/>
                    </a:lnTo>
                    <a:lnTo>
                      <a:pt x="2249" y="2934"/>
                    </a:lnTo>
                    <a:lnTo>
                      <a:pt x="2244" y="2927"/>
                    </a:lnTo>
                    <a:lnTo>
                      <a:pt x="2242" y="2920"/>
                    </a:lnTo>
                    <a:lnTo>
                      <a:pt x="2234" y="2900"/>
                    </a:lnTo>
                    <a:lnTo>
                      <a:pt x="2226" y="2882"/>
                    </a:lnTo>
                    <a:lnTo>
                      <a:pt x="2218" y="2865"/>
                    </a:lnTo>
                    <a:lnTo>
                      <a:pt x="2208" y="2850"/>
                    </a:lnTo>
                    <a:lnTo>
                      <a:pt x="2198" y="2837"/>
                    </a:lnTo>
                    <a:lnTo>
                      <a:pt x="2186" y="2824"/>
                    </a:lnTo>
                    <a:lnTo>
                      <a:pt x="2173" y="2813"/>
                    </a:lnTo>
                    <a:lnTo>
                      <a:pt x="2160" y="2804"/>
                    </a:lnTo>
                    <a:lnTo>
                      <a:pt x="2144" y="2795"/>
                    </a:lnTo>
                    <a:lnTo>
                      <a:pt x="2130" y="2789"/>
                    </a:lnTo>
                    <a:lnTo>
                      <a:pt x="2113" y="2784"/>
                    </a:lnTo>
                    <a:lnTo>
                      <a:pt x="2097" y="2780"/>
                    </a:lnTo>
                    <a:lnTo>
                      <a:pt x="2078" y="2777"/>
                    </a:lnTo>
                    <a:lnTo>
                      <a:pt x="2059" y="2776"/>
                    </a:lnTo>
                    <a:lnTo>
                      <a:pt x="2040" y="2776"/>
                    </a:lnTo>
                    <a:lnTo>
                      <a:pt x="2019" y="2778"/>
                    </a:lnTo>
                    <a:lnTo>
                      <a:pt x="2010" y="2781"/>
                    </a:lnTo>
                    <a:lnTo>
                      <a:pt x="1999" y="2785"/>
                    </a:lnTo>
                    <a:lnTo>
                      <a:pt x="1990" y="2793"/>
                    </a:lnTo>
                    <a:lnTo>
                      <a:pt x="1980" y="2799"/>
                    </a:lnTo>
                    <a:lnTo>
                      <a:pt x="1971" y="2807"/>
                    </a:lnTo>
                    <a:lnTo>
                      <a:pt x="1963" y="2812"/>
                    </a:lnTo>
                    <a:lnTo>
                      <a:pt x="1959" y="2813"/>
                    </a:lnTo>
                    <a:lnTo>
                      <a:pt x="1955" y="2815"/>
                    </a:lnTo>
                    <a:lnTo>
                      <a:pt x="1954" y="2815"/>
                    </a:lnTo>
                    <a:lnTo>
                      <a:pt x="1951" y="2815"/>
                    </a:lnTo>
                    <a:lnTo>
                      <a:pt x="1946" y="2810"/>
                    </a:lnTo>
                    <a:lnTo>
                      <a:pt x="1940" y="2802"/>
                    </a:lnTo>
                    <a:lnTo>
                      <a:pt x="1933" y="2791"/>
                    </a:lnTo>
                    <a:lnTo>
                      <a:pt x="1927" y="2780"/>
                    </a:lnTo>
                    <a:lnTo>
                      <a:pt x="1915" y="2758"/>
                    </a:lnTo>
                    <a:lnTo>
                      <a:pt x="1905" y="2741"/>
                    </a:lnTo>
                    <a:lnTo>
                      <a:pt x="1900" y="2733"/>
                    </a:lnTo>
                    <a:lnTo>
                      <a:pt x="1893" y="2727"/>
                    </a:lnTo>
                    <a:lnTo>
                      <a:pt x="1887" y="2720"/>
                    </a:lnTo>
                    <a:lnTo>
                      <a:pt x="1879" y="2714"/>
                    </a:lnTo>
                    <a:lnTo>
                      <a:pt x="1863" y="2703"/>
                    </a:lnTo>
                    <a:lnTo>
                      <a:pt x="1846" y="2692"/>
                    </a:lnTo>
                    <a:lnTo>
                      <a:pt x="1830" y="2681"/>
                    </a:lnTo>
                    <a:lnTo>
                      <a:pt x="1813" y="2668"/>
                    </a:lnTo>
                    <a:lnTo>
                      <a:pt x="1805" y="2662"/>
                    </a:lnTo>
                    <a:lnTo>
                      <a:pt x="1797" y="2655"/>
                    </a:lnTo>
                    <a:lnTo>
                      <a:pt x="1791" y="2648"/>
                    </a:lnTo>
                    <a:lnTo>
                      <a:pt x="1786" y="2639"/>
                    </a:lnTo>
                    <a:lnTo>
                      <a:pt x="1683" y="2479"/>
                    </a:lnTo>
                    <a:lnTo>
                      <a:pt x="1672" y="2462"/>
                    </a:lnTo>
                    <a:lnTo>
                      <a:pt x="1660" y="2448"/>
                    </a:lnTo>
                    <a:lnTo>
                      <a:pt x="1647" y="2434"/>
                    </a:lnTo>
                    <a:lnTo>
                      <a:pt x="1634" y="2421"/>
                    </a:lnTo>
                    <a:lnTo>
                      <a:pt x="1607" y="2398"/>
                    </a:lnTo>
                    <a:lnTo>
                      <a:pt x="1580" y="2374"/>
                    </a:lnTo>
                    <a:lnTo>
                      <a:pt x="1567" y="2363"/>
                    </a:lnTo>
                    <a:lnTo>
                      <a:pt x="1554" y="2350"/>
                    </a:lnTo>
                    <a:lnTo>
                      <a:pt x="1541" y="2337"/>
                    </a:lnTo>
                    <a:lnTo>
                      <a:pt x="1529" y="2324"/>
                    </a:lnTo>
                    <a:lnTo>
                      <a:pt x="1519" y="2308"/>
                    </a:lnTo>
                    <a:lnTo>
                      <a:pt x="1510" y="2293"/>
                    </a:lnTo>
                    <a:lnTo>
                      <a:pt x="1502" y="2275"/>
                    </a:lnTo>
                    <a:lnTo>
                      <a:pt x="1494" y="2255"/>
                    </a:lnTo>
                    <a:lnTo>
                      <a:pt x="1489" y="2246"/>
                    </a:lnTo>
                    <a:lnTo>
                      <a:pt x="1482" y="2236"/>
                    </a:lnTo>
                    <a:lnTo>
                      <a:pt x="1473" y="2225"/>
                    </a:lnTo>
                    <a:lnTo>
                      <a:pt x="1464" y="2215"/>
                    </a:lnTo>
                    <a:lnTo>
                      <a:pt x="1454" y="2206"/>
                    </a:lnTo>
                    <a:lnTo>
                      <a:pt x="1444" y="2199"/>
                    </a:lnTo>
                    <a:lnTo>
                      <a:pt x="1433" y="2193"/>
                    </a:lnTo>
                    <a:lnTo>
                      <a:pt x="1422" y="2190"/>
                    </a:lnTo>
                    <a:lnTo>
                      <a:pt x="1415" y="2190"/>
                    </a:lnTo>
                    <a:lnTo>
                      <a:pt x="1410" y="2190"/>
                    </a:lnTo>
                    <a:lnTo>
                      <a:pt x="1405" y="2192"/>
                    </a:lnTo>
                    <a:lnTo>
                      <a:pt x="1398" y="2193"/>
                    </a:lnTo>
                    <a:lnTo>
                      <a:pt x="1388" y="2197"/>
                    </a:lnTo>
                    <a:lnTo>
                      <a:pt x="1379" y="2201"/>
                    </a:lnTo>
                    <a:lnTo>
                      <a:pt x="1375" y="2202"/>
                    </a:lnTo>
                    <a:lnTo>
                      <a:pt x="1370" y="2203"/>
                    </a:lnTo>
                    <a:lnTo>
                      <a:pt x="1366" y="2203"/>
                    </a:lnTo>
                    <a:lnTo>
                      <a:pt x="1362" y="2202"/>
                    </a:lnTo>
                    <a:lnTo>
                      <a:pt x="1358" y="2201"/>
                    </a:lnTo>
                    <a:lnTo>
                      <a:pt x="1354" y="2197"/>
                    </a:lnTo>
                    <a:lnTo>
                      <a:pt x="1352" y="2192"/>
                    </a:lnTo>
                    <a:lnTo>
                      <a:pt x="1348" y="2185"/>
                    </a:lnTo>
                    <a:lnTo>
                      <a:pt x="1344" y="2177"/>
                    </a:lnTo>
                    <a:lnTo>
                      <a:pt x="1336" y="2166"/>
                    </a:lnTo>
                    <a:lnTo>
                      <a:pt x="1333" y="2161"/>
                    </a:lnTo>
                    <a:lnTo>
                      <a:pt x="1331" y="2155"/>
                    </a:lnTo>
                    <a:lnTo>
                      <a:pt x="1331" y="2151"/>
                    </a:lnTo>
                    <a:lnTo>
                      <a:pt x="1332" y="2149"/>
                    </a:lnTo>
                    <a:lnTo>
                      <a:pt x="1337" y="2148"/>
                    </a:lnTo>
                    <a:lnTo>
                      <a:pt x="1344" y="2146"/>
                    </a:lnTo>
                    <a:lnTo>
                      <a:pt x="1350" y="2146"/>
                    </a:lnTo>
                    <a:lnTo>
                      <a:pt x="1357" y="2146"/>
                    </a:lnTo>
                    <a:lnTo>
                      <a:pt x="1370" y="2148"/>
                    </a:lnTo>
                    <a:lnTo>
                      <a:pt x="1381" y="2145"/>
                    </a:lnTo>
                    <a:lnTo>
                      <a:pt x="1380" y="2135"/>
                    </a:lnTo>
                    <a:lnTo>
                      <a:pt x="1378" y="2123"/>
                    </a:lnTo>
                    <a:lnTo>
                      <a:pt x="1371" y="2113"/>
                    </a:lnTo>
                    <a:lnTo>
                      <a:pt x="1365" y="2101"/>
                    </a:lnTo>
                    <a:lnTo>
                      <a:pt x="1355" y="2091"/>
                    </a:lnTo>
                    <a:lnTo>
                      <a:pt x="1345" y="2079"/>
                    </a:lnTo>
                    <a:lnTo>
                      <a:pt x="1335" y="2069"/>
                    </a:lnTo>
                    <a:lnTo>
                      <a:pt x="1322" y="2058"/>
                    </a:lnTo>
                    <a:lnTo>
                      <a:pt x="1273" y="2019"/>
                    </a:lnTo>
                    <a:lnTo>
                      <a:pt x="1232" y="1990"/>
                    </a:lnTo>
                    <a:lnTo>
                      <a:pt x="1226" y="1982"/>
                    </a:lnTo>
                    <a:lnTo>
                      <a:pt x="1221" y="1973"/>
                    </a:lnTo>
                    <a:lnTo>
                      <a:pt x="1217" y="1964"/>
                    </a:lnTo>
                    <a:lnTo>
                      <a:pt x="1214" y="1955"/>
                    </a:lnTo>
                    <a:lnTo>
                      <a:pt x="1212" y="1946"/>
                    </a:lnTo>
                    <a:lnTo>
                      <a:pt x="1209" y="1938"/>
                    </a:lnTo>
                    <a:lnTo>
                      <a:pt x="1206" y="1931"/>
                    </a:lnTo>
                    <a:lnTo>
                      <a:pt x="1201" y="1926"/>
                    </a:lnTo>
                    <a:lnTo>
                      <a:pt x="1197" y="1925"/>
                    </a:lnTo>
                    <a:lnTo>
                      <a:pt x="1194" y="1925"/>
                    </a:lnTo>
                    <a:lnTo>
                      <a:pt x="1190" y="1925"/>
                    </a:lnTo>
                    <a:lnTo>
                      <a:pt x="1184" y="1926"/>
                    </a:lnTo>
                    <a:lnTo>
                      <a:pt x="1174" y="1930"/>
                    </a:lnTo>
                    <a:lnTo>
                      <a:pt x="1164" y="1933"/>
                    </a:lnTo>
                    <a:lnTo>
                      <a:pt x="1159" y="1934"/>
                    </a:lnTo>
                    <a:lnTo>
                      <a:pt x="1155" y="1934"/>
                    </a:lnTo>
                    <a:lnTo>
                      <a:pt x="1151" y="1934"/>
                    </a:lnTo>
                    <a:lnTo>
                      <a:pt x="1148" y="1933"/>
                    </a:lnTo>
                    <a:lnTo>
                      <a:pt x="1146" y="1930"/>
                    </a:lnTo>
                    <a:lnTo>
                      <a:pt x="1144" y="1925"/>
                    </a:lnTo>
                    <a:lnTo>
                      <a:pt x="1144" y="1918"/>
                    </a:lnTo>
                    <a:lnTo>
                      <a:pt x="1146" y="1911"/>
                    </a:lnTo>
                    <a:lnTo>
                      <a:pt x="1152" y="1887"/>
                    </a:lnTo>
                    <a:lnTo>
                      <a:pt x="1160" y="1868"/>
                    </a:lnTo>
                    <a:lnTo>
                      <a:pt x="1162" y="1857"/>
                    </a:lnTo>
                    <a:lnTo>
                      <a:pt x="1164" y="1847"/>
                    </a:lnTo>
                    <a:lnTo>
                      <a:pt x="1164" y="1834"/>
                    </a:lnTo>
                    <a:lnTo>
                      <a:pt x="1162" y="1820"/>
                    </a:lnTo>
                    <a:lnTo>
                      <a:pt x="1159" y="1804"/>
                    </a:lnTo>
                    <a:lnTo>
                      <a:pt x="1153" y="1790"/>
                    </a:lnTo>
                    <a:lnTo>
                      <a:pt x="1148" y="1776"/>
                    </a:lnTo>
                    <a:lnTo>
                      <a:pt x="1143" y="1762"/>
                    </a:lnTo>
                    <a:lnTo>
                      <a:pt x="1129" y="1733"/>
                    </a:lnTo>
                    <a:lnTo>
                      <a:pt x="1113" y="1706"/>
                    </a:lnTo>
                    <a:lnTo>
                      <a:pt x="1099" y="1679"/>
                    </a:lnTo>
                    <a:lnTo>
                      <a:pt x="1086" y="1650"/>
                    </a:lnTo>
                    <a:lnTo>
                      <a:pt x="1080" y="1636"/>
                    </a:lnTo>
                    <a:lnTo>
                      <a:pt x="1074" y="1622"/>
                    </a:lnTo>
                    <a:lnTo>
                      <a:pt x="1070" y="1607"/>
                    </a:lnTo>
                    <a:lnTo>
                      <a:pt x="1067" y="1593"/>
                    </a:lnTo>
                    <a:lnTo>
                      <a:pt x="1065" y="1567"/>
                    </a:lnTo>
                    <a:lnTo>
                      <a:pt x="1063" y="1527"/>
                    </a:lnTo>
                    <a:lnTo>
                      <a:pt x="1059" y="1504"/>
                    </a:lnTo>
                    <a:lnTo>
                      <a:pt x="1056" y="1478"/>
                    </a:lnTo>
                    <a:lnTo>
                      <a:pt x="1051" y="1452"/>
                    </a:lnTo>
                    <a:lnTo>
                      <a:pt x="1045" y="1427"/>
                    </a:lnTo>
                    <a:lnTo>
                      <a:pt x="1038" y="1403"/>
                    </a:lnTo>
                    <a:lnTo>
                      <a:pt x="1030" y="1381"/>
                    </a:lnTo>
                    <a:lnTo>
                      <a:pt x="1025" y="1370"/>
                    </a:lnTo>
                    <a:lnTo>
                      <a:pt x="1020" y="1361"/>
                    </a:lnTo>
                    <a:lnTo>
                      <a:pt x="1015" y="1353"/>
                    </a:lnTo>
                    <a:lnTo>
                      <a:pt x="1010" y="1346"/>
                    </a:lnTo>
                    <a:lnTo>
                      <a:pt x="1003" y="1341"/>
                    </a:lnTo>
                    <a:lnTo>
                      <a:pt x="997" y="1335"/>
                    </a:lnTo>
                    <a:lnTo>
                      <a:pt x="990" y="1331"/>
                    </a:lnTo>
                    <a:lnTo>
                      <a:pt x="982" y="1330"/>
                    </a:lnTo>
                    <a:lnTo>
                      <a:pt x="975" y="1330"/>
                    </a:lnTo>
                    <a:lnTo>
                      <a:pt x="967" y="1331"/>
                    </a:lnTo>
                    <a:lnTo>
                      <a:pt x="958" y="1334"/>
                    </a:lnTo>
                    <a:lnTo>
                      <a:pt x="949" y="1339"/>
                    </a:lnTo>
                    <a:lnTo>
                      <a:pt x="942" y="1342"/>
                    </a:lnTo>
                    <a:lnTo>
                      <a:pt x="937" y="1343"/>
                    </a:lnTo>
                    <a:lnTo>
                      <a:pt x="932" y="1342"/>
                    </a:lnTo>
                    <a:lnTo>
                      <a:pt x="927" y="1341"/>
                    </a:lnTo>
                    <a:lnTo>
                      <a:pt x="921" y="1338"/>
                    </a:lnTo>
                    <a:lnTo>
                      <a:pt x="916" y="1334"/>
                    </a:lnTo>
                    <a:lnTo>
                      <a:pt x="912" y="1329"/>
                    </a:lnTo>
                    <a:lnTo>
                      <a:pt x="907" y="1324"/>
                    </a:lnTo>
                    <a:lnTo>
                      <a:pt x="889" y="1302"/>
                    </a:lnTo>
                    <a:lnTo>
                      <a:pt x="875" y="1284"/>
                    </a:lnTo>
                    <a:lnTo>
                      <a:pt x="858" y="1264"/>
                    </a:lnTo>
                    <a:lnTo>
                      <a:pt x="835" y="1236"/>
                    </a:lnTo>
                    <a:lnTo>
                      <a:pt x="822" y="1223"/>
                    </a:lnTo>
                    <a:lnTo>
                      <a:pt x="810" y="1214"/>
                    </a:lnTo>
                    <a:lnTo>
                      <a:pt x="804" y="1211"/>
                    </a:lnTo>
                    <a:lnTo>
                      <a:pt x="798" y="1208"/>
                    </a:lnTo>
                    <a:lnTo>
                      <a:pt x="793" y="1208"/>
                    </a:lnTo>
                    <a:lnTo>
                      <a:pt x="788" y="1211"/>
                    </a:lnTo>
                    <a:lnTo>
                      <a:pt x="779" y="1215"/>
                    </a:lnTo>
                    <a:lnTo>
                      <a:pt x="773" y="1217"/>
                    </a:lnTo>
                    <a:lnTo>
                      <a:pt x="766" y="1219"/>
                    </a:lnTo>
                    <a:lnTo>
                      <a:pt x="760" y="1217"/>
                    </a:lnTo>
                    <a:lnTo>
                      <a:pt x="756" y="1216"/>
                    </a:lnTo>
                    <a:lnTo>
                      <a:pt x="750" y="1214"/>
                    </a:lnTo>
                    <a:lnTo>
                      <a:pt x="745" y="1210"/>
                    </a:lnTo>
                    <a:lnTo>
                      <a:pt x="741" y="1205"/>
                    </a:lnTo>
                    <a:lnTo>
                      <a:pt x="731" y="1194"/>
                    </a:lnTo>
                    <a:lnTo>
                      <a:pt x="718" y="1183"/>
                    </a:lnTo>
                    <a:lnTo>
                      <a:pt x="710" y="1177"/>
                    </a:lnTo>
                    <a:lnTo>
                      <a:pt x="701" y="1173"/>
                    </a:lnTo>
                    <a:lnTo>
                      <a:pt x="691" y="1168"/>
                    </a:lnTo>
                    <a:lnTo>
                      <a:pt x="679" y="1166"/>
                    </a:lnTo>
                    <a:lnTo>
                      <a:pt x="664" y="1163"/>
                    </a:lnTo>
                    <a:lnTo>
                      <a:pt x="647" y="1162"/>
                    </a:lnTo>
                    <a:lnTo>
                      <a:pt x="633" y="1162"/>
                    </a:lnTo>
                    <a:lnTo>
                      <a:pt x="617" y="1163"/>
                    </a:lnTo>
                    <a:lnTo>
                      <a:pt x="603" y="1166"/>
                    </a:lnTo>
                    <a:lnTo>
                      <a:pt x="589" y="1170"/>
                    </a:lnTo>
                    <a:lnTo>
                      <a:pt x="576" y="1173"/>
                    </a:lnTo>
                    <a:lnTo>
                      <a:pt x="561" y="1179"/>
                    </a:lnTo>
                    <a:lnTo>
                      <a:pt x="548" y="1185"/>
                    </a:lnTo>
                    <a:lnTo>
                      <a:pt x="535" y="1192"/>
                    </a:lnTo>
                    <a:lnTo>
                      <a:pt x="522" y="1199"/>
                    </a:lnTo>
                    <a:lnTo>
                      <a:pt x="511" y="1207"/>
                    </a:lnTo>
                    <a:lnTo>
                      <a:pt x="486" y="1224"/>
                    </a:lnTo>
                    <a:lnTo>
                      <a:pt x="463" y="1243"/>
                    </a:lnTo>
                    <a:lnTo>
                      <a:pt x="456" y="1249"/>
                    </a:lnTo>
                    <a:lnTo>
                      <a:pt x="450" y="1255"/>
                    </a:lnTo>
                    <a:lnTo>
                      <a:pt x="445" y="1262"/>
                    </a:lnTo>
                    <a:lnTo>
                      <a:pt x="440" y="1268"/>
                    </a:lnTo>
                    <a:lnTo>
                      <a:pt x="432" y="1284"/>
                    </a:lnTo>
                    <a:lnTo>
                      <a:pt x="424" y="1298"/>
                    </a:lnTo>
                    <a:lnTo>
                      <a:pt x="416" y="1312"/>
                    </a:lnTo>
                    <a:lnTo>
                      <a:pt x="408" y="1325"/>
                    </a:lnTo>
                    <a:lnTo>
                      <a:pt x="403" y="1330"/>
                    </a:lnTo>
                    <a:lnTo>
                      <a:pt x="398" y="1337"/>
                    </a:lnTo>
                    <a:lnTo>
                      <a:pt x="393" y="1341"/>
                    </a:lnTo>
                    <a:lnTo>
                      <a:pt x="388" y="1344"/>
                    </a:lnTo>
                    <a:lnTo>
                      <a:pt x="370" y="1353"/>
                    </a:lnTo>
                    <a:lnTo>
                      <a:pt x="345" y="1361"/>
                    </a:lnTo>
                    <a:lnTo>
                      <a:pt x="318" y="1369"/>
                    </a:lnTo>
                    <a:lnTo>
                      <a:pt x="288" y="1377"/>
                    </a:lnTo>
                    <a:lnTo>
                      <a:pt x="257" y="1383"/>
                    </a:lnTo>
                    <a:lnTo>
                      <a:pt x="228" y="1388"/>
                    </a:lnTo>
                    <a:lnTo>
                      <a:pt x="204" y="1391"/>
                    </a:lnTo>
                    <a:lnTo>
                      <a:pt x="186" y="1392"/>
                    </a:lnTo>
                    <a:lnTo>
                      <a:pt x="179" y="1366"/>
                    </a:lnTo>
                    <a:lnTo>
                      <a:pt x="173" y="1338"/>
                    </a:lnTo>
                    <a:lnTo>
                      <a:pt x="171" y="1324"/>
                    </a:lnTo>
                    <a:lnTo>
                      <a:pt x="171" y="1309"/>
                    </a:lnTo>
                    <a:lnTo>
                      <a:pt x="171" y="1295"/>
                    </a:lnTo>
                    <a:lnTo>
                      <a:pt x="174" y="1284"/>
                    </a:lnTo>
                    <a:lnTo>
                      <a:pt x="180" y="1269"/>
                    </a:lnTo>
                    <a:lnTo>
                      <a:pt x="188" y="1258"/>
                    </a:lnTo>
                    <a:lnTo>
                      <a:pt x="191" y="1252"/>
                    </a:lnTo>
                    <a:lnTo>
                      <a:pt x="193" y="1246"/>
                    </a:lnTo>
                    <a:lnTo>
                      <a:pt x="196" y="1238"/>
                    </a:lnTo>
                    <a:lnTo>
                      <a:pt x="196" y="1230"/>
                    </a:lnTo>
                    <a:lnTo>
                      <a:pt x="195" y="1225"/>
                    </a:lnTo>
                    <a:lnTo>
                      <a:pt x="195" y="1220"/>
                    </a:lnTo>
                    <a:lnTo>
                      <a:pt x="192" y="1215"/>
                    </a:lnTo>
                    <a:lnTo>
                      <a:pt x="190" y="1211"/>
                    </a:lnTo>
                    <a:lnTo>
                      <a:pt x="183" y="1203"/>
                    </a:lnTo>
                    <a:lnTo>
                      <a:pt x="175" y="1195"/>
                    </a:lnTo>
                    <a:lnTo>
                      <a:pt x="165" y="1190"/>
                    </a:lnTo>
                    <a:lnTo>
                      <a:pt x="155" y="1185"/>
                    </a:lnTo>
                    <a:lnTo>
                      <a:pt x="143" y="1181"/>
                    </a:lnTo>
                    <a:lnTo>
                      <a:pt x="130" y="1177"/>
                    </a:lnTo>
                    <a:lnTo>
                      <a:pt x="105" y="1168"/>
                    </a:lnTo>
                    <a:lnTo>
                      <a:pt x="81" y="1160"/>
                    </a:lnTo>
                    <a:lnTo>
                      <a:pt x="70" y="1154"/>
                    </a:lnTo>
                    <a:lnTo>
                      <a:pt x="61" y="1149"/>
                    </a:lnTo>
                    <a:lnTo>
                      <a:pt x="54" y="1141"/>
                    </a:lnTo>
                    <a:lnTo>
                      <a:pt x="47" y="1133"/>
                    </a:lnTo>
                    <a:lnTo>
                      <a:pt x="41" y="1116"/>
                    </a:lnTo>
                    <a:lnTo>
                      <a:pt x="35" y="1100"/>
                    </a:lnTo>
                    <a:lnTo>
                      <a:pt x="33" y="1083"/>
                    </a:lnTo>
                    <a:lnTo>
                      <a:pt x="30" y="1066"/>
                    </a:lnTo>
                    <a:lnTo>
                      <a:pt x="29" y="1048"/>
                    </a:lnTo>
                    <a:lnTo>
                      <a:pt x="28" y="1031"/>
                    </a:lnTo>
                    <a:lnTo>
                      <a:pt x="25" y="1014"/>
                    </a:lnTo>
                    <a:lnTo>
                      <a:pt x="21" y="997"/>
                    </a:lnTo>
                    <a:lnTo>
                      <a:pt x="19" y="984"/>
                    </a:lnTo>
                    <a:lnTo>
                      <a:pt x="17" y="974"/>
                    </a:lnTo>
                    <a:lnTo>
                      <a:pt x="17" y="964"/>
                    </a:lnTo>
                    <a:lnTo>
                      <a:pt x="19" y="955"/>
                    </a:lnTo>
                    <a:lnTo>
                      <a:pt x="21" y="948"/>
                    </a:lnTo>
                    <a:lnTo>
                      <a:pt x="25" y="940"/>
                    </a:lnTo>
                    <a:lnTo>
                      <a:pt x="30" y="935"/>
                    </a:lnTo>
                    <a:lnTo>
                      <a:pt x="35" y="929"/>
                    </a:lnTo>
                    <a:lnTo>
                      <a:pt x="47" y="918"/>
                    </a:lnTo>
                    <a:lnTo>
                      <a:pt x="60" y="907"/>
                    </a:lnTo>
                    <a:lnTo>
                      <a:pt x="66" y="901"/>
                    </a:lnTo>
                    <a:lnTo>
                      <a:pt x="73" y="895"/>
                    </a:lnTo>
                    <a:lnTo>
                      <a:pt x="79" y="887"/>
                    </a:lnTo>
                    <a:lnTo>
                      <a:pt x="85" y="879"/>
                    </a:lnTo>
                    <a:lnTo>
                      <a:pt x="85" y="863"/>
                    </a:lnTo>
                    <a:lnTo>
                      <a:pt x="82" y="848"/>
                    </a:lnTo>
                    <a:lnTo>
                      <a:pt x="78" y="838"/>
                    </a:lnTo>
                    <a:lnTo>
                      <a:pt x="73" y="830"/>
                    </a:lnTo>
                    <a:lnTo>
                      <a:pt x="65" y="824"/>
                    </a:lnTo>
                    <a:lnTo>
                      <a:pt x="55" y="817"/>
                    </a:lnTo>
                    <a:lnTo>
                      <a:pt x="43" y="811"/>
                    </a:lnTo>
                    <a:lnTo>
                      <a:pt x="30" y="802"/>
                    </a:lnTo>
                    <a:lnTo>
                      <a:pt x="22" y="795"/>
                    </a:lnTo>
                    <a:lnTo>
                      <a:pt x="16" y="786"/>
                    </a:lnTo>
                    <a:lnTo>
                      <a:pt x="11" y="776"/>
                    </a:lnTo>
                    <a:lnTo>
                      <a:pt x="7" y="764"/>
                    </a:lnTo>
                    <a:lnTo>
                      <a:pt x="4" y="751"/>
                    </a:lnTo>
                    <a:lnTo>
                      <a:pt x="2" y="739"/>
                    </a:lnTo>
                    <a:lnTo>
                      <a:pt x="0" y="728"/>
                    </a:lnTo>
                    <a:lnTo>
                      <a:pt x="0" y="717"/>
                    </a:lnTo>
                    <a:lnTo>
                      <a:pt x="0" y="708"/>
                    </a:lnTo>
                    <a:lnTo>
                      <a:pt x="3" y="701"/>
                    </a:lnTo>
                    <a:lnTo>
                      <a:pt x="8" y="695"/>
                    </a:lnTo>
                    <a:lnTo>
                      <a:pt x="15" y="692"/>
                    </a:lnTo>
                    <a:lnTo>
                      <a:pt x="29" y="688"/>
                    </a:lnTo>
                    <a:lnTo>
                      <a:pt x="46" y="684"/>
                    </a:lnTo>
                    <a:lnTo>
                      <a:pt x="59" y="681"/>
                    </a:lnTo>
                    <a:lnTo>
                      <a:pt x="72" y="677"/>
                    </a:lnTo>
                    <a:lnTo>
                      <a:pt x="83" y="672"/>
                    </a:lnTo>
                    <a:lnTo>
                      <a:pt x="94" y="666"/>
                    </a:lnTo>
                    <a:lnTo>
                      <a:pt x="104" y="658"/>
                    </a:lnTo>
                    <a:lnTo>
                      <a:pt x="114" y="650"/>
                    </a:lnTo>
                    <a:lnTo>
                      <a:pt x="123" y="641"/>
                    </a:lnTo>
                    <a:lnTo>
                      <a:pt x="133" y="632"/>
                    </a:lnTo>
                    <a:lnTo>
                      <a:pt x="145" y="619"/>
                    </a:lnTo>
                    <a:lnTo>
                      <a:pt x="155" y="607"/>
                    </a:lnTo>
                    <a:lnTo>
                      <a:pt x="158" y="601"/>
                    </a:lnTo>
                    <a:lnTo>
                      <a:pt x="162" y="596"/>
                    </a:lnTo>
                    <a:lnTo>
                      <a:pt x="165" y="589"/>
                    </a:lnTo>
                    <a:lnTo>
                      <a:pt x="166" y="583"/>
                    </a:lnTo>
                    <a:lnTo>
                      <a:pt x="166" y="578"/>
                    </a:lnTo>
                    <a:lnTo>
                      <a:pt x="166" y="571"/>
                    </a:lnTo>
                    <a:lnTo>
                      <a:pt x="165" y="565"/>
                    </a:lnTo>
                    <a:lnTo>
                      <a:pt x="162" y="558"/>
                    </a:lnTo>
                    <a:lnTo>
                      <a:pt x="158" y="553"/>
                    </a:lnTo>
                    <a:lnTo>
                      <a:pt x="153" y="546"/>
                    </a:lnTo>
                    <a:lnTo>
                      <a:pt x="147" y="539"/>
                    </a:lnTo>
                    <a:lnTo>
                      <a:pt x="139" y="532"/>
                    </a:lnTo>
                    <a:lnTo>
                      <a:pt x="133" y="526"/>
                    </a:lnTo>
                    <a:lnTo>
                      <a:pt x="129" y="519"/>
                    </a:lnTo>
                    <a:lnTo>
                      <a:pt x="127" y="511"/>
                    </a:lnTo>
                    <a:lnTo>
                      <a:pt x="126" y="502"/>
                    </a:lnTo>
                    <a:lnTo>
                      <a:pt x="126" y="484"/>
                    </a:lnTo>
                    <a:lnTo>
                      <a:pt x="127" y="467"/>
                    </a:lnTo>
                    <a:lnTo>
                      <a:pt x="126" y="457"/>
                    </a:lnTo>
                    <a:lnTo>
                      <a:pt x="123" y="451"/>
                    </a:lnTo>
                    <a:lnTo>
                      <a:pt x="121" y="444"/>
                    </a:lnTo>
                    <a:lnTo>
                      <a:pt x="116" y="440"/>
                    </a:lnTo>
                    <a:lnTo>
                      <a:pt x="112" y="436"/>
                    </a:lnTo>
                    <a:lnTo>
                      <a:pt x="107" y="432"/>
                    </a:lnTo>
                    <a:lnTo>
                      <a:pt x="103" y="426"/>
                    </a:lnTo>
                    <a:lnTo>
                      <a:pt x="99" y="420"/>
                    </a:lnTo>
                    <a:lnTo>
                      <a:pt x="98" y="409"/>
                    </a:lnTo>
                    <a:lnTo>
                      <a:pt x="98" y="397"/>
                    </a:lnTo>
                    <a:lnTo>
                      <a:pt x="98" y="387"/>
                    </a:lnTo>
                    <a:lnTo>
                      <a:pt x="96" y="375"/>
                    </a:lnTo>
                    <a:lnTo>
                      <a:pt x="155" y="360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44" name="Freeform 184"/>
              <p:cNvSpPr>
                <a:spLocks/>
              </p:cNvSpPr>
              <p:nvPr/>
            </p:nvSpPr>
            <p:spPr bwMode="auto">
              <a:xfrm>
                <a:off x="7178618" y="6757516"/>
                <a:ext cx="23683" cy="23483"/>
              </a:xfrm>
              <a:custGeom>
                <a:avLst/>
                <a:gdLst/>
                <a:ahLst/>
                <a:cxnLst>
                  <a:cxn ang="0">
                    <a:pos x="53" y="29"/>
                  </a:cxn>
                  <a:cxn ang="0">
                    <a:pos x="47" y="22"/>
                  </a:cxn>
                  <a:cxn ang="0">
                    <a:pos x="42" y="16"/>
                  </a:cxn>
                  <a:cxn ang="0">
                    <a:pos x="35" y="10"/>
                  </a:cxn>
                  <a:cxn ang="0">
                    <a:pos x="26" y="5"/>
                  </a:cxn>
                  <a:cxn ang="0">
                    <a:pos x="21" y="3"/>
                  </a:cxn>
                  <a:cxn ang="0">
                    <a:pos x="15" y="1"/>
                  </a:cxn>
                  <a:cxn ang="0">
                    <a:pos x="8" y="0"/>
                  </a:cxn>
                  <a:cxn ang="0">
                    <a:pos x="2" y="3"/>
                  </a:cxn>
                  <a:cxn ang="0">
                    <a:pos x="0" y="4"/>
                  </a:cxn>
                  <a:cxn ang="0">
                    <a:pos x="2" y="8"/>
                  </a:cxn>
                  <a:cxn ang="0">
                    <a:pos x="4" y="12"/>
                  </a:cxn>
                  <a:cxn ang="0">
                    <a:pos x="8" y="16"/>
                  </a:cxn>
                  <a:cxn ang="0">
                    <a:pos x="16" y="23"/>
                  </a:cxn>
                  <a:cxn ang="0">
                    <a:pos x="21" y="27"/>
                  </a:cxn>
                  <a:cxn ang="0">
                    <a:pos x="26" y="36"/>
                  </a:cxn>
                  <a:cxn ang="0">
                    <a:pos x="33" y="44"/>
                  </a:cxn>
                  <a:cxn ang="0">
                    <a:pos x="38" y="47"/>
                  </a:cxn>
                  <a:cxn ang="0">
                    <a:pos x="43" y="49"/>
                  </a:cxn>
                  <a:cxn ang="0">
                    <a:pos x="48" y="52"/>
                  </a:cxn>
                  <a:cxn ang="0">
                    <a:pos x="55" y="51"/>
                  </a:cxn>
                  <a:cxn ang="0">
                    <a:pos x="53" y="29"/>
                  </a:cxn>
                </a:cxnLst>
                <a:rect l="0" t="0" r="r" b="b"/>
                <a:pathLst>
                  <a:path w="55" h="52">
                    <a:moveTo>
                      <a:pt x="53" y="29"/>
                    </a:moveTo>
                    <a:lnTo>
                      <a:pt x="47" y="22"/>
                    </a:lnTo>
                    <a:lnTo>
                      <a:pt x="42" y="16"/>
                    </a:lnTo>
                    <a:lnTo>
                      <a:pt x="35" y="10"/>
                    </a:lnTo>
                    <a:lnTo>
                      <a:pt x="26" y="5"/>
                    </a:lnTo>
                    <a:lnTo>
                      <a:pt x="21" y="3"/>
                    </a:lnTo>
                    <a:lnTo>
                      <a:pt x="15" y="1"/>
                    </a:lnTo>
                    <a:lnTo>
                      <a:pt x="8" y="0"/>
                    </a:lnTo>
                    <a:lnTo>
                      <a:pt x="2" y="3"/>
                    </a:lnTo>
                    <a:lnTo>
                      <a:pt x="0" y="4"/>
                    </a:lnTo>
                    <a:lnTo>
                      <a:pt x="2" y="8"/>
                    </a:lnTo>
                    <a:lnTo>
                      <a:pt x="4" y="12"/>
                    </a:lnTo>
                    <a:lnTo>
                      <a:pt x="8" y="16"/>
                    </a:lnTo>
                    <a:lnTo>
                      <a:pt x="16" y="23"/>
                    </a:lnTo>
                    <a:lnTo>
                      <a:pt x="21" y="27"/>
                    </a:lnTo>
                    <a:lnTo>
                      <a:pt x="26" y="36"/>
                    </a:lnTo>
                    <a:lnTo>
                      <a:pt x="33" y="44"/>
                    </a:lnTo>
                    <a:lnTo>
                      <a:pt x="38" y="47"/>
                    </a:lnTo>
                    <a:lnTo>
                      <a:pt x="43" y="49"/>
                    </a:lnTo>
                    <a:lnTo>
                      <a:pt x="48" y="52"/>
                    </a:lnTo>
                    <a:lnTo>
                      <a:pt x="55" y="51"/>
                    </a:lnTo>
                    <a:lnTo>
                      <a:pt x="53" y="29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45" name="Freeform 185"/>
              <p:cNvSpPr>
                <a:spLocks/>
              </p:cNvSpPr>
              <p:nvPr/>
            </p:nvSpPr>
            <p:spPr bwMode="auto">
              <a:xfrm>
                <a:off x="7284276" y="6491990"/>
                <a:ext cx="537399" cy="357648"/>
              </a:xfrm>
              <a:custGeom>
                <a:avLst/>
                <a:gdLst/>
                <a:ahLst/>
                <a:cxnLst>
                  <a:cxn ang="0">
                    <a:pos x="951" y="439"/>
                  </a:cxn>
                  <a:cxn ang="0">
                    <a:pos x="960" y="469"/>
                  </a:cxn>
                  <a:cxn ang="0">
                    <a:pos x="1004" y="502"/>
                  </a:cxn>
                  <a:cxn ang="0">
                    <a:pos x="1015" y="527"/>
                  </a:cxn>
                  <a:cxn ang="0">
                    <a:pos x="1000" y="593"/>
                  </a:cxn>
                  <a:cxn ang="0">
                    <a:pos x="1029" y="650"/>
                  </a:cxn>
                  <a:cxn ang="0">
                    <a:pos x="999" y="679"/>
                  </a:cxn>
                  <a:cxn ang="0">
                    <a:pos x="965" y="720"/>
                  </a:cxn>
                  <a:cxn ang="0">
                    <a:pos x="938" y="790"/>
                  </a:cxn>
                  <a:cxn ang="0">
                    <a:pos x="919" y="775"/>
                  </a:cxn>
                  <a:cxn ang="0">
                    <a:pos x="876" y="739"/>
                  </a:cxn>
                  <a:cxn ang="0">
                    <a:pos x="789" y="733"/>
                  </a:cxn>
                  <a:cxn ang="0">
                    <a:pos x="741" y="720"/>
                  </a:cxn>
                  <a:cxn ang="0">
                    <a:pos x="705" y="679"/>
                  </a:cxn>
                  <a:cxn ang="0">
                    <a:pos x="689" y="609"/>
                  </a:cxn>
                  <a:cxn ang="0">
                    <a:pos x="661" y="574"/>
                  </a:cxn>
                  <a:cxn ang="0">
                    <a:pos x="586" y="564"/>
                  </a:cxn>
                  <a:cxn ang="0">
                    <a:pos x="508" y="546"/>
                  </a:cxn>
                  <a:cxn ang="0">
                    <a:pos x="437" y="487"/>
                  </a:cxn>
                  <a:cxn ang="0">
                    <a:pos x="381" y="454"/>
                  </a:cxn>
                  <a:cxn ang="0">
                    <a:pos x="306" y="421"/>
                  </a:cxn>
                  <a:cxn ang="0">
                    <a:pos x="275" y="369"/>
                  </a:cxn>
                  <a:cxn ang="0">
                    <a:pos x="239" y="355"/>
                  </a:cxn>
                  <a:cxn ang="0">
                    <a:pos x="185" y="347"/>
                  </a:cxn>
                  <a:cxn ang="0">
                    <a:pos x="162" y="312"/>
                  </a:cxn>
                  <a:cxn ang="0">
                    <a:pos x="118" y="299"/>
                  </a:cxn>
                  <a:cxn ang="0">
                    <a:pos x="61" y="297"/>
                  </a:cxn>
                  <a:cxn ang="0">
                    <a:pos x="3" y="226"/>
                  </a:cxn>
                  <a:cxn ang="0">
                    <a:pos x="11" y="184"/>
                  </a:cxn>
                  <a:cxn ang="0">
                    <a:pos x="17" y="127"/>
                  </a:cxn>
                  <a:cxn ang="0">
                    <a:pos x="110" y="12"/>
                  </a:cxn>
                  <a:cxn ang="0">
                    <a:pos x="132" y="52"/>
                  </a:cxn>
                  <a:cxn ang="0">
                    <a:pos x="179" y="86"/>
                  </a:cxn>
                  <a:cxn ang="0">
                    <a:pos x="219" y="83"/>
                  </a:cxn>
                  <a:cxn ang="0">
                    <a:pos x="235" y="57"/>
                  </a:cxn>
                  <a:cxn ang="0">
                    <a:pos x="242" y="8"/>
                  </a:cxn>
                  <a:cxn ang="0">
                    <a:pos x="271" y="5"/>
                  </a:cxn>
                  <a:cxn ang="0">
                    <a:pos x="354" y="53"/>
                  </a:cxn>
                  <a:cxn ang="0">
                    <a:pos x="404" y="68"/>
                  </a:cxn>
                  <a:cxn ang="0">
                    <a:pos x="438" y="118"/>
                  </a:cxn>
                  <a:cxn ang="0">
                    <a:pos x="469" y="171"/>
                  </a:cxn>
                  <a:cxn ang="0">
                    <a:pos x="522" y="185"/>
                  </a:cxn>
                  <a:cxn ang="0">
                    <a:pos x="635" y="163"/>
                  </a:cxn>
                  <a:cxn ang="0">
                    <a:pos x="702" y="153"/>
                  </a:cxn>
                  <a:cxn ang="0">
                    <a:pos x="775" y="139"/>
                  </a:cxn>
                  <a:cxn ang="0">
                    <a:pos x="873" y="108"/>
                  </a:cxn>
                  <a:cxn ang="0">
                    <a:pos x="926" y="127"/>
                  </a:cxn>
                  <a:cxn ang="0">
                    <a:pos x="980" y="126"/>
                  </a:cxn>
                  <a:cxn ang="0">
                    <a:pos x="1047" y="77"/>
                  </a:cxn>
                  <a:cxn ang="0">
                    <a:pos x="1105" y="64"/>
                  </a:cxn>
                  <a:cxn ang="0">
                    <a:pos x="1180" y="62"/>
                  </a:cxn>
                  <a:cxn ang="0">
                    <a:pos x="1162" y="109"/>
                  </a:cxn>
                </a:cxnLst>
                <a:rect l="0" t="0" r="r" b="b"/>
                <a:pathLst>
                  <a:path w="1180" h="790">
                    <a:moveTo>
                      <a:pt x="1073" y="223"/>
                    </a:moveTo>
                    <a:lnTo>
                      <a:pt x="967" y="406"/>
                    </a:lnTo>
                    <a:lnTo>
                      <a:pt x="959" y="419"/>
                    </a:lnTo>
                    <a:lnTo>
                      <a:pt x="954" y="430"/>
                    </a:lnTo>
                    <a:lnTo>
                      <a:pt x="951" y="439"/>
                    </a:lnTo>
                    <a:lnTo>
                      <a:pt x="950" y="448"/>
                    </a:lnTo>
                    <a:lnTo>
                      <a:pt x="951" y="455"/>
                    </a:lnTo>
                    <a:lnTo>
                      <a:pt x="952" y="460"/>
                    </a:lnTo>
                    <a:lnTo>
                      <a:pt x="956" y="465"/>
                    </a:lnTo>
                    <a:lnTo>
                      <a:pt x="960" y="469"/>
                    </a:lnTo>
                    <a:lnTo>
                      <a:pt x="972" y="477"/>
                    </a:lnTo>
                    <a:lnTo>
                      <a:pt x="985" y="485"/>
                    </a:lnTo>
                    <a:lnTo>
                      <a:pt x="991" y="490"/>
                    </a:lnTo>
                    <a:lnTo>
                      <a:pt x="999" y="495"/>
                    </a:lnTo>
                    <a:lnTo>
                      <a:pt x="1004" y="502"/>
                    </a:lnTo>
                    <a:lnTo>
                      <a:pt x="1011" y="509"/>
                    </a:lnTo>
                    <a:lnTo>
                      <a:pt x="1013" y="514"/>
                    </a:lnTo>
                    <a:lnTo>
                      <a:pt x="1015" y="518"/>
                    </a:lnTo>
                    <a:lnTo>
                      <a:pt x="1015" y="524"/>
                    </a:lnTo>
                    <a:lnTo>
                      <a:pt x="1015" y="527"/>
                    </a:lnTo>
                    <a:lnTo>
                      <a:pt x="1012" y="535"/>
                    </a:lnTo>
                    <a:lnTo>
                      <a:pt x="1007" y="543"/>
                    </a:lnTo>
                    <a:lnTo>
                      <a:pt x="994" y="556"/>
                    </a:lnTo>
                    <a:lnTo>
                      <a:pt x="982" y="569"/>
                    </a:lnTo>
                    <a:lnTo>
                      <a:pt x="1000" y="593"/>
                    </a:lnTo>
                    <a:lnTo>
                      <a:pt x="1021" y="622"/>
                    </a:lnTo>
                    <a:lnTo>
                      <a:pt x="1025" y="630"/>
                    </a:lnTo>
                    <a:lnTo>
                      <a:pt x="1028" y="638"/>
                    </a:lnTo>
                    <a:lnTo>
                      <a:pt x="1029" y="644"/>
                    </a:lnTo>
                    <a:lnTo>
                      <a:pt x="1029" y="650"/>
                    </a:lnTo>
                    <a:lnTo>
                      <a:pt x="1026" y="657"/>
                    </a:lnTo>
                    <a:lnTo>
                      <a:pt x="1024" y="663"/>
                    </a:lnTo>
                    <a:lnTo>
                      <a:pt x="1017" y="669"/>
                    </a:lnTo>
                    <a:lnTo>
                      <a:pt x="1009" y="674"/>
                    </a:lnTo>
                    <a:lnTo>
                      <a:pt x="999" y="679"/>
                    </a:lnTo>
                    <a:lnTo>
                      <a:pt x="991" y="685"/>
                    </a:lnTo>
                    <a:lnTo>
                      <a:pt x="983" y="693"/>
                    </a:lnTo>
                    <a:lnTo>
                      <a:pt x="977" y="702"/>
                    </a:lnTo>
                    <a:lnTo>
                      <a:pt x="971" y="711"/>
                    </a:lnTo>
                    <a:lnTo>
                      <a:pt x="965" y="720"/>
                    </a:lnTo>
                    <a:lnTo>
                      <a:pt x="961" y="731"/>
                    </a:lnTo>
                    <a:lnTo>
                      <a:pt x="958" y="741"/>
                    </a:lnTo>
                    <a:lnTo>
                      <a:pt x="946" y="775"/>
                    </a:lnTo>
                    <a:lnTo>
                      <a:pt x="941" y="790"/>
                    </a:lnTo>
                    <a:lnTo>
                      <a:pt x="938" y="790"/>
                    </a:lnTo>
                    <a:lnTo>
                      <a:pt x="936" y="790"/>
                    </a:lnTo>
                    <a:lnTo>
                      <a:pt x="933" y="789"/>
                    </a:lnTo>
                    <a:lnTo>
                      <a:pt x="930" y="788"/>
                    </a:lnTo>
                    <a:lnTo>
                      <a:pt x="925" y="781"/>
                    </a:lnTo>
                    <a:lnTo>
                      <a:pt x="919" y="775"/>
                    </a:lnTo>
                    <a:lnTo>
                      <a:pt x="907" y="759"/>
                    </a:lnTo>
                    <a:lnTo>
                      <a:pt x="897" y="749"/>
                    </a:lnTo>
                    <a:lnTo>
                      <a:pt x="891" y="745"/>
                    </a:lnTo>
                    <a:lnTo>
                      <a:pt x="884" y="741"/>
                    </a:lnTo>
                    <a:lnTo>
                      <a:pt x="876" y="739"/>
                    </a:lnTo>
                    <a:lnTo>
                      <a:pt x="867" y="737"/>
                    </a:lnTo>
                    <a:lnTo>
                      <a:pt x="849" y="735"/>
                    </a:lnTo>
                    <a:lnTo>
                      <a:pt x="829" y="733"/>
                    </a:lnTo>
                    <a:lnTo>
                      <a:pt x="810" y="733"/>
                    </a:lnTo>
                    <a:lnTo>
                      <a:pt x="789" y="733"/>
                    </a:lnTo>
                    <a:lnTo>
                      <a:pt x="780" y="732"/>
                    </a:lnTo>
                    <a:lnTo>
                      <a:pt x="771" y="731"/>
                    </a:lnTo>
                    <a:lnTo>
                      <a:pt x="763" y="730"/>
                    </a:lnTo>
                    <a:lnTo>
                      <a:pt x="754" y="727"/>
                    </a:lnTo>
                    <a:lnTo>
                      <a:pt x="741" y="720"/>
                    </a:lnTo>
                    <a:lnTo>
                      <a:pt x="730" y="713"/>
                    </a:lnTo>
                    <a:lnTo>
                      <a:pt x="720" y="705"/>
                    </a:lnTo>
                    <a:lnTo>
                      <a:pt x="714" y="697"/>
                    </a:lnTo>
                    <a:lnTo>
                      <a:pt x="709" y="688"/>
                    </a:lnTo>
                    <a:lnTo>
                      <a:pt x="705" y="679"/>
                    </a:lnTo>
                    <a:lnTo>
                      <a:pt x="701" y="669"/>
                    </a:lnTo>
                    <a:lnTo>
                      <a:pt x="700" y="660"/>
                    </a:lnTo>
                    <a:lnTo>
                      <a:pt x="697" y="639"/>
                    </a:lnTo>
                    <a:lnTo>
                      <a:pt x="693" y="619"/>
                    </a:lnTo>
                    <a:lnTo>
                      <a:pt x="689" y="609"/>
                    </a:lnTo>
                    <a:lnTo>
                      <a:pt x="685" y="600"/>
                    </a:lnTo>
                    <a:lnTo>
                      <a:pt x="680" y="591"/>
                    </a:lnTo>
                    <a:lnTo>
                      <a:pt x="673" y="582"/>
                    </a:lnTo>
                    <a:lnTo>
                      <a:pt x="667" y="577"/>
                    </a:lnTo>
                    <a:lnTo>
                      <a:pt x="661" y="574"/>
                    </a:lnTo>
                    <a:lnTo>
                      <a:pt x="653" y="570"/>
                    </a:lnTo>
                    <a:lnTo>
                      <a:pt x="645" y="569"/>
                    </a:lnTo>
                    <a:lnTo>
                      <a:pt x="626" y="566"/>
                    </a:lnTo>
                    <a:lnTo>
                      <a:pt x="606" y="564"/>
                    </a:lnTo>
                    <a:lnTo>
                      <a:pt x="586" y="564"/>
                    </a:lnTo>
                    <a:lnTo>
                      <a:pt x="565" y="562"/>
                    </a:lnTo>
                    <a:lnTo>
                      <a:pt x="546" y="560"/>
                    </a:lnTo>
                    <a:lnTo>
                      <a:pt x="530" y="556"/>
                    </a:lnTo>
                    <a:lnTo>
                      <a:pt x="518" y="552"/>
                    </a:lnTo>
                    <a:lnTo>
                      <a:pt x="508" y="546"/>
                    </a:lnTo>
                    <a:lnTo>
                      <a:pt x="499" y="540"/>
                    </a:lnTo>
                    <a:lnTo>
                      <a:pt x="489" y="533"/>
                    </a:lnTo>
                    <a:lnTo>
                      <a:pt x="472" y="518"/>
                    </a:lnTo>
                    <a:lnTo>
                      <a:pt x="454" y="503"/>
                    </a:lnTo>
                    <a:lnTo>
                      <a:pt x="437" y="487"/>
                    </a:lnTo>
                    <a:lnTo>
                      <a:pt x="420" y="473"/>
                    </a:lnTo>
                    <a:lnTo>
                      <a:pt x="411" y="467"/>
                    </a:lnTo>
                    <a:lnTo>
                      <a:pt x="400" y="461"/>
                    </a:lnTo>
                    <a:lnTo>
                      <a:pt x="391" y="456"/>
                    </a:lnTo>
                    <a:lnTo>
                      <a:pt x="381" y="454"/>
                    </a:lnTo>
                    <a:lnTo>
                      <a:pt x="360" y="445"/>
                    </a:lnTo>
                    <a:lnTo>
                      <a:pt x="337" y="437"/>
                    </a:lnTo>
                    <a:lnTo>
                      <a:pt x="327" y="433"/>
                    </a:lnTo>
                    <a:lnTo>
                      <a:pt x="316" y="428"/>
                    </a:lnTo>
                    <a:lnTo>
                      <a:pt x="306" y="421"/>
                    </a:lnTo>
                    <a:lnTo>
                      <a:pt x="298" y="415"/>
                    </a:lnTo>
                    <a:lnTo>
                      <a:pt x="292" y="403"/>
                    </a:lnTo>
                    <a:lnTo>
                      <a:pt x="286" y="391"/>
                    </a:lnTo>
                    <a:lnTo>
                      <a:pt x="281" y="380"/>
                    </a:lnTo>
                    <a:lnTo>
                      <a:pt x="275" y="369"/>
                    </a:lnTo>
                    <a:lnTo>
                      <a:pt x="270" y="364"/>
                    </a:lnTo>
                    <a:lnTo>
                      <a:pt x="264" y="360"/>
                    </a:lnTo>
                    <a:lnTo>
                      <a:pt x="258" y="358"/>
                    </a:lnTo>
                    <a:lnTo>
                      <a:pt x="251" y="355"/>
                    </a:lnTo>
                    <a:lnTo>
                      <a:pt x="239" y="355"/>
                    </a:lnTo>
                    <a:lnTo>
                      <a:pt x="224" y="355"/>
                    </a:lnTo>
                    <a:lnTo>
                      <a:pt x="210" y="355"/>
                    </a:lnTo>
                    <a:lnTo>
                      <a:pt x="197" y="353"/>
                    </a:lnTo>
                    <a:lnTo>
                      <a:pt x="191" y="351"/>
                    </a:lnTo>
                    <a:lnTo>
                      <a:pt x="185" y="347"/>
                    </a:lnTo>
                    <a:lnTo>
                      <a:pt x="182" y="342"/>
                    </a:lnTo>
                    <a:lnTo>
                      <a:pt x="178" y="336"/>
                    </a:lnTo>
                    <a:lnTo>
                      <a:pt x="172" y="327"/>
                    </a:lnTo>
                    <a:lnTo>
                      <a:pt x="167" y="319"/>
                    </a:lnTo>
                    <a:lnTo>
                      <a:pt x="162" y="312"/>
                    </a:lnTo>
                    <a:lnTo>
                      <a:pt x="156" y="307"/>
                    </a:lnTo>
                    <a:lnTo>
                      <a:pt x="148" y="302"/>
                    </a:lnTo>
                    <a:lnTo>
                      <a:pt x="140" y="299"/>
                    </a:lnTo>
                    <a:lnTo>
                      <a:pt x="130" y="298"/>
                    </a:lnTo>
                    <a:lnTo>
                      <a:pt x="118" y="299"/>
                    </a:lnTo>
                    <a:lnTo>
                      <a:pt x="99" y="301"/>
                    </a:lnTo>
                    <a:lnTo>
                      <a:pt x="86" y="302"/>
                    </a:lnTo>
                    <a:lnTo>
                      <a:pt x="75" y="302"/>
                    </a:lnTo>
                    <a:lnTo>
                      <a:pt x="68" y="301"/>
                    </a:lnTo>
                    <a:lnTo>
                      <a:pt x="61" y="297"/>
                    </a:lnTo>
                    <a:lnTo>
                      <a:pt x="56" y="289"/>
                    </a:lnTo>
                    <a:lnTo>
                      <a:pt x="49" y="279"/>
                    </a:lnTo>
                    <a:lnTo>
                      <a:pt x="40" y="263"/>
                    </a:lnTo>
                    <a:lnTo>
                      <a:pt x="22" y="244"/>
                    </a:lnTo>
                    <a:lnTo>
                      <a:pt x="3" y="226"/>
                    </a:lnTo>
                    <a:lnTo>
                      <a:pt x="1" y="219"/>
                    </a:lnTo>
                    <a:lnTo>
                      <a:pt x="0" y="213"/>
                    </a:lnTo>
                    <a:lnTo>
                      <a:pt x="1" y="206"/>
                    </a:lnTo>
                    <a:lnTo>
                      <a:pt x="4" y="198"/>
                    </a:lnTo>
                    <a:lnTo>
                      <a:pt x="11" y="184"/>
                    </a:lnTo>
                    <a:lnTo>
                      <a:pt x="14" y="171"/>
                    </a:lnTo>
                    <a:lnTo>
                      <a:pt x="12" y="162"/>
                    </a:lnTo>
                    <a:lnTo>
                      <a:pt x="12" y="152"/>
                    </a:lnTo>
                    <a:lnTo>
                      <a:pt x="13" y="140"/>
                    </a:lnTo>
                    <a:lnTo>
                      <a:pt x="17" y="127"/>
                    </a:lnTo>
                    <a:lnTo>
                      <a:pt x="21" y="115"/>
                    </a:lnTo>
                    <a:lnTo>
                      <a:pt x="27" y="103"/>
                    </a:lnTo>
                    <a:lnTo>
                      <a:pt x="35" y="92"/>
                    </a:lnTo>
                    <a:lnTo>
                      <a:pt x="43" y="82"/>
                    </a:lnTo>
                    <a:lnTo>
                      <a:pt x="110" y="12"/>
                    </a:lnTo>
                    <a:lnTo>
                      <a:pt x="112" y="18"/>
                    </a:lnTo>
                    <a:lnTo>
                      <a:pt x="114" y="27"/>
                    </a:lnTo>
                    <a:lnTo>
                      <a:pt x="119" y="35"/>
                    </a:lnTo>
                    <a:lnTo>
                      <a:pt x="126" y="44"/>
                    </a:lnTo>
                    <a:lnTo>
                      <a:pt x="132" y="52"/>
                    </a:lnTo>
                    <a:lnTo>
                      <a:pt x="140" y="61"/>
                    </a:lnTo>
                    <a:lnTo>
                      <a:pt x="149" y="69"/>
                    </a:lnTo>
                    <a:lnTo>
                      <a:pt x="160" y="75"/>
                    </a:lnTo>
                    <a:lnTo>
                      <a:pt x="169" y="82"/>
                    </a:lnTo>
                    <a:lnTo>
                      <a:pt x="179" y="86"/>
                    </a:lnTo>
                    <a:lnTo>
                      <a:pt x="189" y="88"/>
                    </a:lnTo>
                    <a:lnTo>
                      <a:pt x="198" y="90"/>
                    </a:lnTo>
                    <a:lnTo>
                      <a:pt x="207" y="90"/>
                    </a:lnTo>
                    <a:lnTo>
                      <a:pt x="215" y="86"/>
                    </a:lnTo>
                    <a:lnTo>
                      <a:pt x="219" y="83"/>
                    </a:lnTo>
                    <a:lnTo>
                      <a:pt x="223" y="81"/>
                    </a:lnTo>
                    <a:lnTo>
                      <a:pt x="227" y="77"/>
                    </a:lnTo>
                    <a:lnTo>
                      <a:pt x="229" y="71"/>
                    </a:lnTo>
                    <a:lnTo>
                      <a:pt x="232" y="65"/>
                    </a:lnTo>
                    <a:lnTo>
                      <a:pt x="235" y="57"/>
                    </a:lnTo>
                    <a:lnTo>
                      <a:pt x="236" y="49"/>
                    </a:lnTo>
                    <a:lnTo>
                      <a:pt x="237" y="42"/>
                    </a:lnTo>
                    <a:lnTo>
                      <a:pt x="239" y="26"/>
                    </a:lnTo>
                    <a:lnTo>
                      <a:pt x="240" y="13"/>
                    </a:lnTo>
                    <a:lnTo>
                      <a:pt x="242" y="8"/>
                    </a:lnTo>
                    <a:lnTo>
                      <a:pt x="245" y="4"/>
                    </a:lnTo>
                    <a:lnTo>
                      <a:pt x="250" y="1"/>
                    </a:lnTo>
                    <a:lnTo>
                      <a:pt x="255" y="0"/>
                    </a:lnTo>
                    <a:lnTo>
                      <a:pt x="262" y="1"/>
                    </a:lnTo>
                    <a:lnTo>
                      <a:pt x="271" y="5"/>
                    </a:lnTo>
                    <a:lnTo>
                      <a:pt x="283" y="11"/>
                    </a:lnTo>
                    <a:lnTo>
                      <a:pt x="297" y="18"/>
                    </a:lnTo>
                    <a:lnTo>
                      <a:pt x="318" y="33"/>
                    </a:lnTo>
                    <a:lnTo>
                      <a:pt x="342" y="47"/>
                    </a:lnTo>
                    <a:lnTo>
                      <a:pt x="354" y="53"/>
                    </a:lnTo>
                    <a:lnTo>
                      <a:pt x="367" y="58"/>
                    </a:lnTo>
                    <a:lnTo>
                      <a:pt x="378" y="62"/>
                    </a:lnTo>
                    <a:lnTo>
                      <a:pt x="391" y="64"/>
                    </a:lnTo>
                    <a:lnTo>
                      <a:pt x="398" y="65"/>
                    </a:lnTo>
                    <a:lnTo>
                      <a:pt x="404" y="68"/>
                    </a:lnTo>
                    <a:lnTo>
                      <a:pt x="410" y="70"/>
                    </a:lnTo>
                    <a:lnTo>
                      <a:pt x="415" y="75"/>
                    </a:lnTo>
                    <a:lnTo>
                      <a:pt x="424" y="88"/>
                    </a:lnTo>
                    <a:lnTo>
                      <a:pt x="432" y="103"/>
                    </a:lnTo>
                    <a:lnTo>
                      <a:pt x="438" y="118"/>
                    </a:lnTo>
                    <a:lnTo>
                      <a:pt x="445" y="135"/>
                    </a:lnTo>
                    <a:lnTo>
                      <a:pt x="451" y="149"/>
                    </a:lnTo>
                    <a:lnTo>
                      <a:pt x="459" y="161"/>
                    </a:lnTo>
                    <a:lnTo>
                      <a:pt x="464" y="166"/>
                    </a:lnTo>
                    <a:lnTo>
                      <a:pt x="469" y="171"/>
                    </a:lnTo>
                    <a:lnTo>
                      <a:pt x="474" y="175"/>
                    </a:lnTo>
                    <a:lnTo>
                      <a:pt x="481" y="178"/>
                    </a:lnTo>
                    <a:lnTo>
                      <a:pt x="494" y="183"/>
                    </a:lnTo>
                    <a:lnTo>
                      <a:pt x="508" y="185"/>
                    </a:lnTo>
                    <a:lnTo>
                      <a:pt x="522" y="185"/>
                    </a:lnTo>
                    <a:lnTo>
                      <a:pt x="538" y="185"/>
                    </a:lnTo>
                    <a:lnTo>
                      <a:pt x="553" y="183"/>
                    </a:lnTo>
                    <a:lnTo>
                      <a:pt x="570" y="180"/>
                    </a:lnTo>
                    <a:lnTo>
                      <a:pt x="603" y="172"/>
                    </a:lnTo>
                    <a:lnTo>
                      <a:pt x="635" y="163"/>
                    </a:lnTo>
                    <a:lnTo>
                      <a:pt x="651" y="160"/>
                    </a:lnTo>
                    <a:lnTo>
                      <a:pt x="665" y="156"/>
                    </a:lnTo>
                    <a:lnTo>
                      <a:pt x="678" y="153"/>
                    </a:lnTo>
                    <a:lnTo>
                      <a:pt x="689" y="152"/>
                    </a:lnTo>
                    <a:lnTo>
                      <a:pt x="702" y="153"/>
                    </a:lnTo>
                    <a:lnTo>
                      <a:pt x="714" y="153"/>
                    </a:lnTo>
                    <a:lnTo>
                      <a:pt x="726" y="152"/>
                    </a:lnTo>
                    <a:lnTo>
                      <a:pt x="736" y="150"/>
                    </a:lnTo>
                    <a:lnTo>
                      <a:pt x="757" y="145"/>
                    </a:lnTo>
                    <a:lnTo>
                      <a:pt x="775" y="139"/>
                    </a:lnTo>
                    <a:lnTo>
                      <a:pt x="812" y="123"/>
                    </a:lnTo>
                    <a:lnTo>
                      <a:pt x="855" y="108"/>
                    </a:lnTo>
                    <a:lnTo>
                      <a:pt x="862" y="108"/>
                    </a:lnTo>
                    <a:lnTo>
                      <a:pt x="868" y="106"/>
                    </a:lnTo>
                    <a:lnTo>
                      <a:pt x="873" y="108"/>
                    </a:lnTo>
                    <a:lnTo>
                      <a:pt x="880" y="108"/>
                    </a:lnTo>
                    <a:lnTo>
                      <a:pt x="891" y="112"/>
                    </a:lnTo>
                    <a:lnTo>
                      <a:pt x="903" y="117"/>
                    </a:lnTo>
                    <a:lnTo>
                      <a:pt x="915" y="122"/>
                    </a:lnTo>
                    <a:lnTo>
                      <a:pt x="926" y="127"/>
                    </a:lnTo>
                    <a:lnTo>
                      <a:pt x="938" y="131"/>
                    </a:lnTo>
                    <a:lnTo>
                      <a:pt x="951" y="132"/>
                    </a:lnTo>
                    <a:lnTo>
                      <a:pt x="961" y="131"/>
                    </a:lnTo>
                    <a:lnTo>
                      <a:pt x="971" y="130"/>
                    </a:lnTo>
                    <a:lnTo>
                      <a:pt x="980" y="126"/>
                    </a:lnTo>
                    <a:lnTo>
                      <a:pt x="989" y="122"/>
                    </a:lnTo>
                    <a:lnTo>
                      <a:pt x="1003" y="112"/>
                    </a:lnTo>
                    <a:lnTo>
                      <a:pt x="1018" y="100"/>
                    </a:lnTo>
                    <a:lnTo>
                      <a:pt x="1033" y="88"/>
                    </a:lnTo>
                    <a:lnTo>
                      <a:pt x="1047" y="77"/>
                    </a:lnTo>
                    <a:lnTo>
                      <a:pt x="1055" y="73"/>
                    </a:lnTo>
                    <a:lnTo>
                      <a:pt x="1064" y="69"/>
                    </a:lnTo>
                    <a:lnTo>
                      <a:pt x="1073" y="66"/>
                    </a:lnTo>
                    <a:lnTo>
                      <a:pt x="1082" y="65"/>
                    </a:lnTo>
                    <a:lnTo>
                      <a:pt x="1105" y="64"/>
                    </a:lnTo>
                    <a:lnTo>
                      <a:pt x="1131" y="61"/>
                    </a:lnTo>
                    <a:lnTo>
                      <a:pt x="1145" y="60"/>
                    </a:lnTo>
                    <a:lnTo>
                      <a:pt x="1158" y="60"/>
                    </a:lnTo>
                    <a:lnTo>
                      <a:pt x="1170" y="60"/>
                    </a:lnTo>
                    <a:lnTo>
                      <a:pt x="1180" y="62"/>
                    </a:lnTo>
                    <a:lnTo>
                      <a:pt x="1180" y="68"/>
                    </a:lnTo>
                    <a:lnTo>
                      <a:pt x="1179" y="75"/>
                    </a:lnTo>
                    <a:lnTo>
                      <a:pt x="1176" y="83"/>
                    </a:lnTo>
                    <a:lnTo>
                      <a:pt x="1173" y="91"/>
                    </a:lnTo>
                    <a:lnTo>
                      <a:pt x="1162" y="109"/>
                    </a:lnTo>
                    <a:lnTo>
                      <a:pt x="1148" y="127"/>
                    </a:lnTo>
                    <a:lnTo>
                      <a:pt x="1119" y="162"/>
                    </a:lnTo>
                    <a:lnTo>
                      <a:pt x="1100" y="189"/>
                    </a:lnTo>
                    <a:lnTo>
                      <a:pt x="1073" y="223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46" name="Freeform 186"/>
              <p:cNvSpPr>
                <a:spLocks/>
              </p:cNvSpPr>
              <p:nvPr/>
            </p:nvSpPr>
            <p:spPr bwMode="auto">
              <a:xfrm>
                <a:off x="6630288" y="5798369"/>
                <a:ext cx="267789" cy="484090"/>
              </a:xfrm>
              <a:custGeom>
                <a:avLst/>
                <a:gdLst/>
                <a:ahLst/>
                <a:cxnLst>
                  <a:cxn ang="0">
                    <a:pos x="493" y="770"/>
                  </a:cxn>
                  <a:cxn ang="0">
                    <a:pos x="515" y="599"/>
                  </a:cxn>
                  <a:cxn ang="0">
                    <a:pos x="513" y="505"/>
                  </a:cxn>
                  <a:cxn ang="0">
                    <a:pos x="585" y="379"/>
                  </a:cxn>
                  <a:cxn ang="0">
                    <a:pos x="574" y="339"/>
                  </a:cxn>
                  <a:cxn ang="0">
                    <a:pos x="556" y="292"/>
                  </a:cxn>
                  <a:cxn ang="0">
                    <a:pos x="578" y="252"/>
                  </a:cxn>
                  <a:cxn ang="0">
                    <a:pos x="568" y="228"/>
                  </a:cxn>
                  <a:cxn ang="0">
                    <a:pos x="509" y="202"/>
                  </a:cxn>
                  <a:cxn ang="0">
                    <a:pos x="515" y="182"/>
                  </a:cxn>
                  <a:cxn ang="0">
                    <a:pos x="565" y="147"/>
                  </a:cxn>
                  <a:cxn ang="0">
                    <a:pos x="532" y="134"/>
                  </a:cxn>
                  <a:cxn ang="0">
                    <a:pos x="515" y="116"/>
                  </a:cxn>
                  <a:cxn ang="0">
                    <a:pos x="524" y="66"/>
                  </a:cxn>
                  <a:cxn ang="0">
                    <a:pos x="495" y="68"/>
                  </a:cxn>
                  <a:cxn ang="0">
                    <a:pos x="462" y="54"/>
                  </a:cxn>
                  <a:cxn ang="0">
                    <a:pos x="435" y="2"/>
                  </a:cxn>
                  <a:cxn ang="0">
                    <a:pos x="408" y="9"/>
                  </a:cxn>
                  <a:cxn ang="0">
                    <a:pos x="373" y="62"/>
                  </a:cxn>
                  <a:cxn ang="0">
                    <a:pos x="282" y="106"/>
                  </a:cxn>
                  <a:cxn ang="0">
                    <a:pos x="182" y="139"/>
                  </a:cxn>
                  <a:cxn ang="0">
                    <a:pos x="112" y="129"/>
                  </a:cxn>
                  <a:cxn ang="0">
                    <a:pos x="46" y="85"/>
                  </a:cxn>
                  <a:cxn ang="0">
                    <a:pos x="20" y="146"/>
                  </a:cxn>
                  <a:cxn ang="0">
                    <a:pos x="19" y="174"/>
                  </a:cxn>
                  <a:cxn ang="0">
                    <a:pos x="35" y="198"/>
                  </a:cxn>
                  <a:cxn ang="0">
                    <a:pos x="18" y="240"/>
                  </a:cxn>
                  <a:cxn ang="0">
                    <a:pos x="76" y="265"/>
                  </a:cxn>
                  <a:cxn ang="0">
                    <a:pos x="92" y="282"/>
                  </a:cxn>
                  <a:cxn ang="0">
                    <a:pos x="84" y="347"/>
                  </a:cxn>
                  <a:cxn ang="0">
                    <a:pos x="102" y="384"/>
                  </a:cxn>
                  <a:cxn ang="0">
                    <a:pos x="112" y="432"/>
                  </a:cxn>
                  <a:cxn ang="0">
                    <a:pos x="88" y="519"/>
                  </a:cxn>
                  <a:cxn ang="0">
                    <a:pos x="67" y="567"/>
                  </a:cxn>
                  <a:cxn ang="0">
                    <a:pos x="75" y="593"/>
                  </a:cxn>
                  <a:cxn ang="0">
                    <a:pos x="110" y="558"/>
                  </a:cxn>
                  <a:cxn ang="0">
                    <a:pos x="123" y="627"/>
                  </a:cxn>
                  <a:cxn ang="0">
                    <a:pos x="119" y="685"/>
                  </a:cxn>
                  <a:cxn ang="0">
                    <a:pos x="105" y="684"/>
                  </a:cxn>
                  <a:cxn ang="0">
                    <a:pos x="83" y="676"/>
                  </a:cxn>
                  <a:cxn ang="0">
                    <a:pos x="39" y="834"/>
                  </a:cxn>
                  <a:cxn ang="0">
                    <a:pos x="35" y="896"/>
                  </a:cxn>
                  <a:cxn ang="0">
                    <a:pos x="59" y="926"/>
                  </a:cxn>
                  <a:cxn ang="0">
                    <a:pos x="49" y="932"/>
                  </a:cxn>
                  <a:cxn ang="0">
                    <a:pos x="2" y="914"/>
                  </a:cxn>
                  <a:cxn ang="0">
                    <a:pos x="6" y="961"/>
                  </a:cxn>
                  <a:cxn ang="0">
                    <a:pos x="19" y="976"/>
                  </a:cxn>
                  <a:cxn ang="0">
                    <a:pos x="77" y="954"/>
                  </a:cxn>
                  <a:cxn ang="0">
                    <a:pos x="98" y="978"/>
                  </a:cxn>
                  <a:cxn ang="0">
                    <a:pos x="112" y="1063"/>
                  </a:cxn>
                  <a:cxn ang="0">
                    <a:pos x="181" y="1071"/>
                  </a:cxn>
                  <a:cxn ang="0">
                    <a:pos x="238" y="1067"/>
                  </a:cxn>
                  <a:cxn ang="0">
                    <a:pos x="264" y="1025"/>
                  </a:cxn>
                  <a:cxn ang="0">
                    <a:pos x="251" y="970"/>
                  </a:cxn>
                  <a:cxn ang="0">
                    <a:pos x="268" y="931"/>
                  </a:cxn>
                  <a:cxn ang="0">
                    <a:pos x="256" y="866"/>
                  </a:cxn>
                  <a:cxn ang="0">
                    <a:pos x="289" y="869"/>
                  </a:cxn>
                  <a:cxn ang="0">
                    <a:pos x="396" y="928"/>
                  </a:cxn>
                  <a:cxn ang="0">
                    <a:pos x="422" y="980"/>
                  </a:cxn>
                  <a:cxn ang="0">
                    <a:pos x="444" y="980"/>
                  </a:cxn>
                </a:cxnLst>
                <a:rect l="0" t="0" r="r" b="b"/>
                <a:pathLst>
                  <a:path w="587" h="1075">
                    <a:moveTo>
                      <a:pt x="466" y="895"/>
                    </a:moveTo>
                    <a:lnTo>
                      <a:pt x="475" y="873"/>
                    </a:lnTo>
                    <a:lnTo>
                      <a:pt x="480" y="848"/>
                    </a:lnTo>
                    <a:lnTo>
                      <a:pt x="486" y="822"/>
                    </a:lnTo>
                    <a:lnTo>
                      <a:pt x="489" y="796"/>
                    </a:lnTo>
                    <a:lnTo>
                      <a:pt x="493" y="770"/>
                    </a:lnTo>
                    <a:lnTo>
                      <a:pt x="496" y="743"/>
                    </a:lnTo>
                    <a:lnTo>
                      <a:pt x="499" y="718"/>
                    </a:lnTo>
                    <a:lnTo>
                      <a:pt x="502" y="694"/>
                    </a:lnTo>
                    <a:lnTo>
                      <a:pt x="509" y="656"/>
                    </a:lnTo>
                    <a:lnTo>
                      <a:pt x="514" y="619"/>
                    </a:lnTo>
                    <a:lnTo>
                      <a:pt x="515" y="599"/>
                    </a:lnTo>
                    <a:lnTo>
                      <a:pt x="515" y="580"/>
                    </a:lnTo>
                    <a:lnTo>
                      <a:pt x="515" y="562"/>
                    </a:lnTo>
                    <a:lnTo>
                      <a:pt x="513" y="544"/>
                    </a:lnTo>
                    <a:lnTo>
                      <a:pt x="511" y="529"/>
                    </a:lnTo>
                    <a:lnTo>
                      <a:pt x="511" y="518"/>
                    </a:lnTo>
                    <a:lnTo>
                      <a:pt x="513" y="505"/>
                    </a:lnTo>
                    <a:lnTo>
                      <a:pt x="511" y="492"/>
                    </a:lnTo>
                    <a:lnTo>
                      <a:pt x="552" y="418"/>
                    </a:lnTo>
                    <a:lnTo>
                      <a:pt x="559" y="408"/>
                    </a:lnTo>
                    <a:lnTo>
                      <a:pt x="570" y="399"/>
                    </a:lnTo>
                    <a:lnTo>
                      <a:pt x="579" y="388"/>
                    </a:lnTo>
                    <a:lnTo>
                      <a:pt x="585" y="379"/>
                    </a:lnTo>
                    <a:lnTo>
                      <a:pt x="587" y="374"/>
                    </a:lnTo>
                    <a:lnTo>
                      <a:pt x="587" y="370"/>
                    </a:lnTo>
                    <a:lnTo>
                      <a:pt x="585" y="365"/>
                    </a:lnTo>
                    <a:lnTo>
                      <a:pt x="584" y="360"/>
                    </a:lnTo>
                    <a:lnTo>
                      <a:pt x="580" y="351"/>
                    </a:lnTo>
                    <a:lnTo>
                      <a:pt x="574" y="339"/>
                    </a:lnTo>
                    <a:lnTo>
                      <a:pt x="566" y="329"/>
                    </a:lnTo>
                    <a:lnTo>
                      <a:pt x="561" y="317"/>
                    </a:lnTo>
                    <a:lnTo>
                      <a:pt x="558" y="310"/>
                    </a:lnTo>
                    <a:lnTo>
                      <a:pt x="557" y="305"/>
                    </a:lnTo>
                    <a:lnTo>
                      <a:pt x="556" y="299"/>
                    </a:lnTo>
                    <a:lnTo>
                      <a:pt x="556" y="292"/>
                    </a:lnTo>
                    <a:lnTo>
                      <a:pt x="557" y="283"/>
                    </a:lnTo>
                    <a:lnTo>
                      <a:pt x="559" y="277"/>
                    </a:lnTo>
                    <a:lnTo>
                      <a:pt x="565" y="269"/>
                    </a:lnTo>
                    <a:lnTo>
                      <a:pt x="568" y="264"/>
                    </a:lnTo>
                    <a:lnTo>
                      <a:pt x="574" y="257"/>
                    </a:lnTo>
                    <a:lnTo>
                      <a:pt x="578" y="252"/>
                    </a:lnTo>
                    <a:lnTo>
                      <a:pt x="580" y="246"/>
                    </a:lnTo>
                    <a:lnTo>
                      <a:pt x="581" y="239"/>
                    </a:lnTo>
                    <a:lnTo>
                      <a:pt x="580" y="237"/>
                    </a:lnTo>
                    <a:lnTo>
                      <a:pt x="578" y="233"/>
                    </a:lnTo>
                    <a:lnTo>
                      <a:pt x="574" y="230"/>
                    </a:lnTo>
                    <a:lnTo>
                      <a:pt x="568" y="228"/>
                    </a:lnTo>
                    <a:lnTo>
                      <a:pt x="557" y="222"/>
                    </a:lnTo>
                    <a:lnTo>
                      <a:pt x="543" y="217"/>
                    </a:lnTo>
                    <a:lnTo>
                      <a:pt x="528" y="212"/>
                    </a:lnTo>
                    <a:lnTo>
                      <a:pt x="517" y="207"/>
                    </a:lnTo>
                    <a:lnTo>
                      <a:pt x="511" y="204"/>
                    </a:lnTo>
                    <a:lnTo>
                      <a:pt x="509" y="202"/>
                    </a:lnTo>
                    <a:lnTo>
                      <a:pt x="506" y="199"/>
                    </a:lnTo>
                    <a:lnTo>
                      <a:pt x="505" y="195"/>
                    </a:lnTo>
                    <a:lnTo>
                      <a:pt x="506" y="191"/>
                    </a:lnTo>
                    <a:lnTo>
                      <a:pt x="509" y="189"/>
                    </a:lnTo>
                    <a:lnTo>
                      <a:pt x="511" y="185"/>
                    </a:lnTo>
                    <a:lnTo>
                      <a:pt x="515" y="182"/>
                    </a:lnTo>
                    <a:lnTo>
                      <a:pt x="526" y="176"/>
                    </a:lnTo>
                    <a:lnTo>
                      <a:pt x="537" y="171"/>
                    </a:lnTo>
                    <a:lnTo>
                      <a:pt x="549" y="164"/>
                    </a:lnTo>
                    <a:lnTo>
                      <a:pt x="558" y="156"/>
                    </a:lnTo>
                    <a:lnTo>
                      <a:pt x="562" y="152"/>
                    </a:lnTo>
                    <a:lnTo>
                      <a:pt x="565" y="147"/>
                    </a:lnTo>
                    <a:lnTo>
                      <a:pt x="567" y="142"/>
                    </a:lnTo>
                    <a:lnTo>
                      <a:pt x="567" y="136"/>
                    </a:lnTo>
                    <a:lnTo>
                      <a:pt x="567" y="134"/>
                    </a:lnTo>
                    <a:lnTo>
                      <a:pt x="556" y="134"/>
                    </a:lnTo>
                    <a:lnTo>
                      <a:pt x="544" y="136"/>
                    </a:lnTo>
                    <a:lnTo>
                      <a:pt x="532" y="134"/>
                    </a:lnTo>
                    <a:lnTo>
                      <a:pt x="522" y="132"/>
                    </a:lnTo>
                    <a:lnTo>
                      <a:pt x="518" y="130"/>
                    </a:lnTo>
                    <a:lnTo>
                      <a:pt x="517" y="129"/>
                    </a:lnTo>
                    <a:lnTo>
                      <a:pt x="515" y="126"/>
                    </a:lnTo>
                    <a:lnTo>
                      <a:pt x="514" y="124"/>
                    </a:lnTo>
                    <a:lnTo>
                      <a:pt x="515" y="116"/>
                    </a:lnTo>
                    <a:lnTo>
                      <a:pt x="518" y="107"/>
                    </a:lnTo>
                    <a:lnTo>
                      <a:pt x="521" y="97"/>
                    </a:lnTo>
                    <a:lnTo>
                      <a:pt x="523" y="88"/>
                    </a:lnTo>
                    <a:lnTo>
                      <a:pt x="526" y="79"/>
                    </a:lnTo>
                    <a:lnTo>
                      <a:pt x="526" y="72"/>
                    </a:lnTo>
                    <a:lnTo>
                      <a:pt x="524" y="66"/>
                    </a:lnTo>
                    <a:lnTo>
                      <a:pt x="522" y="62"/>
                    </a:lnTo>
                    <a:lnTo>
                      <a:pt x="519" y="59"/>
                    </a:lnTo>
                    <a:lnTo>
                      <a:pt x="517" y="59"/>
                    </a:lnTo>
                    <a:lnTo>
                      <a:pt x="510" y="60"/>
                    </a:lnTo>
                    <a:lnTo>
                      <a:pt x="504" y="64"/>
                    </a:lnTo>
                    <a:lnTo>
                      <a:pt x="495" y="68"/>
                    </a:lnTo>
                    <a:lnTo>
                      <a:pt x="487" y="71"/>
                    </a:lnTo>
                    <a:lnTo>
                      <a:pt x="482" y="72"/>
                    </a:lnTo>
                    <a:lnTo>
                      <a:pt x="478" y="71"/>
                    </a:lnTo>
                    <a:lnTo>
                      <a:pt x="473" y="68"/>
                    </a:lnTo>
                    <a:lnTo>
                      <a:pt x="469" y="64"/>
                    </a:lnTo>
                    <a:lnTo>
                      <a:pt x="462" y="54"/>
                    </a:lnTo>
                    <a:lnTo>
                      <a:pt x="456" y="41"/>
                    </a:lnTo>
                    <a:lnTo>
                      <a:pt x="451" y="28"/>
                    </a:lnTo>
                    <a:lnTo>
                      <a:pt x="445" y="16"/>
                    </a:lnTo>
                    <a:lnTo>
                      <a:pt x="443" y="10"/>
                    </a:lnTo>
                    <a:lnTo>
                      <a:pt x="439" y="6"/>
                    </a:lnTo>
                    <a:lnTo>
                      <a:pt x="435" y="2"/>
                    </a:lnTo>
                    <a:lnTo>
                      <a:pt x="431" y="1"/>
                    </a:lnTo>
                    <a:lnTo>
                      <a:pt x="427" y="0"/>
                    </a:lnTo>
                    <a:lnTo>
                      <a:pt x="423" y="0"/>
                    </a:lnTo>
                    <a:lnTo>
                      <a:pt x="420" y="1"/>
                    </a:lnTo>
                    <a:lnTo>
                      <a:pt x="416" y="2"/>
                    </a:lnTo>
                    <a:lnTo>
                      <a:pt x="408" y="9"/>
                    </a:lnTo>
                    <a:lnTo>
                      <a:pt x="401" y="16"/>
                    </a:lnTo>
                    <a:lnTo>
                      <a:pt x="396" y="25"/>
                    </a:lnTo>
                    <a:lnTo>
                      <a:pt x="391" y="35"/>
                    </a:lnTo>
                    <a:lnTo>
                      <a:pt x="386" y="47"/>
                    </a:lnTo>
                    <a:lnTo>
                      <a:pt x="379" y="57"/>
                    </a:lnTo>
                    <a:lnTo>
                      <a:pt x="373" y="62"/>
                    </a:lnTo>
                    <a:lnTo>
                      <a:pt x="366" y="64"/>
                    </a:lnTo>
                    <a:lnTo>
                      <a:pt x="348" y="67"/>
                    </a:lnTo>
                    <a:lnTo>
                      <a:pt x="325" y="75"/>
                    </a:lnTo>
                    <a:lnTo>
                      <a:pt x="311" y="82"/>
                    </a:lnTo>
                    <a:lnTo>
                      <a:pt x="296" y="94"/>
                    </a:lnTo>
                    <a:lnTo>
                      <a:pt x="282" y="106"/>
                    </a:lnTo>
                    <a:lnTo>
                      <a:pt x="268" y="115"/>
                    </a:lnTo>
                    <a:lnTo>
                      <a:pt x="243" y="125"/>
                    </a:lnTo>
                    <a:lnTo>
                      <a:pt x="219" y="133"/>
                    </a:lnTo>
                    <a:lnTo>
                      <a:pt x="207" y="136"/>
                    </a:lnTo>
                    <a:lnTo>
                      <a:pt x="194" y="138"/>
                    </a:lnTo>
                    <a:lnTo>
                      <a:pt x="182" y="139"/>
                    </a:lnTo>
                    <a:lnTo>
                      <a:pt x="171" y="141"/>
                    </a:lnTo>
                    <a:lnTo>
                      <a:pt x="159" y="141"/>
                    </a:lnTo>
                    <a:lnTo>
                      <a:pt x="147" y="139"/>
                    </a:lnTo>
                    <a:lnTo>
                      <a:pt x="136" y="137"/>
                    </a:lnTo>
                    <a:lnTo>
                      <a:pt x="124" y="133"/>
                    </a:lnTo>
                    <a:lnTo>
                      <a:pt x="112" y="129"/>
                    </a:lnTo>
                    <a:lnTo>
                      <a:pt x="101" y="123"/>
                    </a:lnTo>
                    <a:lnTo>
                      <a:pt x="89" y="116"/>
                    </a:lnTo>
                    <a:lnTo>
                      <a:pt x="79" y="107"/>
                    </a:lnTo>
                    <a:lnTo>
                      <a:pt x="58" y="89"/>
                    </a:lnTo>
                    <a:lnTo>
                      <a:pt x="49" y="84"/>
                    </a:lnTo>
                    <a:lnTo>
                      <a:pt x="46" y="85"/>
                    </a:lnTo>
                    <a:lnTo>
                      <a:pt x="44" y="92"/>
                    </a:lnTo>
                    <a:lnTo>
                      <a:pt x="41" y="102"/>
                    </a:lnTo>
                    <a:lnTo>
                      <a:pt x="37" y="115"/>
                    </a:lnTo>
                    <a:lnTo>
                      <a:pt x="32" y="126"/>
                    </a:lnTo>
                    <a:lnTo>
                      <a:pt x="27" y="136"/>
                    </a:lnTo>
                    <a:lnTo>
                      <a:pt x="20" y="146"/>
                    </a:lnTo>
                    <a:lnTo>
                      <a:pt x="15" y="156"/>
                    </a:lnTo>
                    <a:lnTo>
                      <a:pt x="14" y="160"/>
                    </a:lnTo>
                    <a:lnTo>
                      <a:pt x="14" y="163"/>
                    </a:lnTo>
                    <a:lnTo>
                      <a:pt x="15" y="167"/>
                    </a:lnTo>
                    <a:lnTo>
                      <a:pt x="15" y="169"/>
                    </a:lnTo>
                    <a:lnTo>
                      <a:pt x="19" y="174"/>
                    </a:lnTo>
                    <a:lnTo>
                      <a:pt x="24" y="180"/>
                    </a:lnTo>
                    <a:lnTo>
                      <a:pt x="30" y="183"/>
                    </a:lnTo>
                    <a:lnTo>
                      <a:pt x="33" y="186"/>
                    </a:lnTo>
                    <a:lnTo>
                      <a:pt x="36" y="190"/>
                    </a:lnTo>
                    <a:lnTo>
                      <a:pt x="37" y="193"/>
                    </a:lnTo>
                    <a:lnTo>
                      <a:pt x="35" y="198"/>
                    </a:lnTo>
                    <a:lnTo>
                      <a:pt x="31" y="204"/>
                    </a:lnTo>
                    <a:lnTo>
                      <a:pt x="27" y="211"/>
                    </a:lnTo>
                    <a:lnTo>
                      <a:pt x="22" y="217"/>
                    </a:lnTo>
                    <a:lnTo>
                      <a:pt x="13" y="229"/>
                    </a:lnTo>
                    <a:lnTo>
                      <a:pt x="9" y="237"/>
                    </a:lnTo>
                    <a:lnTo>
                      <a:pt x="18" y="240"/>
                    </a:lnTo>
                    <a:lnTo>
                      <a:pt x="31" y="247"/>
                    </a:lnTo>
                    <a:lnTo>
                      <a:pt x="43" y="255"/>
                    </a:lnTo>
                    <a:lnTo>
                      <a:pt x="54" y="261"/>
                    </a:lnTo>
                    <a:lnTo>
                      <a:pt x="62" y="262"/>
                    </a:lnTo>
                    <a:lnTo>
                      <a:pt x="72" y="264"/>
                    </a:lnTo>
                    <a:lnTo>
                      <a:pt x="76" y="265"/>
                    </a:lnTo>
                    <a:lnTo>
                      <a:pt x="81" y="266"/>
                    </a:lnTo>
                    <a:lnTo>
                      <a:pt x="84" y="268"/>
                    </a:lnTo>
                    <a:lnTo>
                      <a:pt x="87" y="270"/>
                    </a:lnTo>
                    <a:lnTo>
                      <a:pt x="88" y="273"/>
                    </a:lnTo>
                    <a:lnTo>
                      <a:pt x="90" y="277"/>
                    </a:lnTo>
                    <a:lnTo>
                      <a:pt x="92" y="282"/>
                    </a:lnTo>
                    <a:lnTo>
                      <a:pt x="93" y="288"/>
                    </a:lnTo>
                    <a:lnTo>
                      <a:pt x="94" y="303"/>
                    </a:lnTo>
                    <a:lnTo>
                      <a:pt x="96" y="312"/>
                    </a:lnTo>
                    <a:lnTo>
                      <a:pt x="90" y="321"/>
                    </a:lnTo>
                    <a:lnTo>
                      <a:pt x="87" y="334"/>
                    </a:lnTo>
                    <a:lnTo>
                      <a:pt x="84" y="347"/>
                    </a:lnTo>
                    <a:lnTo>
                      <a:pt x="81" y="358"/>
                    </a:lnTo>
                    <a:lnTo>
                      <a:pt x="81" y="364"/>
                    </a:lnTo>
                    <a:lnTo>
                      <a:pt x="85" y="367"/>
                    </a:lnTo>
                    <a:lnTo>
                      <a:pt x="90" y="373"/>
                    </a:lnTo>
                    <a:lnTo>
                      <a:pt x="96" y="378"/>
                    </a:lnTo>
                    <a:lnTo>
                      <a:pt x="102" y="384"/>
                    </a:lnTo>
                    <a:lnTo>
                      <a:pt x="107" y="391"/>
                    </a:lnTo>
                    <a:lnTo>
                      <a:pt x="110" y="395"/>
                    </a:lnTo>
                    <a:lnTo>
                      <a:pt x="112" y="399"/>
                    </a:lnTo>
                    <a:lnTo>
                      <a:pt x="112" y="404"/>
                    </a:lnTo>
                    <a:lnTo>
                      <a:pt x="114" y="409"/>
                    </a:lnTo>
                    <a:lnTo>
                      <a:pt x="112" y="432"/>
                    </a:lnTo>
                    <a:lnTo>
                      <a:pt x="110" y="462"/>
                    </a:lnTo>
                    <a:lnTo>
                      <a:pt x="107" y="478"/>
                    </a:lnTo>
                    <a:lnTo>
                      <a:pt x="103" y="490"/>
                    </a:lnTo>
                    <a:lnTo>
                      <a:pt x="100" y="502"/>
                    </a:lnTo>
                    <a:lnTo>
                      <a:pt x="93" y="511"/>
                    </a:lnTo>
                    <a:lnTo>
                      <a:pt x="88" y="519"/>
                    </a:lnTo>
                    <a:lnTo>
                      <a:pt x="81" y="525"/>
                    </a:lnTo>
                    <a:lnTo>
                      <a:pt x="77" y="533"/>
                    </a:lnTo>
                    <a:lnTo>
                      <a:pt x="74" y="541"/>
                    </a:lnTo>
                    <a:lnTo>
                      <a:pt x="71" y="549"/>
                    </a:lnTo>
                    <a:lnTo>
                      <a:pt x="68" y="557"/>
                    </a:lnTo>
                    <a:lnTo>
                      <a:pt x="67" y="567"/>
                    </a:lnTo>
                    <a:lnTo>
                      <a:pt x="67" y="577"/>
                    </a:lnTo>
                    <a:lnTo>
                      <a:pt x="67" y="584"/>
                    </a:lnTo>
                    <a:lnTo>
                      <a:pt x="68" y="588"/>
                    </a:lnTo>
                    <a:lnTo>
                      <a:pt x="70" y="590"/>
                    </a:lnTo>
                    <a:lnTo>
                      <a:pt x="72" y="592"/>
                    </a:lnTo>
                    <a:lnTo>
                      <a:pt x="75" y="593"/>
                    </a:lnTo>
                    <a:lnTo>
                      <a:pt x="77" y="592"/>
                    </a:lnTo>
                    <a:lnTo>
                      <a:pt x="80" y="589"/>
                    </a:lnTo>
                    <a:lnTo>
                      <a:pt x="84" y="586"/>
                    </a:lnTo>
                    <a:lnTo>
                      <a:pt x="97" y="572"/>
                    </a:lnTo>
                    <a:lnTo>
                      <a:pt x="107" y="560"/>
                    </a:lnTo>
                    <a:lnTo>
                      <a:pt x="110" y="558"/>
                    </a:lnTo>
                    <a:lnTo>
                      <a:pt x="114" y="558"/>
                    </a:lnTo>
                    <a:lnTo>
                      <a:pt x="116" y="560"/>
                    </a:lnTo>
                    <a:lnTo>
                      <a:pt x="118" y="564"/>
                    </a:lnTo>
                    <a:lnTo>
                      <a:pt x="120" y="576"/>
                    </a:lnTo>
                    <a:lnTo>
                      <a:pt x="123" y="593"/>
                    </a:lnTo>
                    <a:lnTo>
                      <a:pt x="123" y="627"/>
                    </a:lnTo>
                    <a:lnTo>
                      <a:pt x="123" y="647"/>
                    </a:lnTo>
                    <a:lnTo>
                      <a:pt x="123" y="658"/>
                    </a:lnTo>
                    <a:lnTo>
                      <a:pt x="123" y="669"/>
                    </a:lnTo>
                    <a:lnTo>
                      <a:pt x="122" y="676"/>
                    </a:lnTo>
                    <a:lnTo>
                      <a:pt x="120" y="681"/>
                    </a:lnTo>
                    <a:lnTo>
                      <a:pt x="119" y="685"/>
                    </a:lnTo>
                    <a:lnTo>
                      <a:pt x="116" y="689"/>
                    </a:lnTo>
                    <a:lnTo>
                      <a:pt x="114" y="690"/>
                    </a:lnTo>
                    <a:lnTo>
                      <a:pt x="112" y="690"/>
                    </a:lnTo>
                    <a:lnTo>
                      <a:pt x="110" y="690"/>
                    </a:lnTo>
                    <a:lnTo>
                      <a:pt x="109" y="687"/>
                    </a:lnTo>
                    <a:lnTo>
                      <a:pt x="105" y="684"/>
                    </a:lnTo>
                    <a:lnTo>
                      <a:pt x="101" y="678"/>
                    </a:lnTo>
                    <a:lnTo>
                      <a:pt x="98" y="672"/>
                    </a:lnTo>
                    <a:lnTo>
                      <a:pt x="94" y="667"/>
                    </a:lnTo>
                    <a:lnTo>
                      <a:pt x="90" y="663"/>
                    </a:lnTo>
                    <a:lnTo>
                      <a:pt x="87" y="661"/>
                    </a:lnTo>
                    <a:lnTo>
                      <a:pt x="83" y="676"/>
                    </a:lnTo>
                    <a:lnTo>
                      <a:pt x="76" y="689"/>
                    </a:lnTo>
                    <a:lnTo>
                      <a:pt x="71" y="703"/>
                    </a:lnTo>
                    <a:lnTo>
                      <a:pt x="67" y="718"/>
                    </a:lnTo>
                    <a:lnTo>
                      <a:pt x="54" y="803"/>
                    </a:lnTo>
                    <a:lnTo>
                      <a:pt x="46" y="818"/>
                    </a:lnTo>
                    <a:lnTo>
                      <a:pt x="39" y="834"/>
                    </a:lnTo>
                    <a:lnTo>
                      <a:pt x="33" y="849"/>
                    </a:lnTo>
                    <a:lnTo>
                      <a:pt x="30" y="866"/>
                    </a:lnTo>
                    <a:lnTo>
                      <a:pt x="30" y="874"/>
                    </a:lnTo>
                    <a:lnTo>
                      <a:pt x="30" y="882"/>
                    </a:lnTo>
                    <a:lnTo>
                      <a:pt x="32" y="889"/>
                    </a:lnTo>
                    <a:lnTo>
                      <a:pt x="35" y="896"/>
                    </a:lnTo>
                    <a:lnTo>
                      <a:pt x="39" y="902"/>
                    </a:lnTo>
                    <a:lnTo>
                      <a:pt x="44" y="909"/>
                    </a:lnTo>
                    <a:lnTo>
                      <a:pt x="52" y="915"/>
                    </a:lnTo>
                    <a:lnTo>
                      <a:pt x="61" y="921"/>
                    </a:lnTo>
                    <a:lnTo>
                      <a:pt x="61" y="923"/>
                    </a:lnTo>
                    <a:lnTo>
                      <a:pt x="59" y="926"/>
                    </a:lnTo>
                    <a:lnTo>
                      <a:pt x="58" y="928"/>
                    </a:lnTo>
                    <a:lnTo>
                      <a:pt x="55" y="930"/>
                    </a:lnTo>
                    <a:lnTo>
                      <a:pt x="54" y="932"/>
                    </a:lnTo>
                    <a:lnTo>
                      <a:pt x="53" y="934"/>
                    </a:lnTo>
                    <a:lnTo>
                      <a:pt x="50" y="934"/>
                    </a:lnTo>
                    <a:lnTo>
                      <a:pt x="49" y="932"/>
                    </a:lnTo>
                    <a:lnTo>
                      <a:pt x="44" y="931"/>
                    </a:lnTo>
                    <a:lnTo>
                      <a:pt x="37" y="927"/>
                    </a:lnTo>
                    <a:lnTo>
                      <a:pt x="26" y="918"/>
                    </a:lnTo>
                    <a:lnTo>
                      <a:pt x="18" y="914"/>
                    </a:lnTo>
                    <a:lnTo>
                      <a:pt x="8" y="914"/>
                    </a:lnTo>
                    <a:lnTo>
                      <a:pt x="2" y="914"/>
                    </a:lnTo>
                    <a:lnTo>
                      <a:pt x="0" y="915"/>
                    </a:lnTo>
                    <a:lnTo>
                      <a:pt x="0" y="917"/>
                    </a:lnTo>
                    <a:lnTo>
                      <a:pt x="2" y="923"/>
                    </a:lnTo>
                    <a:lnTo>
                      <a:pt x="8" y="934"/>
                    </a:lnTo>
                    <a:lnTo>
                      <a:pt x="8" y="946"/>
                    </a:lnTo>
                    <a:lnTo>
                      <a:pt x="6" y="961"/>
                    </a:lnTo>
                    <a:lnTo>
                      <a:pt x="8" y="967"/>
                    </a:lnTo>
                    <a:lnTo>
                      <a:pt x="9" y="972"/>
                    </a:lnTo>
                    <a:lnTo>
                      <a:pt x="10" y="974"/>
                    </a:lnTo>
                    <a:lnTo>
                      <a:pt x="13" y="975"/>
                    </a:lnTo>
                    <a:lnTo>
                      <a:pt x="15" y="976"/>
                    </a:lnTo>
                    <a:lnTo>
                      <a:pt x="19" y="976"/>
                    </a:lnTo>
                    <a:lnTo>
                      <a:pt x="30" y="974"/>
                    </a:lnTo>
                    <a:lnTo>
                      <a:pt x="41" y="969"/>
                    </a:lnTo>
                    <a:lnTo>
                      <a:pt x="54" y="962"/>
                    </a:lnTo>
                    <a:lnTo>
                      <a:pt x="67" y="957"/>
                    </a:lnTo>
                    <a:lnTo>
                      <a:pt x="72" y="954"/>
                    </a:lnTo>
                    <a:lnTo>
                      <a:pt x="77" y="954"/>
                    </a:lnTo>
                    <a:lnTo>
                      <a:pt x="83" y="954"/>
                    </a:lnTo>
                    <a:lnTo>
                      <a:pt x="88" y="954"/>
                    </a:lnTo>
                    <a:lnTo>
                      <a:pt x="92" y="958"/>
                    </a:lnTo>
                    <a:lnTo>
                      <a:pt x="94" y="962"/>
                    </a:lnTo>
                    <a:lnTo>
                      <a:pt x="97" y="969"/>
                    </a:lnTo>
                    <a:lnTo>
                      <a:pt x="98" y="978"/>
                    </a:lnTo>
                    <a:lnTo>
                      <a:pt x="98" y="994"/>
                    </a:lnTo>
                    <a:lnTo>
                      <a:pt x="98" y="1022"/>
                    </a:lnTo>
                    <a:lnTo>
                      <a:pt x="98" y="1048"/>
                    </a:lnTo>
                    <a:lnTo>
                      <a:pt x="100" y="1059"/>
                    </a:lnTo>
                    <a:lnTo>
                      <a:pt x="103" y="1062"/>
                    </a:lnTo>
                    <a:lnTo>
                      <a:pt x="112" y="1063"/>
                    </a:lnTo>
                    <a:lnTo>
                      <a:pt x="123" y="1064"/>
                    </a:lnTo>
                    <a:lnTo>
                      <a:pt x="136" y="1064"/>
                    </a:lnTo>
                    <a:lnTo>
                      <a:pt x="149" y="1066"/>
                    </a:lnTo>
                    <a:lnTo>
                      <a:pt x="162" y="1067"/>
                    </a:lnTo>
                    <a:lnTo>
                      <a:pt x="173" y="1068"/>
                    </a:lnTo>
                    <a:lnTo>
                      <a:pt x="181" y="1071"/>
                    </a:lnTo>
                    <a:lnTo>
                      <a:pt x="190" y="1073"/>
                    </a:lnTo>
                    <a:lnTo>
                      <a:pt x="199" y="1075"/>
                    </a:lnTo>
                    <a:lnTo>
                      <a:pt x="210" y="1075"/>
                    </a:lnTo>
                    <a:lnTo>
                      <a:pt x="220" y="1073"/>
                    </a:lnTo>
                    <a:lnTo>
                      <a:pt x="229" y="1071"/>
                    </a:lnTo>
                    <a:lnTo>
                      <a:pt x="238" y="1067"/>
                    </a:lnTo>
                    <a:lnTo>
                      <a:pt x="246" y="1062"/>
                    </a:lnTo>
                    <a:lnTo>
                      <a:pt x="254" y="1055"/>
                    </a:lnTo>
                    <a:lnTo>
                      <a:pt x="259" y="1048"/>
                    </a:lnTo>
                    <a:lnTo>
                      <a:pt x="263" y="1040"/>
                    </a:lnTo>
                    <a:lnTo>
                      <a:pt x="264" y="1033"/>
                    </a:lnTo>
                    <a:lnTo>
                      <a:pt x="264" y="1025"/>
                    </a:lnTo>
                    <a:lnTo>
                      <a:pt x="260" y="1010"/>
                    </a:lnTo>
                    <a:lnTo>
                      <a:pt x="254" y="994"/>
                    </a:lnTo>
                    <a:lnTo>
                      <a:pt x="251" y="985"/>
                    </a:lnTo>
                    <a:lnTo>
                      <a:pt x="251" y="979"/>
                    </a:lnTo>
                    <a:lnTo>
                      <a:pt x="250" y="974"/>
                    </a:lnTo>
                    <a:lnTo>
                      <a:pt x="251" y="970"/>
                    </a:lnTo>
                    <a:lnTo>
                      <a:pt x="256" y="961"/>
                    </a:lnTo>
                    <a:lnTo>
                      <a:pt x="267" y="950"/>
                    </a:lnTo>
                    <a:lnTo>
                      <a:pt x="268" y="946"/>
                    </a:lnTo>
                    <a:lnTo>
                      <a:pt x="269" y="943"/>
                    </a:lnTo>
                    <a:lnTo>
                      <a:pt x="269" y="936"/>
                    </a:lnTo>
                    <a:lnTo>
                      <a:pt x="268" y="931"/>
                    </a:lnTo>
                    <a:lnTo>
                      <a:pt x="265" y="917"/>
                    </a:lnTo>
                    <a:lnTo>
                      <a:pt x="261" y="901"/>
                    </a:lnTo>
                    <a:lnTo>
                      <a:pt x="258" y="887"/>
                    </a:lnTo>
                    <a:lnTo>
                      <a:pt x="255" y="875"/>
                    </a:lnTo>
                    <a:lnTo>
                      <a:pt x="255" y="870"/>
                    </a:lnTo>
                    <a:lnTo>
                      <a:pt x="256" y="866"/>
                    </a:lnTo>
                    <a:lnTo>
                      <a:pt x="258" y="862"/>
                    </a:lnTo>
                    <a:lnTo>
                      <a:pt x="260" y="861"/>
                    </a:lnTo>
                    <a:lnTo>
                      <a:pt x="265" y="861"/>
                    </a:lnTo>
                    <a:lnTo>
                      <a:pt x="272" y="862"/>
                    </a:lnTo>
                    <a:lnTo>
                      <a:pt x="280" y="865"/>
                    </a:lnTo>
                    <a:lnTo>
                      <a:pt x="289" y="869"/>
                    </a:lnTo>
                    <a:lnTo>
                      <a:pt x="311" y="879"/>
                    </a:lnTo>
                    <a:lnTo>
                      <a:pt x="335" y="891"/>
                    </a:lnTo>
                    <a:lnTo>
                      <a:pt x="360" y="904"/>
                    </a:lnTo>
                    <a:lnTo>
                      <a:pt x="381" y="917"/>
                    </a:lnTo>
                    <a:lnTo>
                      <a:pt x="390" y="923"/>
                    </a:lnTo>
                    <a:lnTo>
                      <a:pt x="396" y="928"/>
                    </a:lnTo>
                    <a:lnTo>
                      <a:pt x="401" y="934"/>
                    </a:lnTo>
                    <a:lnTo>
                      <a:pt x="405" y="937"/>
                    </a:lnTo>
                    <a:lnTo>
                      <a:pt x="409" y="949"/>
                    </a:lnTo>
                    <a:lnTo>
                      <a:pt x="416" y="965"/>
                    </a:lnTo>
                    <a:lnTo>
                      <a:pt x="420" y="972"/>
                    </a:lnTo>
                    <a:lnTo>
                      <a:pt x="422" y="980"/>
                    </a:lnTo>
                    <a:lnTo>
                      <a:pt x="426" y="984"/>
                    </a:lnTo>
                    <a:lnTo>
                      <a:pt x="427" y="987"/>
                    </a:lnTo>
                    <a:lnTo>
                      <a:pt x="432" y="987"/>
                    </a:lnTo>
                    <a:lnTo>
                      <a:pt x="438" y="985"/>
                    </a:lnTo>
                    <a:lnTo>
                      <a:pt x="442" y="983"/>
                    </a:lnTo>
                    <a:lnTo>
                      <a:pt x="444" y="980"/>
                    </a:lnTo>
                    <a:lnTo>
                      <a:pt x="448" y="972"/>
                    </a:lnTo>
                    <a:lnTo>
                      <a:pt x="451" y="963"/>
                    </a:lnTo>
                    <a:lnTo>
                      <a:pt x="454" y="943"/>
                    </a:lnTo>
                    <a:lnTo>
                      <a:pt x="460" y="924"/>
                    </a:lnTo>
                    <a:lnTo>
                      <a:pt x="466" y="895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47" name="Freeform 188"/>
              <p:cNvSpPr>
                <a:spLocks/>
              </p:cNvSpPr>
              <p:nvPr/>
            </p:nvSpPr>
            <p:spPr bwMode="auto">
              <a:xfrm>
                <a:off x="7353500" y="5287184"/>
                <a:ext cx="38256" cy="37933"/>
              </a:xfrm>
              <a:custGeom>
                <a:avLst/>
                <a:gdLst/>
                <a:ahLst/>
                <a:cxnLst>
                  <a:cxn ang="0">
                    <a:pos x="67" y="14"/>
                  </a:cxn>
                  <a:cxn ang="0">
                    <a:pos x="57" y="6"/>
                  </a:cxn>
                  <a:cxn ang="0">
                    <a:pos x="45" y="1"/>
                  </a:cxn>
                  <a:cxn ang="0">
                    <a:pos x="39" y="0"/>
                  </a:cxn>
                  <a:cxn ang="0">
                    <a:pos x="32" y="0"/>
                  </a:cxn>
                  <a:cxn ang="0">
                    <a:pos x="26" y="0"/>
                  </a:cxn>
                  <a:cxn ang="0">
                    <a:pos x="19" y="1"/>
                  </a:cxn>
                  <a:cxn ang="0">
                    <a:pos x="15" y="3"/>
                  </a:cxn>
                  <a:cxn ang="0">
                    <a:pos x="11" y="6"/>
                  </a:cxn>
                  <a:cxn ang="0">
                    <a:pos x="8" y="10"/>
                  </a:cxn>
                  <a:cxn ang="0">
                    <a:pos x="5" y="14"/>
                  </a:cxn>
                  <a:cxn ang="0">
                    <a:pos x="1" y="23"/>
                  </a:cxn>
                  <a:cxn ang="0">
                    <a:pos x="0" y="32"/>
                  </a:cxn>
                  <a:cxn ang="0">
                    <a:pos x="0" y="39"/>
                  </a:cxn>
                  <a:cxn ang="0">
                    <a:pos x="1" y="44"/>
                  </a:cxn>
                  <a:cxn ang="0">
                    <a:pos x="4" y="50"/>
                  </a:cxn>
                  <a:cxn ang="0">
                    <a:pos x="8" y="57"/>
                  </a:cxn>
                  <a:cxn ang="0">
                    <a:pos x="11" y="62"/>
                  </a:cxn>
                  <a:cxn ang="0">
                    <a:pos x="15" y="67"/>
                  </a:cxn>
                  <a:cxn ang="0">
                    <a:pos x="19" y="71"/>
                  </a:cxn>
                  <a:cxn ang="0">
                    <a:pos x="24" y="75"/>
                  </a:cxn>
                  <a:cxn ang="0">
                    <a:pos x="30" y="78"/>
                  </a:cxn>
                  <a:cxn ang="0">
                    <a:pos x="35" y="80"/>
                  </a:cxn>
                  <a:cxn ang="0">
                    <a:pos x="40" y="82"/>
                  </a:cxn>
                  <a:cxn ang="0">
                    <a:pos x="45" y="82"/>
                  </a:cxn>
                  <a:cxn ang="0">
                    <a:pos x="55" y="82"/>
                  </a:cxn>
                  <a:cxn ang="0">
                    <a:pos x="66" y="79"/>
                  </a:cxn>
                  <a:cxn ang="0">
                    <a:pos x="70" y="78"/>
                  </a:cxn>
                  <a:cxn ang="0">
                    <a:pos x="75" y="74"/>
                  </a:cxn>
                  <a:cxn ang="0">
                    <a:pos x="77" y="71"/>
                  </a:cxn>
                  <a:cxn ang="0">
                    <a:pos x="80" y="67"/>
                  </a:cxn>
                  <a:cxn ang="0">
                    <a:pos x="83" y="62"/>
                  </a:cxn>
                  <a:cxn ang="0">
                    <a:pos x="84" y="57"/>
                  </a:cxn>
                  <a:cxn ang="0">
                    <a:pos x="84" y="50"/>
                  </a:cxn>
                  <a:cxn ang="0">
                    <a:pos x="84" y="44"/>
                  </a:cxn>
                  <a:cxn ang="0">
                    <a:pos x="67" y="14"/>
                  </a:cxn>
                </a:cxnLst>
                <a:rect l="0" t="0" r="r" b="b"/>
                <a:pathLst>
                  <a:path w="84" h="82">
                    <a:moveTo>
                      <a:pt x="67" y="14"/>
                    </a:moveTo>
                    <a:lnTo>
                      <a:pt x="57" y="6"/>
                    </a:lnTo>
                    <a:lnTo>
                      <a:pt x="45" y="1"/>
                    </a:lnTo>
                    <a:lnTo>
                      <a:pt x="39" y="0"/>
                    </a:lnTo>
                    <a:lnTo>
                      <a:pt x="32" y="0"/>
                    </a:lnTo>
                    <a:lnTo>
                      <a:pt x="26" y="0"/>
                    </a:lnTo>
                    <a:lnTo>
                      <a:pt x="19" y="1"/>
                    </a:lnTo>
                    <a:lnTo>
                      <a:pt x="15" y="3"/>
                    </a:lnTo>
                    <a:lnTo>
                      <a:pt x="11" y="6"/>
                    </a:lnTo>
                    <a:lnTo>
                      <a:pt x="8" y="10"/>
                    </a:lnTo>
                    <a:lnTo>
                      <a:pt x="5" y="14"/>
                    </a:lnTo>
                    <a:lnTo>
                      <a:pt x="1" y="23"/>
                    </a:lnTo>
                    <a:lnTo>
                      <a:pt x="0" y="32"/>
                    </a:lnTo>
                    <a:lnTo>
                      <a:pt x="0" y="39"/>
                    </a:lnTo>
                    <a:lnTo>
                      <a:pt x="1" y="44"/>
                    </a:lnTo>
                    <a:lnTo>
                      <a:pt x="4" y="50"/>
                    </a:lnTo>
                    <a:lnTo>
                      <a:pt x="8" y="57"/>
                    </a:lnTo>
                    <a:lnTo>
                      <a:pt x="11" y="62"/>
                    </a:lnTo>
                    <a:lnTo>
                      <a:pt x="15" y="67"/>
                    </a:lnTo>
                    <a:lnTo>
                      <a:pt x="19" y="71"/>
                    </a:lnTo>
                    <a:lnTo>
                      <a:pt x="24" y="75"/>
                    </a:lnTo>
                    <a:lnTo>
                      <a:pt x="30" y="78"/>
                    </a:lnTo>
                    <a:lnTo>
                      <a:pt x="35" y="80"/>
                    </a:lnTo>
                    <a:lnTo>
                      <a:pt x="40" y="82"/>
                    </a:lnTo>
                    <a:lnTo>
                      <a:pt x="45" y="82"/>
                    </a:lnTo>
                    <a:lnTo>
                      <a:pt x="55" y="82"/>
                    </a:lnTo>
                    <a:lnTo>
                      <a:pt x="66" y="79"/>
                    </a:lnTo>
                    <a:lnTo>
                      <a:pt x="70" y="78"/>
                    </a:lnTo>
                    <a:lnTo>
                      <a:pt x="75" y="74"/>
                    </a:lnTo>
                    <a:lnTo>
                      <a:pt x="77" y="71"/>
                    </a:lnTo>
                    <a:lnTo>
                      <a:pt x="80" y="67"/>
                    </a:lnTo>
                    <a:lnTo>
                      <a:pt x="83" y="62"/>
                    </a:lnTo>
                    <a:lnTo>
                      <a:pt x="84" y="57"/>
                    </a:lnTo>
                    <a:lnTo>
                      <a:pt x="84" y="50"/>
                    </a:lnTo>
                    <a:lnTo>
                      <a:pt x="84" y="44"/>
                    </a:lnTo>
                    <a:lnTo>
                      <a:pt x="67" y="1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48" name="Freeform 189"/>
              <p:cNvSpPr>
                <a:spLocks/>
              </p:cNvSpPr>
              <p:nvPr/>
            </p:nvSpPr>
            <p:spPr bwMode="auto">
              <a:xfrm>
                <a:off x="6548313" y="4615239"/>
                <a:ext cx="1741536" cy="1990548"/>
              </a:xfrm>
              <a:custGeom>
                <a:avLst/>
                <a:gdLst/>
                <a:ahLst/>
                <a:cxnLst>
                  <a:cxn ang="0">
                    <a:pos x="441" y="392"/>
                  </a:cxn>
                  <a:cxn ang="0">
                    <a:pos x="649" y="204"/>
                  </a:cxn>
                  <a:cxn ang="0">
                    <a:pos x="712" y="348"/>
                  </a:cxn>
                  <a:cxn ang="0">
                    <a:pos x="894" y="343"/>
                  </a:cxn>
                  <a:cxn ang="0">
                    <a:pos x="990" y="269"/>
                  </a:cxn>
                  <a:cxn ang="0">
                    <a:pos x="1177" y="293"/>
                  </a:cxn>
                  <a:cxn ang="0">
                    <a:pos x="1280" y="220"/>
                  </a:cxn>
                  <a:cxn ang="0">
                    <a:pos x="1400" y="26"/>
                  </a:cxn>
                  <a:cxn ang="0">
                    <a:pos x="1692" y="9"/>
                  </a:cxn>
                  <a:cxn ang="0">
                    <a:pos x="1927" y="184"/>
                  </a:cxn>
                  <a:cxn ang="0">
                    <a:pos x="2252" y="321"/>
                  </a:cxn>
                  <a:cxn ang="0">
                    <a:pos x="2292" y="474"/>
                  </a:cxn>
                  <a:cxn ang="0">
                    <a:pos x="2371" y="806"/>
                  </a:cxn>
                  <a:cxn ang="0">
                    <a:pos x="2209" y="736"/>
                  </a:cxn>
                  <a:cxn ang="0">
                    <a:pos x="2112" y="754"/>
                  </a:cxn>
                  <a:cxn ang="0">
                    <a:pos x="1905" y="824"/>
                  </a:cxn>
                  <a:cxn ang="0">
                    <a:pos x="1903" y="776"/>
                  </a:cxn>
                  <a:cxn ang="0">
                    <a:pos x="1858" y="960"/>
                  </a:cxn>
                  <a:cxn ang="0">
                    <a:pos x="1789" y="1122"/>
                  </a:cxn>
                  <a:cxn ang="0">
                    <a:pos x="1933" y="1532"/>
                  </a:cxn>
                  <a:cxn ang="0">
                    <a:pos x="2227" y="1737"/>
                  </a:cxn>
                  <a:cxn ang="0">
                    <a:pos x="2367" y="2255"/>
                  </a:cxn>
                  <a:cxn ang="0">
                    <a:pos x="2533" y="2392"/>
                  </a:cxn>
                  <a:cxn ang="0">
                    <a:pos x="2939" y="2548"/>
                  </a:cxn>
                  <a:cxn ang="0">
                    <a:pos x="2954" y="2690"/>
                  </a:cxn>
                  <a:cxn ang="0">
                    <a:pos x="3546" y="3076"/>
                  </a:cxn>
                  <a:cxn ang="0">
                    <a:pos x="3825" y="3391"/>
                  </a:cxn>
                  <a:cxn ang="0">
                    <a:pos x="3733" y="3508"/>
                  </a:cxn>
                  <a:cxn ang="0">
                    <a:pos x="3564" y="3316"/>
                  </a:cxn>
                  <a:cxn ang="0">
                    <a:pos x="3371" y="3220"/>
                  </a:cxn>
                  <a:cxn ang="0">
                    <a:pos x="3156" y="3583"/>
                  </a:cxn>
                  <a:cxn ang="0">
                    <a:pos x="3367" y="3760"/>
                  </a:cxn>
                  <a:cxn ang="0">
                    <a:pos x="3262" y="3913"/>
                  </a:cxn>
                  <a:cxn ang="0">
                    <a:pos x="3142" y="4196"/>
                  </a:cxn>
                  <a:cxn ang="0">
                    <a:pos x="2971" y="4389"/>
                  </a:cxn>
                  <a:cxn ang="0">
                    <a:pos x="2800" y="4301"/>
                  </a:cxn>
                  <a:cxn ang="0">
                    <a:pos x="2920" y="4139"/>
                  </a:cxn>
                  <a:cxn ang="0">
                    <a:pos x="3018" y="4001"/>
                  </a:cxn>
                  <a:cxn ang="0">
                    <a:pos x="2971" y="3826"/>
                  </a:cxn>
                  <a:cxn ang="0">
                    <a:pos x="2879" y="3541"/>
                  </a:cxn>
                  <a:cxn ang="0">
                    <a:pos x="2768" y="3392"/>
                  </a:cxn>
                  <a:cxn ang="0">
                    <a:pos x="2650" y="3355"/>
                  </a:cxn>
                  <a:cxn ang="0">
                    <a:pos x="2572" y="3224"/>
                  </a:cxn>
                  <a:cxn ang="0">
                    <a:pos x="2367" y="3135"/>
                  </a:cxn>
                  <a:cxn ang="0">
                    <a:pos x="2313" y="3026"/>
                  </a:cxn>
                  <a:cxn ang="0">
                    <a:pos x="2198" y="2837"/>
                  </a:cxn>
                  <a:cxn ang="0">
                    <a:pos x="1946" y="2810"/>
                  </a:cxn>
                  <a:cxn ang="0">
                    <a:pos x="1634" y="2421"/>
                  </a:cxn>
                  <a:cxn ang="0">
                    <a:pos x="1398" y="2193"/>
                  </a:cxn>
                  <a:cxn ang="0">
                    <a:pos x="1381" y="2145"/>
                  </a:cxn>
                  <a:cxn ang="0">
                    <a:pos x="1184" y="1926"/>
                  </a:cxn>
                  <a:cxn ang="0">
                    <a:pos x="1113" y="1706"/>
                  </a:cxn>
                  <a:cxn ang="0">
                    <a:pos x="982" y="1330"/>
                  </a:cxn>
                  <a:cxn ang="0">
                    <a:pos x="788" y="1211"/>
                  </a:cxn>
                  <a:cxn ang="0">
                    <a:pos x="561" y="1179"/>
                  </a:cxn>
                  <a:cxn ang="0">
                    <a:pos x="288" y="1377"/>
                  </a:cxn>
                  <a:cxn ang="0">
                    <a:pos x="183" y="1203"/>
                  </a:cxn>
                  <a:cxn ang="0">
                    <a:pos x="17" y="964"/>
                  </a:cxn>
                  <a:cxn ang="0">
                    <a:pos x="11" y="776"/>
                  </a:cxn>
                  <a:cxn ang="0">
                    <a:pos x="158" y="601"/>
                  </a:cxn>
                  <a:cxn ang="0">
                    <a:pos x="112" y="436"/>
                  </a:cxn>
                </a:cxnLst>
                <a:rect l="0" t="0" r="r" b="b"/>
                <a:pathLst>
                  <a:path w="3827" h="4404">
                    <a:moveTo>
                      <a:pt x="155" y="360"/>
                    </a:moveTo>
                    <a:lnTo>
                      <a:pt x="180" y="372"/>
                    </a:lnTo>
                    <a:lnTo>
                      <a:pt x="204" y="379"/>
                    </a:lnTo>
                    <a:lnTo>
                      <a:pt x="215" y="382"/>
                    </a:lnTo>
                    <a:lnTo>
                      <a:pt x="228" y="382"/>
                    </a:lnTo>
                    <a:lnTo>
                      <a:pt x="243" y="381"/>
                    </a:lnTo>
                    <a:lnTo>
                      <a:pt x="257" y="375"/>
                    </a:lnTo>
                    <a:lnTo>
                      <a:pt x="274" y="370"/>
                    </a:lnTo>
                    <a:lnTo>
                      <a:pt x="288" y="366"/>
                    </a:lnTo>
                    <a:lnTo>
                      <a:pt x="301" y="363"/>
                    </a:lnTo>
                    <a:lnTo>
                      <a:pt x="311" y="361"/>
                    </a:lnTo>
                    <a:lnTo>
                      <a:pt x="320" y="361"/>
                    </a:lnTo>
                    <a:lnTo>
                      <a:pt x="328" y="361"/>
                    </a:lnTo>
                    <a:lnTo>
                      <a:pt x="336" y="363"/>
                    </a:lnTo>
                    <a:lnTo>
                      <a:pt x="342" y="365"/>
                    </a:lnTo>
                    <a:lnTo>
                      <a:pt x="357" y="370"/>
                    </a:lnTo>
                    <a:lnTo>
                      <a:pt x="373" y="378"/>
                    </a:lnTo>
                    <a:lnTo>
                      <a:pt x="384" y="382"/>
                    </a:lnTo>
                    <a:lnTo>
                      <a:pt x="397" y="385"/>
                    </a:lnTo>
                    <a:lnTo>
                      <a:pt x="410" y="388"/>
                    </a:lnTo>
                    <a:lnTo>
                      <a:pt x="427" y="392"/>
                    </a:lnTo>
                    <a:lnTo>
                      <a:pt x="441" y="392"/>
                    </a:lnTo>
                    <a:lnTo>
                      <a:pt x="453" y="392"/>
                    </a:lnTo>
                    <a:lnTo>
                      <a:pt x="462" y="390"/>
                    </a:lnTo>
                    <a:lnTo>
                      <a:pt x="471" y="386"/>
                    </a:lnTo>
                    <a:lnTo>
                      <a:pt x="477" y="379"/>
                    </a:lnTo>
                    <a:lnTo>
                      <a:pt x="484" y="373"/>
                    </a:lnTo>
                    <a:lnTo>
                      <a:pt x="489" y="365"/>
                    </a:lnTo>
                    <a:lnTo>
                      <a:pt x="494" y="357"/>
                    </a:lnTo>
                    <a:lnTo>
                      <a:pt x="502" y="338"/>
                    </a:lnTo>
                    <a:lnTo>
                      <a:pt x="508" y="318"/>
                    </a:lnTo>
                    <a:lnTo>
                      <a:pt x="512" y="309"/>
                    </a:lnTo>
                    <a:lnTo>
                      <a:pt x="517" y="299"/>
                    </a:lnTo>
                    <a:lnTo>
                      <a:pt x="522" y="291"/>
                    </a:lnTo>
                    <a:lnTo>
                      <a:pt x="528" y="283"/>
                    </a:lnTo>
                    <a:lnTo>
                      <a:pt x="547" y="263"/>
                    </a:lnTo>
                    <a:lnTo>
                      <a:pt x="576" y="238"/>
                    </a:lnTo>
                    <a:lnTo>
                      <a:pt x="590" y="226"/>
                    </a:lnTo>
                    <a:lnTo>
                      <a:pt x="605" y="217"/>
                    </a:lnTo>
                    <a:lnTo>
                      <a:pt x="618" y="210"/>
                    </a:lnTo>
                    <a:lnTo>
                      <a:pt x="630" y="206"/>
                    </a:lnTo>
                    <a:lnTo>
                      <a:pt x="640" y="203"/>
                    </a:lnTo>
                    <a:lnTo>
                      <a:pt x="647" y="203"/>
                    </a:lnTo>
                    <a:lnTo>
                      <a:pt x="649" y="204"/>
                    </a:lnTo>
                    <a:lnTo>
                      <a:pt x="651" y="206"/>
                    </a:lnTo>
                    <a:lnTo>
                      <a:pt x="652" y="208"/>
                    </a:lnTo>
                    <a:lnTo>
                      <a:pt x="652" y="210"/>
                    </a:lnTo>
                    <a:lnTo>
                      <a:pt x="648" y="223"/>
                    </a:lnTo>
                    <a:lnTo>
                      <a:pt x="640" y="239"/>
                    </a:lnTo>
                    <a:lnTo>
                      <a:pt x="636" y="250"/>
                    </a:lnTo>
                    <a:lnTo>
                      <a:pt x="634" y="259"/>
                    </a:lnTo>
                    <a:lnTo>
                      <a:pt x="633" y="269"/>
                    </a:lnTo>
                    <a:lnTo>
                      <a:pt x="634" y="280"/>
                    </a:lnTo>
                    <a:lnTo>
                      <a:pt x="635" y="285"/>
                    </a:lnTo>
                    <a:lnTo>
                      <a:pt x="638" y="289"/>
                    </a:lnTo>
                    <a:lnTo>
                      <a:pt x="640" y="294"/>
                    </a:lnTo>
                    <a:lnTo>
                      <a:pt x="644" y="299"/>
                    </a:lnTo>
                    <a:lnTo>
                      <a:pt x="649" y="303"/>
                    </a:lnTo>
                    <a:lnTo>
                      <a:pt x="655" y="307"/>
                    </a:lnTo>
                    <a:lnTo>
                      <a:pt x="662" y="311"/>
                    </a:lnTo>
                    <a:lnTo>
                      <a:pt x="670" y="315"/>
                    </a:lnTo>
                    <a:lnTo>
                      <a:pt x="679" y="318"/>
                    </a:lnTo>
                    <a:lnTo>
                      <a:pt x="687" y="324"/>
                    </a:lnTo>
                    <a:lnTo>
                      <a:pt x="695" y="329"/>
                    </a:lnTo>
                    <a:lnTo>
                      <a:pt x="700" y="335"/>
                    </a:lnTo>
                    <a:lnTo>
                      <a:pt x="712" y="348"/>
                    </a:lnTo>
                    <a:lnTo>
                      <a:pt x="719" y="364"/>
                    </a:lnTo>
                    <a:lnTo>
                      <a:pt x="734" y="397"/>
                    </a:lnTo>
                    <a:lnTo>
                      <a:pt x="749" y="430"/>
                    </a:lnTo>
                    <a:lnTo>
                      <a:pt x="760" y="444"/>
                    </a:lnTo>
                    <a:lnTo>
                      <a:pt x="769" y="454"/>
                    </a:lnTo>
                    <a:lnTo>
                      <a:pt x="774" y="458"/>
                    </a:lnTo>
                    <a:lnTo>
                      <a:pt x="779" y="461"/>
                    </a:lnTo>
                    <a:lnTo>
                      <a:pt x="783" y="464"/>
                    </a:lnTo>
                    <a:lnTo>
                      <a:pt x="788" y="464"/>
                    </a:lnTo>
                    <a:lnTo>
                      <a:pt x="793" y="464"/>
                    </a:lnTo>
                    <a:lnTo>
                      <a:pt x="798" y="462"/>
                    </a:lnTo>
                    <a:lnTo>
                      <a:pt x="802" y="460"/>
                    </a:lnTo>
                    <a:lnTo>
                      <a:pt x="807" y="456"/>
                    </a:lnTo>
                    <a:lnTo>
                      <a:pt x="813" y="451"/>
                    </a:lnTo>
                    <a:lnTo>
                      <a:pt x="818" y="444"/>
                    </a:lnTo>
                    <a:lnTo>
                      <a:pt x="823" y="436"/>
                    </a:lnTo>
                    <a:lnTo>
                      <a:pt x="827" y="429"/>
                    </a:lnTo>
                    <a:lnTo>
                      <a:pt x="840" y="409"/>
                    </a:lnTo>
                    <a:lnTo>
                      <a:pt x="853" y="391"/>
                    </a:lnTo>
                    <a:lnTo>
                      <a:pt x="867" y="375"/>
                    </a:lnTo>
                    <a:lnTo>
                      <a:pt x="881" y="360"/>
                    </a:lnTo>
                    <a:lnTo>
                      <a:pt x="894" y="343"/>
                    </a:lnTo>
                    <a:lnTo>
                      <a:pt x="905" y="326"/>
                    </a:lnTo>
                    <a:lnTo>
                      <a:pt x="909" y="317"/>
                    </a:lnTo>
                    <a:lnTo>
                      <a:pt x="912" y="308"/>
                    </a:lnTo>
                    <a:lnTo>
                      <a:pt x="914" y="298"/>
                    </a:lnTo>
                    <a:lnTo>
                      <a:pt x="915" y="286"/>
                    </a:lnTo>
                    <a:lnTo>
                      <a:pt x="916" y="278"/>
                    </a:lnTo>
                    <a:lnTo>
                      <a:pt x="918" y="268"/>
                    </a:lnTo>
                    <a:lnTo>
                      <a:pt x="921" y="258"/>
                    </a:lnTo>
                    <a:lnTo>
                      <a:pt x="925" y="246"/>
                    </a:lnTo>
                    <a:lnTo>
                      <a:pt x="929" y="236"/>
                    </a:lnTo>
                    <a:lnTo>
                      <a:pt x="936" y="225"/>
                    </a:lnTo>
                    <a:lnTo>
                      <a:pt x="938" y="221"/>
                    </a:lnTo>
                    <a:lnTo>
                      <a:pt x="942" y="219"/>
                    </a:lnTo>
                    <a:lnTo>
                      <a:pt x="946" y="216"/>
                    </a:lnTo>
                    <a:lnTo>
                      <a:pt x="949" y="215"/>
                    </a:lnTo>
                    <a:lnTo>
                      <a:pt x="951" y="215"/>
                    </a:lnTo>
                    <a:lnTo>
                      <a:pt x="955" y="217"/>
                    </a:lnTo>
                    <a:lnTo>
                      <a:pt x="958" y="220"/>
                    </a:lnTo>
                    <a:lnTo>
                      <a:pt x="962" y="224"/>
                    </a:lnTo>
                    <a:lnTo>
                      <a:pt x="969" y="233"/>
                    </a:lnTo>
                    <a:lnTo>
                      <a:pt x="976" y="245"/>
                    </a:lnTo>
                    <a:lnTo>
                      <a:pt x="990" y="269"/>
                    </a:lnTo>
                    <a:lnTo>
                      <a:pt x="1002" y="283"/>
                    </a:lnTo>
                    <a:lnTo>
                      <a:pt x="1016" y="290"/>
                    </a:lnTo>
                    <a:lnTo>
                      <a:pt x="1032" y="296"/>
                    </a:lnTo>
                    <a:lnTo>
                      <a:pt x="1039" y="299"/>
                    </a:lnTo>
                    <a:lnTo>
                      <a:pt x="1047" y="302"/>
                    </a:lnTo>
                    <a:lnTo>
                      <a:pt x="1055" y="303"/>
                    </a:lnTo>
                    <a:lnTo>
                      <a:pt x="1063" y="304"/>
                    </a:lnTo>
                    <a:lnTo>
                      <a:pt x="1077" y="304"/>
                    </a:lnTo>
                    <a:lnTo>
                      <a:pt x="1089" y="306"/>
                    </a:lnTo>
                    <a:lnTo>
                      <a:pt x="1100" y="308"/>
                    </a:lnTo>
                    <a:lnTo>
                      <a:pt x="1113" y="313"/>
                    </a:lnTo>
                    <a:lnTo>
                      <a:pt x="1126" y="317"/>
                    </a:lnTo>
                    <a:lnTo>
                      <a:pt x="1138" y="320"/>
                    </a:lnTo>
                    <a:lnTo>
                      <a:pt x="1148" y="322"/>
                    </a:lnTo>
                    <a:lnTo>
                      <a:pt x="1159" y="321"/>
                    </a:lnTo>
                    <a:lnTo>
                      <a:pt x="1162" y="320"/>
                    </a:lnTo>
                    <a:lnTo>
                      <a:pt x="1166" y="317"/>
                    </a:lnTo>
                    <a:lnTo>
                      <a:pt x="1169" y="315"/>
                    </a:lnTo>
                    <a:lnTo>
                      <a:pt x="1173" y="311"/>
                    </a:lnTo>
                    <a:lnTo>
                      <a:pt x="1174" y="306"/>
                    </a:lnTo>
                    <a:lnTo>
                      <a:pt x="1177" y="300"/>
                    </a:lnTo>
                    <a:lnTo>
                      <a:pt x="1177" y="293"/>
                    </a:lnTo>
                    <a:lnTo>
                      <a:pt x="1178" y="285"/>
                    </a:lnTo>
                    <a:lnTo>
                      <a:pt x="1175" y="271"/>
                    </a:lnTo>
                    <a:lnTo>
                      <a:pt x="1174" y="252"/>
                    </a:lnTo>
                    <a:lnTo>
                      <a:pt x="1174" y="243"/>
                    </a:lnTo>
                    <a:lnTo>
                      <a:pt x="1174" y="236"/>
                    </a:lnTo>
                    <a:lnTo>
                      <a:pt x="1175" y="233"/>
                    </a:lnTo>
                    <a:lnTo>
                      <a:pt x="1178" y="229"/>
                    </a:lnTo>
                    <a:lnTo>
                      <a:pt x="1179" y="228"/>
                    </a:lnTo>
                    <a:lnTo>
                      <a:pt x="1182" y="226"/>
                    </a:lnTo>
                    <a:lnTo>
                      <a:pt x="1187" y="225"/>
                    </a:lnTo>
                    <a:lnTo>
                      <a:pt x="1192" y="225"/>
                    </a:lnTo>
                    <a:lnTo>
                      <a:pt x="1199" y="225"/>
                    </a:lnTo>
                    <a:lnTo>
                      <a:pt x="1205" y="226"/>
                    </a:lnTo>
                    <a:lnTo>
                      <a:pt x="1221" y="230"/>
                    </a:lnTo>
                    <a:lnTo>
                      <a:pt x="1236" y="234"/>
                    </a:lnTo>
                    <a:lnTo>
                      <a:pt x="1244" y="236"/>
                    </a:lnTo>
                    <a:lnTo>
                      <a:pt x="1252" y="236"/>
                    </a:lnTo>
                    <a:lnTo>
                      <a:pt x="1258" y="236"/>
                    </a:lnTo>
                    <a:lnTo>
                      <a:pt x="1265" y="234"/>
                    </a:lnTo>
                    <a:lnTo>
                      <a:pt x="1271" y="230"/>
                    </a:lnTo>
                    <a:lnTo>
                      <a:pt x="1276" y="226"/>
                    </a:lnTo>
                    <a:lnTo>
                      <a:pt x="1280" y="220"/>
                    </a:lnTo>
                    <a:lnTo>
                      <a:pt x="1283" y="212"/>
                    </a:lnTo>
                    <a:lnTo>
                      <a:pt x="1286" y="206"/>
                    </a:lnTo>
                    <a:lnTo>
                      <a:pt x="1286" y="199"/>
                    </a:lnTo>
                    <a:lnTo>
                      <a:pt x="1286" y="194"/>
                    </a:lnTo>
                    <a:lnTo>
                      <a:pt x="1284" y="189"/>
                    </a:lnTo>
                    <a:lnTo>
                      <a:pt x="1282" y="179"/>
                    </a:lnTo>
                    <a:lnTo>
                      <a:pt x="1278" y="167"/>
                    </a:lnTo>
                    <a:lnTo>
                      <a:pt x="1275" y="160"/>
                    </a:lnTo>
                    <a:lnTo>
                      <a:pt x="1275" y="154"/>
                    </a:lnTo>
                    <a:lnTo>
                      <a:pt x="1275" y="147"/>
                    </a:lnTo>
                    <a:lnTo>
                      <a:pt x="1276" y="141"/>
                    </a:lnTo>
                    <a:lnTo>
                      <a:pt x="1282" y="129"/>
                    </a:lnTo>
                    <a:lnTo>
                      <a:pt x="1288" y="118"/>
                    </a:lnTo>
                    <a:lnTo>
                      <a:pt x="1313" y="76"/>
                    </a:lnTo>
                    <a:lnTo>
                      <a:pt x="1313" y="76"/>
                    </a:lnTo>
                    <a:lnTo>
                      <a:pt x="1324" y="74"/>
                    </a:lnTo>
                    <a:lnTo>
                      <a:pt x="1336" y="68"/>
                    </a:lnTo>
                    <a:lnTo>
                      <a:pt x="1346" y="62"/>
                    </a:lnTo>
                    <a:lnTo>
                      <a:pt x="1355" y="54"/>
                    </a:lnTo>
                    <a:lnTo>
                      <a:pt x="1376" y="39"/>
                    </a:lnTo>
                    <a:lnTo>
                      <a:pt x="1396" y="26"/>
                    </a:lnTo>
                    <a:lnTo>
                      <a:pt x="1400" y="26"/>
                    </a:lnTo>
                    <a:lnTo>
                      <a:pt x="1406" y="27"/>
                    </a:lnTo>
                    <a:lnTo>
                      <a:pt x="1415" y="31"/>
                    </a:lnTo>
                    <a:lnTo>
                      <a:pt x="1423" y="35"/>
                    </a:lnTo>
                    <a:lnTo>
                      <a:pt x="1441" y="44"/>
                    </a:lnTo>
                    <a:lnTo>
                      <a:pt x="1455" y="49"/>
                    </a:lnTo>
                    <a:lnTo>
                      <a:pt x="1466" y="50"/>
                    </a:lnTo>
                    <a:lnTo>
                      <a:pt x="1476" y="50"/>
                    </a:lnTo>
                    <a:lnTo>
                      <a:pt x="1485" y="49"/>
                    </a:lnTo>
                    <a:lnTo>
                      <a:pt x="1495" y="46"/>
                    </a:lnTo>
                    <a:lnTo>
                      <a:pt x="1515" y="39"/>
                    </a:lnTo>
                    <a:lnTo>
                      <a:pt x="1536" y="30"/>
                    </a:lnTo>
                    <a:lnTo>
                      <a:pt x="1555" y="19"/>
                    </a:lnTo>
                    <a:lnTo>
                      <a:pt x="1574" y="10"/>
                    </a:lnTo>
                    <a:lnTo>
                      <a:pt x="1585" y="6"/>
                    </a:lnTo>
                    <a:lnTo>
                      <a:pt x="1595" y="2"/>
                    </a:lnTo>
                    <a:lnTo>
                      <a:pt x="1606" y="1"/>
                    </a:lnTo>
                    <a:lnTo>
                      <a:pt x="1616" y="0"/>
                    </a:lnTo>
                    <a:lnTo>
                      <a:pt x="1630" y="0"/>
                    </a:lnTo>
                    <a:lnTo>
                      <a:pt x="1646" y="1"/>
                    </a:lnTo>
                    <a:lnTo>
                      <a:pt x="1661" y="4"/>
                    </a:lnTo>
                    <a:lnTo>
                      <a:pt x="1677" y="6"/>
                    </a:lnTo>
                    <a:lnTo>
                      <a:pt x="1692" y="9"/>
                    </a:lnTo>
                    <a:lnTo>
                      <a:pt x="1709" y="11"/>
                    </a:lnTo>
                    <a:lnTo>
                      <a:pt x="1725" y="13"/>
                    </a:lnTo>
                    <a:lnTo>
                      <a:pt x="1740" y="14"/>
                    </a:lnTo>
                    <a:lnTo>
                      <a:pt x="1782" y="11"/>
                    </a:lnTo>
                    <a:lnTo>
                      <a:pt x="1839" y="9"/>
                    </a:lnTo>
                    <a:lnTo>
                      <a:pt x="1852" y="9"/>
                    </a:lnTo>
                    <a:lnTo>
                      <a:pt x="1866" y="10"/>
                    </a:lnTo>
                    <a:lnTo>
                      <a:pt x="1878" y="13"/>
                    </a:lnTo>
                    <a:lnTo>
                      <a:pt x="1888" y="17"/>
                    </a:lnTo>
                    <a:lnTo>
                      <a:pt x="1897" y="21"/>
                    </a:lnTo>
                    <a:lnTo>
                      <a:pt x="1905" y="26"/>
                    </a:lnTo>
                    <a:lnTo>
                      <a:pt x="1907" y="30"/>
                    </a:lnTo>
                    <a:lnTo>
                      <a:pt x="1909" y="32"/>
                    </a:lnTo>
                    <a:lnTo>
                      <a:pt x="1910" y="36"/>
                    </a:lnTo>
                    <a:lnTo>
                      <a:pt x="1911" y="41"/>
                    </a:lnTo>
                    <a:lnTo>
                      <a:pt x="1910" y="93"/>
                    </a:lnTo>
                    <a:lnTo>
                      <a:pt x="1909" y="136"/>
                    </a:lnTo>
                    <a:lnTo>
                      <a:pt x="1910" y="145"/>
                    </a:lnTo>
                    <a:lnTo>
                      <a:pt x="1913" y="154"/>
                    </a:lnTo>
                    <a:lnTo>
                      <a:pt x="1915" y="164"/>
                    </a:lnTo>
                    <a:lnTo>
                      <a:pt x="1920" y="173"/>
                    </a:lnTo>
                    <a:lnTo>
                      <a:pt x="1927" y="184"/>
                    </a:lnTo>
                    <a:lnTo>
                      <a:pt x="1935" y="194"/>
                    </a:lnTo>
                    <a:lnTo>
                      <a:pt x="1944" y="204"/>
                    </a:lnTo>
                    <a:lnTo>
                      <a:pt x="1955" y="216"/>
                    </a:lnTo>
                    <a:lnTo>
                      <a:pt x="1971" y="225"/>
                    </a:lnTo>
                    <a:lnTo>
                      <a:pt x="1985" y="232"/>
                    </a:lnTo>
                    <a:lnTo>
                      <a:pt x="1999" y="238"/>
                    </a:lnTo>
                    <a:lnTo>
                      <a:pt x="2014" y="242"/>
                    </a:lnTo>
                    <a:lnTo>
                      <a:pt x="2028" y="246"/>
                    </a:lnTo>
                    <a:lnTo>
                      <a:pt x="2043" y="249"/>
                    </a:lnTo>
                    <a:lnTo>
                      <a:pt x="2059" y="250"/>
                    </a:lnTo>
                    <a:lnTo>
                      <a:pt x="2076" y="251"/>
                    </a:lnTo>
                    <a:lnTo>
                      <a:pt x="2090" y="254"/>
                    </a:lnTo>
                    <a:lnTo>
                      <a:pt x="2104" y="256"/>
                    </a:lnTo>
                    <a:lnTo>
                      <a:pt x="2117" y="260"/>
                    </a:lnTo>
                    <a:lnTo>
                      <a:pt x="2129" y="264"/>
                    </a:lnTo>
                    <a:lnTo>
                      <a:pt x="2151" y="276"/>
                    </a:lnTo>
                    <a:lnTo>
                      <a:pt x="2173" y="287"/>
                    </a:lnTo>
                    <a:lnTo>
                      <a:pt x="2194" y="299"/>
                    </a:lnTo>
                    <a:lnTo>
                      <a:pt x="2216" y="309"/>
                    </a:lnTo>
                    <a:lnTo>
                      <a:pt x="2227" y="315"/>
                    </a:lnTo>
                    <a:lnTo>
                      <a:pt x="2239" y="318"/>
                    </a:lnTo>
                    <a:lnTo>
                      <a:pt x="2252" y="321"/>
                    </a:lnTo>
                    <a:lnTo>
                      <a:pt x="2266" y="324"/>
                    </a:lnTo>
                    <a:lnTo>
                      <a:pt x="2278" y="325"/>
                    </a:lnTo>
                    <a:lnTo>
                      <a:pt x="2288" y="328"/>
                    </a:lnTo>
                    <a:lnTo>
                      <a:pt x="2299" y="330"/>
                    </a:lnTo>
                    <a:lnTo>
                      <a:pt x="2308" y="334"/>
                    </a:lnTo>
                    <a:lnTo>
                      <a:pt x="2317" y="338"/>
                    </a:lnTo>
                    <a:lnTo>
                      <a:pt x="2325" y="343"/>
                    </a:lnTo>
                    <a:lnTo>
                      <a:pt x="2332" y="348"/>
                    </a:lnTo>
                    <a:lnTo>
                      <a:pt x="2340" y="355"/>
                    </a:lnTo>
                    <a:lnTo>
                      <a:pt x="2353" y="368"/>
                    </a:lnTo>
                    <a:lnTo>
                      <a:pt x="2365" y="383"/>
                    </a:lnTo>
                    <a:lnTo>
                      <a:pt x="2376" y="400"/>
                    </a:lnTo>
                    <a:lnTo>
                      <a:pt x="2388" y="420"/>
                    </a:lnTo>
                    <a:lnTo>
                      <a:pt x="2388" y="420"/>
                    </a:lnTo>
                    <a:lnTo>
                      <a:pt x="2328" y="444"/>
                    </a:lnTo>
                    <a:lnTo>
                      <a:pt x="2319" y="447"/>
                    </a:lnTo>
                    <a:lnTo>
                      <a:pt x="2312" y="449"/>
                    </a:lnTo>
                    <a:lnTo>
                      <a:pt x="2305" y="452"/>
                    </a:lnTo>
                    <a:lnTo>
                      <a:pt x="2300" y="457"/>
                    </a:lnTo>
                    <a:lnTo>
                      <a:pt x="2296" y="462"/>
                    </a:lnTo>
                    <a:lnTo>
                      <a:pt x="2293" y="467"/>
                    </a:lnTo>
                    <a:lnTo>
                      <a:pt x="2292" y="474"/>
                    </a:lnTo>
                    <a:lnTo>
                      <a:pt x="2291" y="480"/>
                    </a:lnTo>
                    <a:lnTo>
                      <a:pt x="2292" y="495"/>
                    </a:lnTo>
                    <a:lnTo>
                      <a:pt x="2293" y="509"/>
                    </a:lnTo>
                    <a:lnTo>
                      <a:pt x="2297" y="524"/>
                    </a:lnTo>
                    <a:lnTo>
                      <a:pt x="2300" y="537"/>
                    </a:lnTo>
                    <a:lnTo>
                      <a:pt x="2302" y="553"/>
                    </a:lnTo>
                    <a:lnTo>
                      <a:pt x="2304" y="570"/>
                    </a:lnTo>
                    <a:lnTo>
                      <a:pt x="2304" y="585"/>
                    </a:lnTo>
                    <a:lnTo>
                      <a:pt x="2304" y="601"/>
                    </a:lnTo>
                    <a:lnTo>
                      <a:pt x="2305" y="616"/>
                    </a:lnTo>
                    <a:lnTo>
                      <a:pt x="2306" y="632"/>
                    </a:lnTo>
                    <a:lnTo>
                      <a:pt x="2310" y="647"/>
                    </a:lnTo>
                    <a:lnTo>
                      <a:pt x="2317" y="662"/>
                    </a:lnTo>
                    <a:lnTo>
                      <a:pt x="2339" y="695"/>
                    </a:lnTo>
                    <a:lnTo>
                      <a:pt x="2365" y="736"/>
                    </a:lnTo>
                    <a:lnTo>
                      <a:pt x="2371" y="746"/>
                    </a:lnTo>
                    <a:lnTo>
                      <a:pt x="2375" y="756"/>
                    </a:lnTo>
                    <a:lnTo>
                      <a:pt x="2378" y="767"/>
                    </a:lnTo>
                    <a:lnTo>
                      <a:pt x="2379" y="777"/>
                    </a:lnTo>
                    <a:lnTo>
                      <a:pt x="2379" y="786"/>
                    </a:lnTo>
                    <a:lnTo>
                      <a:pt x="2376" y="796"/>
                    </a:lnTo>
                    <a:lnTo>
                      <a:pt x="2371" y="806"/>
                    </a:lnTo>
                    <a:lnTo>
                      <a:pt x="2363" y="813"/>
                    </a:lnTo>
                    <a:lnTo>
                      <a:pt x="2322" y="820"/>
                    </a:lnTo>
                    <a:lnTo>
                      <a:pt x="2322" y="820"/>
                    </a:lnTo>
                    <a:lnTo>
                      <a:pt x="2332" y="802"/>
                    </a:lnTo>
                    <a:lnTo>
                      <a:pt x="2341" y="790"/>
                    </a:lnTo>
                    <a:lnTo>
                      <a:pt x="2348" y="784"/>
                    </a:lnTo>
                    <a:lnTo>
                      <a:pt x="2350" y="781"/>
                    </a:lnTo>
                    <a:lnTo>
                      <a:pt x="2344" y="773"/>
                    </a:lnTo>
                    <a:lnTo>
                      <a:pt x="2314" y="747"/>
                    </a:lnTo>
                    <a:lnTo>
                      <a:pt x="2304" y="737"/>
                    </a:lnTo>
                    <a:lnTo>
                      <a:pt x="2293" y="730"/>
                    </a:lnTo>
                    <a:lnTo>
                      <a:pt x="2284" y="727"/>
                    </a:lnTo>
                    <a:lnTo>
                      <a:pt x="2275" y="724"/>
                    </a:lnTo>
                    <a:lnTo>
                      <a:pt x="2266" y="724"/>
                    </a:lnTo>
                    <a:lnTo>
                      <a:pt x="2258" y="725"/>
                    </a:lnTo>
                    <a:lnTo>
                      <a:pt x="2251" y="728"/>
                    </a:lnTo>
                    <a:lnTo>
                      <a:pt x="2244" y="730"/>
                    </a:lnTo>
                    <a:lnTo>
                      <a:pt x="2236" y="733"/>
                    </a:lnTo>
                    <a:lnTo>
                      <a:pt x="2230" y="736"/>
                    </a:lnTo>
                    <a:lnTo>
                      <a:pt x="2223" y="737"/>
                    </a:lnTo>
                    <a:lnTo>
                      <a:pt x="2216" y="737"/>
                    </a:lnTo>
                    <a:lnTo>
                      <a:pt x="2209" y="736"/>
                    </a:lnTo>
                    <a:lnTo>
                      <a:pt x="2201" y="732"/>
                    </a:lnTo>
                    <a:lnTo>
                      <a:pt x="2195" y="725"/>
                    </a:lnTo>
                    <a:lnTo>
                      <a:pt x="2186" y="716"/>
                    </a:lnTo>
                    <a:lnTo>
                      <a:pt x="2182" y="710"/>
                    </a:lnTo>
                    <a:lnTo>
                      <a:pt x="2177" y="706"/>
                    </a:lnTo>
                    <a:lnTo>
                      <a:pt x="2173" y="702"/>
                    </a:lnTo>
                    <a:lnTo>
                      <a:pt x="2169" y="699"/>
                    </a:lnTo>
                    <a:lnTo>
                      <a:pt x="2164" y="698"/>
                    </a:lnTo>
                    <a:lnTo>
                      <a:pt x="2160" y="697"/>
                    </a:lnTo>
                    <a:lnTo>
                      <a:pt x="2156" y="697"/>
                    </a:lnTo>
                    <a:lnTo>
                      <a:pt x="2152" y="698"/>
                    </a:lnTo>
                    <a:lnTo>
                      <a:pt x="2143" y="701"/>
                    </a:lnTo>
                    <a:lnTo>
                      <a:pt x="2135" y="704"/>
                    </a:lnTo>
                    <a:lnTo>
                      <a:pt x="2126" y="711"/>
                    </a:lnTo>
                    <a:lnTo>
                      <a:pt x="2117" y="717"/>
                    </a:lnTo>
                    <a:lnTo>
                      <a:pt x="2102" y="728"/>
                    </a:lnTo>
                    <a:lnTo>
                      <a:pt x="2094" y="737"/>
                    </a:lnTo>
                    <a:lnTo>
                      <a:pt x="2093" y="739"/>
                    </a:lnTo>
                    <a:lnTo>
                      <a:pt x="2093" y="742"/>
                    </a:lnTo>
                    <a:lnTo>
                      <a:pt x="2094" y="745"/>
                    </a:lnTo>
                    <a:lnTo>
                      <a:pt x="2095" y="746"/>
                    </a:lnTo>
                    <a:lnTo>
                      <a:pt x="2112" y="754"/>
                    </a:lnTo>
                    <a:lnTo>
                      <a:pt x="2133" y="764"/>
                    </a:lnTo>
                    <a:lnTo>
                      <a:pt x="2134" y="767"/>
                    </a:lnTo>
                    <a:lnTo>
                      <a:pt x="2134" y="768"/>
                    </a:lnTo>
                    <a:lnTo>
                      <a:pt x="2133" y="771"/>
                    </a:lnTo>
                    <a:lnTo>
                      <a:pt x="2129" y="772"/>
                    </a:lnTo>
                    <a:lnTo>
                      <a:pt x="2119" y="774"/>
                    </a:lnTo>
                    <a:lnTo>
                      <a:pt x="2104" y="777"/>
                    </a:lnTo>
                    <a:lnTo>
                      <a:pt x="2074" y="781"/>
                    </a:lnTo>
                    <a:lnTo>
                      <a:pt x="2058" y="782"/>
                    </a:lnTo>
                    <a:lnTo>
                      <a:pt x="2042" y="784"/>
                    </a:lnTo>
                    <a:lnTo>
                      <a:pt x="2027" y="786"/>
                    </a:lnTo>
                    <a:lnTo>
                      <a:pt x="2012" y="791"/>
                    </a:lnTo>
                    <a:lnTo>
                      <a:pt x="1997" y="796"/>
                    </a:lnTo>
                    <a:lnTo>
                      <a:pt x="1968" y="811"/>
                    </a:lnTo>
                    <a:lnTo>
                      <a:pt x="1940" y="824"/>
                    </a:lnTo>
                    <a:lnTo>
                      <a:pt x="1931" y="828"/>
                    </a:lnTo>
                    <a:lnTo>
                      <a:pt x="1923" y="829"/>
                    </a:lnTo>
                    <a:lnTo>
                      <a:pt x="1918" y="830"/>
                    </a:lnTo>
                    <a:lnTo>
                      <a:pt x="1913" y="830"/>
                    </a:lnTo>
                    <a:lnTo>
                      <a:pt x="1909" y="829"/>
                    </a:lnTo>
                    <a:lnTo>
                      <a:pt x="1906" y="826"/>
                    </a:lnTo>
                    <a:lnTo>
                      <a:pt x="1905" y="824"/>
                    </a:lnTo>
                    <a:lnTo>
                      <a:pt x="1903" y="821"/>
                    </a:lnTo>
                    <a:lnTo>
                      <a:pt x="1903" y="813"/>
                    </a:lnTo>
                    <a:lnTo>
                      <a:pt x="1906" y="807"/>
                    </a:lnTo>
                    <a:lnTo>
                      <a:pt x="1909" y="803"/>
                    </a:lnTo>
                    <a:lnTo>
                      <a:pt x="1911" y="800"/>
                    </a:lnTo>
                    <a:lnTo>
                      <a:pt x="1914" y="798"/>
                    </a:lnTo>
                    <a:lnTo>
                      <a:pt x="1918" y="796"/>
                    </a:lnTo>
                    <a:lnTo>
                      <a:pt x="1926" y="794"/>
                    </a:lnTo>
                    <a:lnTo>
                      <a:pt x="1932" y="791"/>
                    </a:lnTo>
                    <a:lnTo>
                      <a:pt x="1937" y="789"/>
                    </a:lnTo>
                    <a:lnTo>
                      <a:pt x="1940" y="785"/>
                    </a:lnTo>
                    <a:lnTo>
                      <a:pt x="1941" y="782"/>
                    </a:lnTo>
                    <a:lnTo>
                      <a:pt x="1941" y="780"/>
                    </a:lnTo>
                    <a:lnTo>
                      <a:pt x="1940" y="777"/>
                    </a:lnTo>
                    <a:lnTo>
                      <a:pt x="1937" y="776"/>
                    </a:lnTo>
                    <a:lnTo>
                      <a:pt x="1935" y="773"/>
                    </a:lnTo>
                    <a:lnTo>
                      <a:pt x="1931" y="772"/>
                    </a:lnTo>
                    <a:lnTo>
                      <a:pt x="1926" y="772"/>
                    </a:lnTo>
                    <a:lnTo>
                      <a:pt x="1920" y="772"/>
                    </a:lnTo>
                    <a:lnTo>
                      <a:pt x="1915" y="772"/>
                    </a:lnTo>
                    <a:lnTo>
                      <a:pt x="1910" y="773"/>
                    </a:lnTo>
                    <a:lnTo>
                      <a:pt x="1903" y="776"/>
                    </a:lnTo>
                    <a:lnTo>
                      <a:pt x="1898" y="778"/>
                    </a:lnTo>
                    <a:lnTo>
                      <a:pt x="1874" y="795"/>
                    </a:lnTo>
                    <a:lnTo>
                      <a:pt x="1850" y="813"/>
                    </a:lnTo>
                    <a:lnTo>
                      <a:pt x="1839" y="821"/>
                    </a:lnTo>
                    <a:lnTo>
                      <a:pt x="1827" y="830"/>
                    </a:lnTo>
                    <a:lnTo>
                      <a:pt x="1815" y="837"/>
                    </a:lnTo>
                    <a:lnTo>
                      <a:pt x="1802" y="844"/>
                    </a:lnTo>
                    <a:lnTo>
                      <a:pt x="1796" y="848"/>
                    </a:lnTo>
                    <a:lnTo>
                      <a:pt x="1791" y="855"/>
                    </a:lnTo>
                    <a:lnTo>
                      <a:pt x="1788" y="861"/>
                    </a:lnTo>
                    <a:lnTo>
                      <a:pt x="1787" y="869"/>
                    </a:lnTo>
                    <a:lnTo>
                      <a:pt x="1788" y="877"/>
                    </a:lnTo>
                    <a:lnTo>
                      <a:pt x="1791" y="886"/>
                    </a:lnTo>
                    <a:lnTo>
                      <a:pt x="1795" y="895"/>
                    </a:lnTo>
                    <a:lnTo>
                      <a:pt x="1799" y="904"/>
                    </a:lnTo>
                    <a:lnTo>
                      <a:pt x="1810" y="921"/>
                    </a:lnTo>
                    <a:lnTo>
                      <a:pt x="1823" y="936"/>
                    </a:lnTo>
                    <a:lnTo>
                      <a:pt x="1830" y="943"/>
                    </a:lnTo>
                    <a:lnTo>
                      <a:pt x="1836" y="948"/>
                    </a:lnTo>
                    <a:lnTo>
                      <a:pt x="1843" y="952"/>
                    </a:lnTo>
                    <a:lnTo>
                      <a:pt x="1848" y="955"/>
                    </a:lnTo>
                    <a:lnTo>
                      <a:pt x="1858" y="960"/>
                    </a:lnTo>
                    <a:lnTo>
                      <a:pt x="1867" y="966"/>
                    </a:lnTo>
                    <a:lnTo>
                      <a:pt x="1875" y="973"/>
                    </a:lnTo>
                    <a:lnTo>
                      <a:pt x="1880" y="982"/>
                    </a:lnTo>
                    <a:lnTo>
                      <a:pt x="1884" y="991"/>
                    </a:lnTo>
                    <a:lnTo>
                      <a:pt x="1888" y="1001"/>
                    </a:lnTo>
                    <a:lnTo>
                      <a:pt x="1889" y="1010"/>
                    </a:lnTo>
                    <a:lnTo>
                      <a:pt x="1889" y="1021"/>
                    </a:lnTo>
                    <a:lnTo>
                      <a:pt x="1888" y="1032"/>
                    </a:lnTo>
                    <a:lnTo>
                      <a:pt x="1887" y="1043"/>
                    </a:lnTo>
                    <a:lnTo>
                      <a:pt x="1883" y="1053"/>
                    </a:lnTo>
                    <a:lnTo>
                      <a:pt x="1879" y="1063"/>
                    </a:lnTo>
                    <a:lnTo>
                      <a:pt x="1874" y="1072"/>
                    </a:lnTo>
                    <a:lnTo>
                      <a:pt x="1868" y="1081"/>
                    </a:lnTo>
                    <a:lnTo>
                      <a:pt x="1861" y="1089"/>
                    </a:lnTo>
                    <a:lnTo>
                      <a:pt x="1854" y="1096"/>
                    </a:lnTo>
                    <a:lnTo>
                      <a:pt x="1844" y="1102"/>
                    </a:lnTo>
                    <a:lnTo>
                      <a:pt x="1835" y="1106"/>
                    </a:lnTo>
                    <a:lnTo>
                      <a:pt x="1826" y="1110"/>
                    </a:lnTo>
                    <a:lnTo>
                      <a:pt x="1818" y="1113"/>
                    </a:lnTo>
                    <a:lnTo>
                      <a:pt x="1804" y="1116"/>
                    </a:lnTo>
                    <a:lnTo>
                      <a:pt x="1793" y="1119"/>
                    </a:lnTo>
                    <a:lnTo>
                      <a:pt x="1789" y="1122"/>
                    </a:lnTo>
                    <a:lnTo>
                      <a:pt x="1787" y="1124"/>
                    </a:lnTo>
                    <a:lnTo>
                      <a:pt x="1784" y="1128"/>
                    </a:lnTo>
                    <a:lnTo>
                      <a:pt x="1783" y="1135"/>
                    </a:lnTo>
                    <a:lnTo>
                      <a:pt x="1782" y="1141"/>
                    </a:lnTo>
                    <a:lnTo>
                      <a:pt x="1783" y="1150"/>
                    </a:lnTo>
                    <a:lnTo>
                      <a:pt x="1784" y="1162"/>
                    </a:lnTo>
                    <a:lnTo>
                      <a:pt x="1787" y="1176"/>
                    </a:lnTo>
                    <a:lnTo>
                      <a:pt x="1792" y="1214"/>
                    </a:lnTo>
                    <a:lnTo>
                      <a:pt x="1796" y="1251"/>
                    </a:lnTo>
                    <a:lnTo>
                      <a:pt x="1799" y="1290"/>
                    </a:lnTo>
                    <a:lnTo>
                      <a:pt x="1804" y="1328"/>
                    </a:lnTo>
                    <a:lnTo>
                      <a:pt x="1808" y="1350"/>
                    </a:lnTo>
                    <a:lnTo>
                      <a:pt x="1814" y="1370"/>
                    </a:lnTo>
                    <a:lnTo>
                      <a:pt x="1823" y="1391"/>
                    </a:lnTo>
                    <a:lnTo>
                      <a:pt x="1832" y="1410"/>
                    </a:lnTo>
                    <a:lnTo>
                      <a:pt x="1844" y="1430"/>
                    </a:lnTo>
                    <a:lnTo>
                      <a:pt x="1857" y="1449"/>
                    </a:lnTo>
                    <a:lnTo>
                      <a:pt x="1870" y="1466"/>
                    </a:lnTo>
                    <a:lnTo>
                      <a:pt x="1885" y="1484"/>
                    </a:lnTo>
                    <a:lnTo>
                      <a:pt x="1901" y="1501"/>
                    </a:lnTo>
                    <a:lnTo>
                      <a:pt x="1916" y="1517"/>
                    </a:lnTo>
                    <a:lnTo>
                      <a:pt x="1933" y="1532"/>
                    </a:lnTo>
                    <a:lnTo>
                      <a:pt x="1950" y="1548"/>
                    </a:lnTo>
                    <a:lnTo>
                      <a:pt x="1985" y="1576"/>
                    </a:lnTo>
                    <a:lnTo>
                      <a:pt x="2020" y="1604"/>
                    </a:lnTo>
                    <a:lnTo>
                      <a:pt x="2028" y="1616"/>
                    </a:lnTo>
                    <a:lnTo>
                      <a:pt x="2040" y="1631"/>
                    </a:lnTo>
                    <a:lnTo>
                      <a:pt x="2052" y="1645"/>
                    </a:lnTo>
                    <a:lnTo>
                      <a:pt x="2067" y="1659"/>
                    </a:lnTo>
                    <a:lnTo>
                      <a:pt x="2081" y="1672"/>
                    </a:lnTo>
                    <a:lnTo>
                      <a:pt x="2097" y="1685"/>
                    </a:lnTo>
                    <a:lnTo>
                      <a:pt x="2111" y="1697"/>
                    </a:lnTo>
                    <a:lnTo>
                      <a:pt x="2124" y="1705"/>
                    </a:lnTo>
                    <a:lnTo>
                      <a:pt x="2134" y="1708"/>
                    </a:lnTo>
                    <a:lnTo>
                      <a:pt x="2147" y="1711"/>
                    </a:lnTo>
                    <a:lnTo>
                      <a:pt x="2163" y="1712"/>
                    </a:lnTo>
                    <a:lnTo>
                      <a:pt x="2178" y="1714"/>
                    </a:lnTo>
                    <a:lnTo>
                      <a:pt x="2194" y="1715"/>
                    </a:lnTo>
                    <a:lnTo>
                      <a:pt x="2207" y="1718"/>
                    </a:lnTo>
                    <a:lnTo>
                      <a:pt x="2213" y="1719"/>
                    </a:lnTo>
                    <a:lnTo>
                      <a:pt x="2217" y="1721"/>
                    </a:lnTo>
                    <a:lnTo>
                      <a:pt x="2221" y="1724"/>
                    </a:lnTo>
                    <a:lnTo>
                      <a:pt x="2223" y="1728"/>
                    </a:lnTo>
                    <a:lnTo>
                      <a:pt x="2227" y="1737"/>
                    </a:lnTo>
                    <a:lnTo>
                      <a:pt x="2230" y="1747"/>
                    </a:lnTo>
                    <a:lnTo>
                      <a:pt x="2231" y="1759"/>
                    </a:lnTo>
                    <a:lnTo>
                      <a:pt x="2233" y="1769"/>
                    </a:lnTo>
                    <a:lnTo>
                      <a:pt x="2233" y="1791"/>
                    </a:lnTo>
                    <a:lnTo>
                      <a:pt x="2234" y="1812"/>
                    </a:lnTo>
                    <a:lnTo>
                      <a:pt x="2240" y="1839"/>
                    </a:lnTo>
                    <a:lnTo>
                      <a:pt x="2248" y="1869"/>
                    </a:lnTo>
                    <a:lnTo>
                      <a:pt x="2257" y="1898"/>
                    </a:lnTo>
                    <a:lnTo>
                      <a:pt x="2266" y="1925"/>
                    </a:lnTo>
                    <a:lnTo>
                      <a:pt x="2266" y="1951"/>
                    </a:lnTo>
                    <a:lnTo>
                      <a:pt x="2268" y="1980"/>
                    </a:lnTo>
                    <a:lnTo>
                      <a:pt x="2269" y="2012"/>
                    </a:lnTo>
                    <a:lnTo>
                      <a:pt x="2270" y="2044"/>
                    </a:lnTo>
                    <a:lnTo>
                      <a:pt x="2274" y="2075"/>
                    </a:lnTo>
                    <a:lnTo>
                      <a:pt x="2280" y="2105"/>
                    </a:lnTo>
                    <a:lnTo>
                      <a:pt x="2284" y="2119"/>
                    </a:lnTo>
                    <a:lnTo>
                      <a:pt x="2290" y="2131"/>
                    </a:lnTo>
                    <a:lnTo>
                      <a:pt x="2296" y="2144"/>
                    </a:lnTo>
                    <a:lnTo>
                      <a:pt x="2302" y="2154"/>
                    </a:lnTo>
                    <a:lnTo>
                      <a:pt x="2330" y="2196"/>
                    </a:lnTo>
                    <a:lnTo>
                      <a:pt x="2354" y="2234"/>
                    </a:lnTo>
                    <a:lnTo>
                      <a:pt x="2367" y="2255"/>
                    </a:lnTo>
                    <a:lnTo>
                      <a:pt x="2382" y="2275"/>
                    </a:lnTo>
                    <a:lnTo>
                      <a:pt x="2397" y="2294"/>
                    </a:lnTo>
                    <a:lnTo>
                      <a:pt x="2415" y="2313"/>
                    </a:lnTo>
                    <a:lnTo>
                      <a:pt x="2420" y="2313"/>
                    </a:lnTo>
                    <a:lnTo>
                      <a:pt x="2426" y="2315"/>
                    </a:lnTo>
                    <a:lnTo>
                      <a:pt x="2429" y="2316"/>
                    </a:lnTo>
                    <a:lnTo>
                      <a:pt x="2433" y="2317"/>
                    </a:lnTo>
                    <a:lnTo>
                      <a:pt x="2441" y="2322"/>
                    </a:lnTo>
                    <a:lnTo>
                      <a:pt x="2449" y="2329"/>
                    </a:lnTo>
                    <a:lnTo>
                      <a:pt x="2449" y="2337"/>
                    </a:lnTo>
                    <a:lnTo>
                      <a:pt x="2450" y="2343"/>
                    </a:lnTo>
                    <a:lnTo>
                      <a:pt x="2453" y="2350"/>
                    </a:lnTo>
                    <a:lnTo>
                      <a:pt x="2455" y="2356"/>
                    </a:lnTo>
                    <a:lnTo>
                      <a:pt x="2459" y="2361"/>
                    </a:lnTo>
                    <a:lnTo>
                      <a:pt x="2463" y="2367"/>
                    </a:lnTo>
                    <a:lnTo>
                      <a:pt x="2468" y="2372"/>
                    </a:lnTo>
                    <a:lnTo>
                      <a:pt x="2473" y="2376"/>
                    </a:lnTo>
                    <a:lnTo>
                      <a:pt x="2485" y="2382"/>
                    </a:lnTo>
                    <a:lnTo>
                      <a:pt x="2498" y="2387"/>
                    </a:lnTo>
                    <a:lnTo>
                      <a:pt x="2511" y="2391"/>
                    </a:lnTo>
                    <a:lnTo>
                      <a:pt x="2525" y="2391"/>
                    </a:lnTo>
                    <a:lnTo>
                      <a:pt x="2533" y="2392"/>
                    </a:lnTo>
                    <a:lnTo>
                      <a:pt x="2540" y="2394"/>
                    </a:lnTo>
                    <a:lnTo>
                      <a:pt x="2545" y="2396"/>
                    </a:lnTo>
                    <a:lnTo>
                      <a:pt x="2551" y="2400"/>
                    </a:lnTo>
                    <a:lnTo>
                      <a:pt x="2560" y="2409"/>
                    </a:lnTo>
                    <a:lnTo>
                      <a:pt x="2569" y="2421"/>
                    </a:lnTo>
                    <a:lnTo>
                      <a:pt x="2577" y="2434"/>
                    </a:lnTo>
                    <a:lnTo>
                      <a:pt x="2586" y="2446"/>
                    </a:lnTo>
                    <a:lnTo>
                      <a:pt x="2591" y="2452"/>
                    </a:lnTo>
                    <a:lnTo>
                      <a:pt x="2597" y="2457"/>
                    </a:lnTo>
                    <a:lnTo>
                      <a:pt x="2603" y="2462"/>
                    </a:lnTo>
                    <a:lnTo>
                      <a:pt x="2610" y="2466"/>
                    </a:lnTo>
                    <a:lnTo>
                      <a:pt x="2645" y="2484"/>
                    </a:lnTo>
                    <a:lnTo>
                      <a:pt x="2677" y="2500"/>
                    </a:lnTo>
                    <a:lnTo>
                      <a:pt x="2708" y="2510"/>
                    </a:lnTo>
                    <a:lnTo>
                      <a:pt x="2739" y="2519"/>
                    </a:lnTo>
                    <a:lnTo>
                      <a:pt x="2770" y="2527"/>
                    </a:lnTo>
                    <a:lnTo>
                      <a:pt x="2801" y="2534"/>
                    </a:lnTo>
                    <a:lnTo>
                      <a:pt x="2836" y="2539"/>
                    </a:lnTo>
                    <a:lnTo>
                      <a:pt x="2874" y="2545"/>
                    </a:lnTo>
                    <a:lnTo>
                      <a:pt x="2895" y="2548"/>
                    </a:lnTo>
                    <a:lnTo>
                      <a:pt x="2917" y="2549"/>
                    </a:lnTo>
                    <a:lnTo>
                      <a:pt x="2939" y="2548"/>
                    </a:lnTo>
                    <a:lnTo>
                      <a:pt x="2961" y="2545"/>
                    </a:lnTo>
                    <a:lnTo>
                      <a:pt x="2983" y="2544"/>
                    </a:lnTo>
                    <a:lnTo>
                      <a:pt x="3003" y="2543"/>
                    </a:lnTo>
                    <a:lnTo>
                      <a:pt x="3024" y="2543"/>
                    </a:lnTo>
                    <a:lnTo>
                      <a:pt x="3044" y="2545"/>
                    </a:lnTo>
                    <a:lnTo>
                      <a:pt x="3047" y="2554"/>
                    </a:lnTo>
                    <a:lnTo>
                      <a:pt x="3047" y="2562"/>
                    </a:lnTo>
                    <a:lnTo>
                      <a:pt x="3046" y="2572"/>
                    </a:lnTo>
                    <a:lnTo>
                      <a:pt x="3045" y="2582"/>
                    </a:lnTo>
                    <a:lnTo>
                      <a:pt x="3038" y="2601"/>
                    </a:lnTo>
                    <a:lnTo>
                      <a:pt x="3034" y="2618"/>
                    </a:lnTo>
                    <a:lnTo>
                      <a:pt x="3025" y="2627"/>
                    </a:lnTo>
                    <a:lnTo>
                      <a:pt x="3019" y="2636"/>
                    </a:lnTo>
                    <a:lnTo>
                      <a:pt x="3015" y="2644"/>
                    </a:lnTo>
                    <a:lnTo>
                      <a:pt x="3010" y="2653"/>
                    </a:lnTo>
                    <a:lnTo>
                      <a:pt x="3005" y="2661"/>
                    </a:lnTo>
                    <a:lnTo>
                      <a:pt x="2997" y="2667"/>
                    </a:lnTo>
                    <a:lnTo>
                      <a:pt x="2988" y="2675"/>
                    </a:lnTo>
                    <a:lnTo>
                      <a:pt x="2974" y="2681"/>
                    </a:lnTo>
                    <a:lnTo>
                      <a:pt x="2966" y="2684"/>
                    </a:lnTo>
                    <a:lnTo>
                      <a:pt x="2959" y="2688"/>
                    </a:lnTo>
                    <a:lnTo>
                      <a:pt x="2954" y="2690"/>
                    </a:lnTo>
                    <a:lnTo>
                      <a:pt x="2950" y="2694"/>
                    </a:lnTo>
                    <a:lnTo>
                      <a:pt x="2949" y="2697"/>
                    </a:lnTo>
                    <a:lnTo>
                      <a:pt x="2948" y="2701"/>
                    </a:lnTo>
                    <a:lnTo>
                      <a:pt x="2948" y="2703"/>
                    </a:lnTo>
                    <a:lnTo>
                      <a:pt x="2949" y="2707"/>
                    </a:lnTo>
                    <a:lnTo>
                      <a:pt x="2954" y="2714"/>
                    </a:lnTo>
                    <a:lnTo>
                      <a:pt x="2962" y="2721"/>
                    </a:lnTo>
                    <a:lnTo>
                      <a:pt x="2970" y="2728"/>
                    </a:lnTo>
                    <a:lnTo>
                      <a:pt x="2980" y="2737"/>
                    </a:lnTo>
                    <a:lnTo>
                      <a:pt x="3001" y="2753"/>
                    </a:lnTo>
                    <a:lnTo>
                      <a:pt x="3023" y="2768"/>
                    </a:lnTo>
                    <a:lnTo>
                      <a:pt x="3045" y="2781"/>
                    </a:lnTo>
                    <a:lnTo>
                      <a:pt x="3068" y="2795"/>
                    </a:lnTo>
                    <a:lnTo>
                      <a:pt x="3115" y="2820"/>
                    </a:lnTo>
                    <a:lnTo>
                      <a:pt x="3161" y="2845"/>
                    </a:lnTo>
                    <a:lnTo>
                      <a:pt x="3409" y="2981"/>
                    </a:lnTo>
                    <a:lnTo>
                      <a:pt x="3432" y="2995"/>
                    </a:lnTo>
                    <a:lnTo>
                      <a:pt x="3455" y="3010"/>
                    </a:lnTo>
                    <a:lnTo>
                      <a:pt x="3478" y="3027"/>
                    </a:lnTo>
                    <a:lnTo>
                      <a:pt x="3501" y="3044"/>
                    </a:lnTo>
                    <a:lnTo>
                      <a:pt x="3524" y="3061"/>
                    </a:lnTo>
                    <a:lnTo>
                      <a:pt x="3546" y="3076"/>
                    </a:lnTo>
                    <a:lnTo>
                      <a:pt x="3569" y="3091"/>
                    </a:lnTo>
                    <a:lnTo>
                      <a:pt x="3593" y="3102"/>
                    </a:lnTo>
                    <a:lnTo>
                      <a:pt x="3614" y="3113"/>
                    </a:lnTo>
                    <a:lnTo>
                      <a:pt x="3633" y="3123"/>
                    </a:lnTo>
                    <a:lnTo>
                      <a:pt x="3651" y="3135"/>
                    </a:lnTo>
                    <a:lnTo>
                      <a:pt x="3668" y="3145"/>
                    </a:lnTo>
                    <a:lnTo>
                      <a:pt x="3683" y="3158"/>
                    </a:lnTo>
                    <a:lnTo>
                      <a:pt x="3699" y="3171"/>
                    </a:lnTo>
                    <a:lnTo>
                      <a:pt x="3713" y="3184"/>
                    </a:lnTo>
                    <a:lnTo>
                      <a:pt x="3728" y="3198"/>
                    </a:lnTo>
                    <a:lnTo>
                      <a:pt x="3740" y="3212"/>
                    </a:lnTo>
                    <a:lnTo>
                      <a:pt x="3753" y="3228"/>
                    </a:lnTo>
                    <a:lnTo>
                      <a:pt x="3765" y="3244"/>
                    </a:lnTo>
                    <a:lnTo>
                      <a:pt x="3775" y="3260"/>
                    </a:lnTo>
                    <a:lnTo>
                      <a:pt x="3797" y="3295"/>
                    </a:lnTo>
                    <a:lnTo>
                      <a:pt x="3818" y="3334"/>
                    </a:lnTo>
                    <a:lnTo>
                      <a:pt x="3822" y="3345"/>
                    </a:lnTo>
                    <a:lnTo>
                      <a:pt x="3826" y="3355"/>
                    </a:lnTo>
                    <a:lnTo>
                      <a:pt x="3827" y="3365"/>
                    </a:lnTo>
                    <a:lnTo>
                      <a:pt x="3827" y="3374"/>
                    </a:lnTo>
                    <a:lnTo>
                      <a:pt x="3827" y="3383"/>
                    </a:lnTo>
                    <a:lnTo>
                      <a:pt x="3825" y="3391"/>
                    </a:lnTo>
                    <a:lnTo>
                      <a:pt x="3822" y="3399"/>
                    </a:lnTo>
                    <a:lnTo>
                      <a:pt x="3820" y="3408"/>
                    </a:lnTo>
                    <a:lnTo>
                      <a:pt x="3813" y="3424"/>
                    </a:lnTo>
                    <a:lnTo>
                      <a:pt x="3807" y="3440"/>
                    </a:lnTo>
                    <a:lnTo>
                      <a:pt x="3804" y="3449"/>
                    </a:lnTo>
                    <a:lnTo>
                      <a:pt x="3801" y="3457"/>
                    </a:lnTo>
                    <a:lnTo>
                      <a:pt x="3800" y="3468"/>
                    </a:lnTo>
                    <a:lnTo>
                      <a:pt x="3799" y="3478"/>
                    </a:lnTo>
                    <a:lnTo>
                      <a:pt x="3801" y="3501"/>
                    </a:lnTo>
                    <a:lnTo>
                      <a:pt x="3801" y="3518"/>
                    </a:lnTo>
                    <a:lnTo>
                      <a:pt x="3801" y="3522"/>
                    </a:lnTo>
                    <a:lnTo>
                      <a:pt x="3800" y="3525"/>
                    </a:lnTo>
                    <a:lnTo>
                      <a:pt x="3797" y="3526"/>
                    </a:lnTo>
                    <a:lnTo>
                      <a:pt x="3794" y="3527"/>
                    </a:lnTo>
                    <a:lnTo>
                      <a:pt x="3790" y="3529"/>
                    </a:lnTo>
                    <a:lnTo>
                      <a:pt x="3785" y="3529"/>
                    </a:lnTo>
                    <a:lnTo>
                      <a:pt x="3778" y="3527"/>
                    </a:lnTo>
                    <a:lnTo>
                      <a:pt x="3769" y="3526"/>
                    </a:lnTo>
                    <a:lnTo>
                      <a:pt x="3759" y="3522"/>
                    </a:lnTo>
                    <a:lnTo>
                      <a:pt x="3750" y="3518"/>
                    </a:lnTo>
                    <a:lnTo>
                      <a:pt x="3740" y="3513"/>
                    </a:lnTo>
                    <a:lnTo>
                      <a:pt x="3733" y="3508"/>
                    </a:lnTo>
                    <a:lnTo>
                      <a:pt x="3725" y="3503"/>
                    </a:lnTo>
                    <a:lnTo>
                      <a:pt x="3720" y="3496"/>
                    </a:lnTo>
                    <a:lnTo>
                      <a:pt x="3713" y="3488"/>
                    </a:lnTo>
                    <a:lnTo>
                      <a:pt x="3709" y="3482"/>
                    </a:lnTo>
                    <a:lnTo>
                      <a:pt x="3702" y="3466"/>
                    </a:lnTo>
                    <a:lnTo>
                      <a:pt x="3695" y="3449"/>
                    </a:lnTo>
                    <a:lnTo>
                      <a:pt x="3690" y="3433"/>
                    </a:lnTo>
                    <a:lnTo>
                      <a:pt x="3686" y="3415"/>
                    </a:lnTo>
                    <a:lnTo>
                      <a:pt x="3682" y="3398"/>
                    </a:lnTo>
                    <a:lnTo>
                      <a:pt x="3677" y="3381"/>
                    </a:lnTo>
                    <a:lnTo>
                      <a:pt x="3672" y="3365"/>
                    </a:lnTo>
                    <a:lnTo>
                      <a:pt x="3665" y="3351"/>
                    </a:lnTo>
                    <a:lnTo>
                      <a:pt x="3660" y="3346"/>
                    </a:lnTo>
                    <a:lnTo>
                      <a:pt x="3656" y="3339"/>
                    </a:lnTo>
                    <a:lnTo>
                      <a:pt x="3650" y="3334"/>
                    </a:lnTo>
                    <a:lnTo>
                      <a:pt x="3643" y="3329"/>
                    </a:lnTo>
                    <a:lnTo>
                      <a:pt x="3637" y="3325"/>
                    </a:lnTo>
                    <a:lnTo>
                      <a:pt x="3629" y="3323"/>
                    </a:lnTo>
                    <a:lnTo>
                      <a:pt x="3620" y="3320"/>
                    </a:lnTo>
                    <a:lnTo>
                      <a:pt x="3610" y="3319"/>
                    </a:lnTo>
                    <a:lnTo>
                      <a:pt x="3593" y="3317"/>
                    </a:lnTo>
                    <a:lnTo>
                      <a:pt x="3564" y="3316"/>
                    </a:lnTo>
                    <a:lnTo>
                      <a:pt x="3529" y="3312"/>
                    </a:lnTo>
                    <a:lnTo>
                      <a:pt x="3490" y="3308"/>
                    </a:lnTo>
                    <a:lnTo>
                      <a:pt x="3472" y="3304"/>
                    </a:lnTo>
                    <a:lnTo>
                      <a:pt x="3454" y="3301"/>
                    </a:lnTo>
                    <a:lnTo>
                      <a:pt x="3439" y="3295"/>
                    </a:lnTo>
                    <a:lnTo>
                      <a:pt x="3424" y="3289"/>
                    </a:lnTo>
                    <a:lnTo>
                      <a:pt x="3419" y="3286"/>
                    </a:lnTo>
                    <a:lnTo>
                      <a:pt x="3414" y="3282"/>
                    </a:lnTo>
                    <a:lnTo>
                      <a:pt x="3409" y="3278"/>
                    </a:lnTo>
                    <a:lnTo>
                      <a:pt x="3405" y="3275"/>
                    </a:lnTo>
                    <a:lnTo>
                      <a:pt x="3404" y="3271"/>
                    </a:lnTo>
                    <a:lnTo>
                      <a:pt x="3401" y="3266"/>
                    </a:lnTo>
                    <a:lnTo>
                      <a:pt x="3401" y="3260"/>
                    </a:lnTo>
                    <a:lnTo>
                      <a:pt x="3402" y="3255"/>
                    </a:lnTo>
                    <a:lnTo>
                      <a:pt x="3406" y="3244"/>
                    </a:lnTo>
                    <a:lnTo>
                      <a:pt x="3409" y="3234"/>
                    </a:lnTo>
                    <a:lnTo>
                      <a:pt x="3410" y="3228"/>
                    </a:lnTo>
                    <a:lnTo>
                      <a:pt x="3409" y="3224"/>
                    </a:lnTo>
                    <a:lnTo>
                      <a:pt x="3405" y="3221"/>
                    </a:lnTo>
                    <a:lnTo>
                      <a:pt x="3398" y="3220"/>
                    </a:lnTo>
                    <a:lnTo>
                      <a:pt x="3387" y="3220"/>
                    </a:lnTo>
                    <a:lnTo>
                      <a:pt x="3371" y="3220"/>
                    </a:lnTo>
                    <a:lnTo>
                      <a:pt x="3358" y="3220"/>
                    </a:lnTo>
                    <a:lnTo>
                      <a:pt x="3348" y="3221"/>
                    </a:lnTo>
                    <a:lnTo>
                      <a:pt x="3338" y="3224"/>
                    </a:lnTo>
                    <a:lnTo>
                      <a:pt x="3327" y="3227"/>
                    </a:lnTo>
                    <a:lnTo>
                      <a:pt x="3318" y="3231"/>
                    </a:lnTo>
                    <a:lnTo>
                      <a:pt x="3309" y="3236"/>
                    </a:lnTo>
                    <a:lnTo>
                      <a:pt x="3300" y="3242"/>
                    </a:lnTo>
                    <a:lnTo>
                      <a:pt x="3292" y="3251"/>
                    </a:lnTo>
                    <a:lnTo>
                      <a:pt x="3268" y="3280"/>
                    </a:lnTo>
                    <a:lnTo>
                      <a:pt x="3246" y="3307"/>
                    </a:lnTo>
                    <a:lnTo>
                      <a:pt x="3226" y="3335"/>
                    </a:lnTo>
                    <a:lnTo>
                      <a:pt x="3208" y="3365"/>
                    </a:lnTo>
                    <a:lnTo>
                      <a:pt x="3191" y="3394"/>
                    </a:lnTo>
                    <a:lnTo>
                      <a:pt x="3176" y="3425"/>
                    </a:lnTo>
                    <a:lnTo>
                      <a:pt x="3159" y="3457"/>
                    </a:lnTo>
                    <a:lnTo>
                      <a:pt x="3143" y="3490"/>
                    </a:lnTo>
                    <a:lnTo>
                      <a:pt x="3142" y="3519"/>
                    </a:lnTo>
                    <a:lnTo>
                      <a:pt x="3145" y="3544"/>
                    </a:lnTo>
                    <a:lnTo>
                      <a:pt x="3146" y="3556"/>
                    </a:lnTo>
                    <a:lnTo>
                      <a:pt x="3148" y="3565"/>
                    </a:lnTo>
                    <a:lnTo>
                      <a:pt x="3152" y="3574"/>
                    </a:lnTo>
                    <a:lnTo>
                      <a:pt x="3156" y="3583"/>
                    </a:lnTo>
                    <a:lnTo>
                      <a:pt x="3161" y="3591"/>
                    </a:lnTo>
                    <a:lnTo>
                      <a:pt x="3168" y="3597"/>
                    </a:lnTo>
                    <a:lnTo>
                      <a:pt x="3176" y="3604"/>
                    </a:lnTo>
                    <a:lnTo>
                      <a:pt x="3185" y="3610"/>
                    </a:lnTo>
                    <a:lnTo>
                      <a:pt x="3195" y="3615"/>
                    </a:lnTo>
                    <a:lnTo>
                      <a:pt x="3207" y="3620"/>
                    </a:lnTo>
                    <a:lnTo>
                      <a:pt x="3220" y="3624"/>
                    </a:lnTo>
                    <a:lnTo>
                      <a:pt x="3234" y="3630"/>
                    </a:lnTo>
                    <a:lnTo>
                      <a:pt x="3242" y="3632"/>
                    </a:lnTo>
                    <a:lnTo>
                      <a:pt x="3251" y="3635"/>
                    </a:lnTo>
                    <a:lnTo>
                      <a:pt x="3259" y="3640"/>
                    </a:lnTo>
                    <a:lnTo>
                      <a:pt x="3266" y="3645"/>
                    </a:lnTo>
                    <a:lnTo>
                      <a:pt x="3283" y="3657"/>
                    </a:lnTo>
                    <a:lnTo>
                      <a:pt x="3299" y="3670"/>
                    </a:lnTo>
                    <a:lnTo>
                      <a:pt x="3331" y="3697"/>
                    </a:lnTo>
                    <a:lnTo>
                      <a:pt x="3360" y="3722"/>
                    </a:lnTo>
                    <a:lnTo>
                      <a:pt x="3361" y="3724"/>
                    </a:lnTo>
                    <a:lnTo>
                      <a:pt x="3364" y="3727"/>
                    </a:lnTo>
                    <a:lnTo>
                      <a:pt x="3365" y="3732"/>
                    </a:lnTo>
                    <a:lnTo>
                      <a:pt x="3366" y="3736"/>
                    </a:lnTo>
                    <a:lnTo>
                      <a:pt x="3367" y="3747"/>
                    </a:lnTo>
                    <a:lnTo>
                      <a:pt x="3367" y="3760"/>
                    </a:lnTo>
                    <a:lnTo>
                      <a:pt x="3366" y="3785"/>
                    </a:lnTo>
                    <a:lnTo>
                      <a:pt x="3365" y="3804"/>
                    </a:lnTo>
                    <a:lnTo>
                      <a:pt x="3366" y="3830"/>
                    </a:lnTo>
                    <a:lnTo>
                      <a:pt x="3366" y="3867"/>
                    </a:lnTo>
                    <a:lnTo>
                      <a:pt x="3366" y="3886"/>
                    </a:lnTo>
                    <a:lnTo>
                      <a:pt x="3366" y="3902"/>
                    </a:lnTo>
                    <a:lnTo>
                      <a:pt x="3365" y="3908"/>
                    </a:lnTo>
                    <a:lnTo>
                      <a:pt x="3364" y="3915"/>
                    </a:lnTo>
                    <a:lnTo>
                      <a:pt x="3361" y="3918"/>
                    </a:lnTo>
                    <a:lnTo>
                      <a:pt x="3360" y="3921"/>
                    </a:lnTo>
                    <a:lnTo>
                      <a:pt x="3307" y="3956"/>
                    </a:lnTo>
                    <a:lnTo>
                      <a:pt x="3305" y="3957"/>
                    </a:lnTo>
                    <a:lnTo>
                      <a:pt x="3303" y="3956"/>
                    </a:lnTo>
                    <a:lnTo>
                      <a:pt x="3301" y="3955"/>
                    </a:lnTo>
                    <a:lnTo>
                      <a:pt x="3299" y="3952"/>
                    </a:lnTo>
                    <a:lnTo>
                      <a:pt x="3294" y="3947"/>
                    </a:lnTo>
                    <a:lnTo>
                      <a:pt x="3288" y="3939"/>
                    </a:lnTo>
                    <a:lnTo>
                      <a:pt x="3283" y="3931"/>
                    </a:lnTo>
                    <a:lnTo>
                      <a:pt x="3278" y="3924"/>
                    </a:lnTo>
                    <a:lnTo>
                      <a:pt x="3273" y="3918"/>
                    </a:lnTo>
                    <a:lnTo>
                      <a:pt x="3268" y="3915"/>
                    </a:lnTo>
                    <a:lnTo>
                      <a:pt x="3262" y="3913"/>
                    </a:lnTo>
                    <a:lnTo>
                      <a:pt x="3256" y="3913"/>
                    </a:lnTo>
                    <a:lnTo>
                      <a:pt x="3251" y="3913"/>
                    </a:lnTo>
                    <a:lnTo>
                      <a:pt x="3244" y="3915"/>
                    </a:lnTo>
                    <a:lnTo>
                      <a:pt x="3230" y="3920"/>
                    </a:lnTo>
                    <a:lnTo>
                      <a:pt x="3217" y="3927"/>
                    </a:lnTo>
                    <a:lnTo>
                      <a:pt x="3204" y="3935"/>
                    </a:lnTo>
                    <a:lnTo>
                      <a:pt x="3193" y="3946"/>
                    </a:lnTo>
                    <a:lnTo>
                      <a:pt x="3183" y="3955"/>
                    </a:lnTo>
                    <a:lnTo>
                      <a:pt x="3176" y="3964"/>
                    </a:lnTo>
                    <a:lnTo>
                      <a:pt x="3168" y="3979"/>
                    </a:lnTo>
                    <a:lnTo>
                      <a:pt x="3161" y="3995"/>
                    </a:lnTo>
                    <a:lnTo>
                      <a:pt x="3158" y="4009"/>
                    </a:lnTo>
                    <a:lnTo>
                      <a:pt x="3155" y="4025"/>
                    </a:lnTo>
                    <a:lnTo>
                      <a:pt x="3152" y="4057"/>
                    </a:lnTo>
                    <a:lnTo>
                      <a:pt x="3154" y="4092"/>
                    </a:lnTo>
                    <a:lnTo>
                      <a:pt x="3154" y="4100"/>
                    </a:lnTo>
                    <a:lnTo>
                      <a:pt x="3154" y="4111"/>
                    </a:lnTo>
                    <a:lnTo>
                      <a:pt x="3152" y="4126"/>
                    </a:lnTo>
                    <a:lnTo>
                      <a:pt x="3151" y="4141"/>
                    </a:lnTo>
                    <a:lnTo>
                      <a:pt x="3147" y="4171"/>
                    </a:lnTo>
                    <a:lnTo>
                      <a:pt x="3143" y="4192"/>
                    </a:lnTo>
                    <a:lnTo>
                      <a:pt x="3142" y="4196"/>
                    </a:lnTo>
                    <a:lnTo>
                      <a:pt x="3139" y="4200"/>
                    </a:lnTo>
                    <a:lnTo>
                      <a:pt x="3135" y="4202"/>
                    </a:lnTo>
                    <a:lnTo>
                      <a:pt x="3132" y="4205"/>
                    </a:lnTo>
                    <a:lnTo>
                      <a:pt x="3123" y="4209"/>
                    </a:lnTo>
                    <a:lnTo>
                      <a:pt x="3112" y="4210"/>
                    </a:lnTo>
                    <a:lnTo>
                      <a:pt x="3101" y="4211"/>
                    </a:lnTo>
                    <a:lnTo>
                      <a:pt x="3089" y="4214"/>
                    </a:lnTo>
                    <a:lnTo>
                      <a:pt x="3084" y="4215"/>
                    </a:lnTo>
                    <a:lnTo>
                      <a:pt x="3078" y="4218"/>
                    </a:lnTo>
                    <a:lnTo>
                      <a:pt x="3075" y="4219"/>
                    </a:lnTo>
                    <a:lnTo>
                      <a:pt x="3071" y="4223"/>
                    </a:lnTo>
                    <a:lnTo>
                      <a:pt x="3054" y="4238"/>
                    </a:lnTo>
                    <a:lnTo>
                      <a:pt x="3038" y="4257"/>
                    </a:lnTo>
                    <a:lnTo>
                      <a:pt x="3023" y="4276"/>
                    </a:lnTo>
                    <a:lnTo>
                      <a:pt x="3009" y="4295"/>
                    </a:lnTo>
                    <a:lnTo>
                      <a:pt x="2997" y="4317"/>
                    </a:lnTo>
                    <a:lnTo>
                      <a:pt x="2987" y="4339"/>
                    </a:lnTo>
                    <a:lnTo>
                      <a:pt x="2981" y="4350"/>
                    </a:lnTo>
                    <a:lnTo>
                      <a:pt x="2977" y="4361"/>
                    </a:lnTo>
                    <a:lnTo>
                      <a:pt x="2975" y="4373"/>
                    </a:lnTo>
                    <a:lnTo>
                      <a:pt x="2972" y="4385"/>
                    </a:lnTo>
                    <a:lnTo>
                      <a:pt x="2971" y="4389"/>
                    </a:lnTo>
                    <a:lnTo>
                      <a:pt x="2968" y="4394"/>
                    </a:lnTo>
                    <a:lnTo>
                      <a:pt x="2964" y="4396"/>
                    </a:lnTo>
                    <a:lnTo>
                      <a:pt x="2959" y="4399"/>
                    </a:lnTo>
                    <a:lnTo>
                      <a:pt x="2948" y="4403"/>
                    </a:lnTo>
                    <a:lnTo>
                      <a:pt x="2935" y="4404"/>
                    </a:lnTo>
                    <a:lnTo>
                      <a:pt x="2906" y="4404"/>
                    </a:lnTo>
                    <a:lnTo>
                      <a:pt x="2883" y="4403"/>
                    </a:lnTo>
                    <a:lnTo>
                      <a:pt x="2865" y="4403"/>
                    </a:lnTo>
                    <a:lnTo>
                      <a:pt x="2850" y="4402"/>
                    </a:lnTo>
                    <a:lnTo>
                      <a:pt x="2838" y="4399"/>
                    </a:lnTo>
                    <a:lnTo>
                      <a:pt x="2828" y="4394"/>
                    </a:lnTo>
                    <a:lnTo>
                      <a:pt x="2825" y="4391"/>
                    </a:lnTo>
                    <a:lnTo>
                      <a:pt x="2821" y="4387"/>
                    </a:lnTo>
                    <a:lnTo>
                      <a:pt x="2817" y="4383"/>
                    </a:lnTo>
                    <a:lnTo>
                      <a:pt x="2813" y="4378"/>
                    </a:lnTo>
                    <a:lnTo>
                      <a:pt x="2806" y="4365"/>
                    </a:lnTo>
                    <a:lnTo>
                      <a:pt x="2800" y="4350"/>
                    </a:lnTo>
                    <a:lnTo>
                      <a:pt x="2799" y="4341"/>
                    </a:lnTo>
                    <a:lnTo>
                      <a:pt x="2797" y="4333"/>
                    </a:lnTo>
                    <a:lnTo>
                      <a:pt x="2797" y="4324"/>
                    </a:lnTo>
                    <a:lnTo>
                      <a:pt x="2797" y="4316"/>
                    </a:lnTo>
                    <a:lnTo>
                      <a:pt x="2800" y="4301"/>
                    </a:lnTo>
                    <a:lnTo>
                      <a:pt x="2801" y="4282"/>
                    </a:lnTo>
                    <a:lnTo>
                      <a:pt x="2801" y="4277"/>
                    </a:lnTo>
                    <a:lnTo>
                      <a:pt x="2800" y="4268"/>
                    </a:lnTo>
                    <a:lnTo>
                      <a:pt x="2800" y="4264"/>
                    </a:lnTo>
                    <a:lnTo>
                      <a:pt x="2800" y="4260"/>
                    </a:lnTo>
                    <a:lnTo>
                      <a:pt x="2801" y="4257"/>
                    </a:lnTo>
                    <a:lnTo>
                      <a:pt x="2803" y="4255"/>
                    </a:lnTo>
                    <a:lnTo>
                      <a:pt x="2804" y="4254"/>
                    </a:lnTo>
                    <a:lnTo>
                      <a:pt x="2810" y="4254"/>
                    </a:lnTo>
                    <a:lnTo>
                      <a:pt x="2817" y="4251"/>
                    </a:lnTo>
                    <a:lnTo>
                      <a:pt x="2823" y="4249"/>
                    </a:lnTo>
                    <a:lnTo>
                      <a:pt x="2830" y="4245"/>
                    </a:lnTo>
                    <a:lnTo>
                      <a:pt x="2841" y="4235"/>
                    </a:lnTo>
                    <a:lnTo>
                      <a:pt x="2853" y="4223"/>
                    </a:lnTo>
                    <a:lnTo>
                      <a:pt x="2874" y="4196"/>
                    </a:lnTo>
                    <a:lnTo>
                      <a:pt x="2891" y="4174"/>
                    </a:lnTo>
                    <a:lnTo>
                      <a:pt x="2905" y="4163"/>
                    </a:lnTo>
                    <a:lnTo>
                      <a:pt x="2915" y="4154"/>
                    </a:lnTo>
                    <a:lnTo>
                      <a:pt x="2918" y="4150"/>
                    </a:lnTo>
                    <a:lnTo>
                      <a:pt x="2919" y="4146"/>
                    </a:lnTo>
                    <a:lnTo>
                      <a:pt x="2920" y="4143"/>
                    </a:lnTo>
                    <a:lnTo>
                      <a:pt x="2920" y="4139"/>
                    </a:lnTo>
                    <a:lnTo>
                      <a:pt x="2918" y="4132"/>
                    </a:lnTo>
                    <a:lnTo>
                      <a:pt x="2913" y="4126"/>
                    </a:lnTo>
                    <a:lnTo>
                      <a:pt x="2906" y="4119"/>
                    </a:lnTo>
                    <a:lnTo>
                      <a:pt x="2898" y="4114"/>
                    </a:lnTo>
                    <a:lnTo>
                      <a:pt x="2882" y="4102"/>
                    </a:lnTo>
                    <a:lnTo>
                      <a:pt x="2867" y="4092"/>
                    </a:lnTo>
                    <a:lnTo>
                      <a:pt x="2865" y="4088"/>
                    </a:lnTo>
                    <a:lnTo>
                      <a:pt x="2863" y="4086"/>
                    </a:lnTo>
                    <a:lnTo>
                      <a:pt x="2862" y="4083"/>
                    </a:lnTo>
                    <a:lnTo>
                      <a:pt x="2862" y="4079"/>
                    </a:lnTo>
                    <a:lnTo>
                      <a:pt x="2862" y="4076"/>
                    </a:lnTo>
                    <a:lnTo>
                      <a:pt x="2863" y="4073"/>
                    </a:lnTo>
                    <a:lnTo>
                      <a:pt x="2866" y="4069"/>
                    </a:lnTo>
                    <a:lnTo>
                      <a:pt x="2870" y="4065"/>
                    </a:lnTo>
                    <a:lnTo>
                      <a:pt x="2892" y="4045"/>
                    </a:lnTo>
                    <a:lnTo>
                      <a:pt x="2917" y="4025"/>
                    </a:lnTo>
                    <a:lnTo>
                      <a:pt x="2931" y="4016"/>
                    </a:lnTo>
                    <a:lnTo>
                      <a:pt x="2944" y="4009"/>
                    </a:lnTo>
                    <a:lnTo>
                      <a:pt x="2957" y="4004"/>
                    </a:lnTo>
                    <a:lnTo>
                      <a:pt x="2970" y="4001"/>
                    </a:lnTo>
                    <a:lnTo>
                      <a:pt x="2997" y="4001"/>
                    </a:lnTo>
                    <a:lnTo>
                      <a:pt x="3018" y="4001"/>
                    </a:lnTo>
                    <a:lnTo>
                      <a:pt x="3021" y="4000"/>
                    </a:lnTo>
                    <a:lnTo>
                      <a:pt x="3025" y="3997"/>
                    </a:lnTo>
                    <a:lnTo>
                      <a:pt x="3028" y="3995"/>
                    </a:lnTo>
                    <a:lnTo>
                      <a:pt x="3031" y="3992"/>
                    </a:lnTo>
                    <a:lnTo>
                      <a:pt x="3033" y="3987"/>
                    </a:lnTo>
                    <a:lnTo>
                      <a:pt x="3036" y="3982"/>
                    </a:lnTo>
                    <a:lnTo>
                      <a:pt x="3037" y="3975"/>
                    </a:lnTo>
                    <a:lnTo>
                      <a:pt x="3038" y="3968"/>
                    </a:lnTo>
                    <a:lnTo>
                      <a:pt x="3040" y="3947"/>
                    </a:lnTo>
                    <a:lnTo>
                      <a:pt x="3038" y="3930"/>
                    </a:lnTo>
                    <a:lnTo>
                      <a:pt x="3038" y="3924"/>
                    </a:lnTo>
                    <a:lnTo>
                      <a:pt x="3036" y="3917"/>
                    </a:lnTo>
                    <a:lnTo>
                      <a:pt x="3034" y="3912"/>
                    </a:lnTo>
                    <a:lnTo>
                      <a:pt x="3032" y="3907"/>
                    </a:lnTo>
                    <a:lnTo>
                      <a:pt x="3024" y="3896"/>
                    </a:lnTo>
                    <a:lnTo>
                      <a:pt x="3015" y="3887"/>
                    </a:lnTo>
                    <a:lnTo>
                      <a:pt x="3005" y="3877"/>
                    </a:lnTo>
                    <a:lnTo>
                      <a:pt x="2990" y="3864"/>
                    </a:lnTo>
                    <a:lnTo>
                      <a:pt x="2983" y="3856"/>
                    </a:lnTo>
                    <a:lnTo>
                      <a:pt x="2977" y="3846"/>
                    </a:lnTo>
                    <a:lnTo>
                      <a:pt x="2972" y="3837"/>
                    </a:lnTo>
                    <a:lnTo>
                      <a:pt x="2971" y="3826"/>
                    </a:lnTo>
                    <a:lnTo>
                      <a:pt x="2970" y="3815"/>
                    </a:lnTo>
                    <a:lnTo>
                      <a:pt x="2970" y="3804"/>
                    </a:lnTo>
                    <a:lnTo>
                      <a:pt x="2971" y="3793"/>
                    </a:lnTo>
                    <a:lnTo>
                      <a:pt x="2971" y="3781"/>
                    </a:lnTo>
                    <a:lnTo>
                      <a:pt x="2974" y="3758"/>
                    </a:lnTo>
                    <a:lnTo>
                      <a:pt x="2974" y="3734"/>
                    </a:lnTo>
                    <a:lnTo>
                      <a:pt x="2972" y="3724"/>
                    </a:lnTo>
                    <a:lnTo>
                      <a:pt x="2968" y="3712"/>
                    </a:lnTo>
                    <a:lnTo>
                      <a:pt x="2963" y="3702"/>
                    </a:lnTo>
                    <a:lnTo>
                      <a:pt x="2955" y="3693"/>
                    </a:lnTo>
                    <a:lnTo>
                      <a:pt x="2933" y="3671"/>
                    </a:lnTo>
                    <a:lnTo>
                      <a:pt x="2913" y="3654"/>
                    </a:lnTo>
                    <a:lnTo>
                      <a:pt x="2902" y="3644"/>
                    </a:lnTo>
                    <a:lnTo>
                      <a:pt x="2893" y="3633"/>
                    </a:lnTo>
                    <a:lnTo>
                      <a:pt x="2884" y="3622"/>
                    </a:lnTo>
                    <a:lnTo>
                      <a:pt x="2878" y="3606"/>
                    </a:lnTo>
                    <a:lnTo>
                      <a:pt x="2875" y="3598"/>
                    </a:lnTo>
                    <a:lnTo>
                      <a:pt x="2873" y="3589"/>
                    </a:lnTo>
                    <a:lnTo>
                      <a:pt x="2873" y="3582"/>
                    </a:lnTo>
                    <a:lnTo>
                      <a:pt x="2873" y="3574"/>
                    </a:lnTo>
                    <a:lnTo>
                      <a:pt x="2875" y="3557"/>
                    </a:lnTo>
                    <a:lnTo>
                      <a:pt x="2879" y="3541"/>
                    </a:lnTo>
                    <a:lnTo>
                      <a:pt x="2883" y="3526"/>
                    </a:lnTo>
                    <a:lnTo>
                      <a:pt x="2885" y="3509"/>
                    </a:lnTo>
                    <a:lnTo>
                      <a:pt x="2885" y="3501"/>
                    </a:lnTo>
                    <a:lnTo>
                      <a:pt x="2885" y="3492"/>
                    </a:lnTo>
                    <a:lnTo>
                      <a:pt x="2884" y="3484"/>
                    </a:lnTo>
                    <a:lnTo>
                      <a:pt x="2882" y="3475"/>
                    </a:lnTo>
                    <a:lnTo>
                      <a:pt x="2880" y="3468"/>
                    </a:lnTo>
                    <a:lnTo>
                      <a:pt x="2878" y="3460"/>
                    </a:lnTo>
                    <a:lnTo>
                      <a:pt x="2874" y="3451"/>
                    </a:lnTo>
                    <a:lnTo>
                      <a:pt x="2869" y="3442"/>
                    </a:lnTo>
                    <a:lnTo>
                      <a:pt x="2862" y="3433"/>
                    </a:lnTo>
                    <a:lnTo>
                      <a:pt x="2854" y="3424"/>
                    </a:lnTo>
                    <a:lnTo>
                      <a:pt x="2847" y="3415"/>
                    </a:lnTo>
                    <a:lnTo>
                      <a:pt x="2839" y="3407"/>
                    </a:lnTo>
                    <a:lnTo>
                      <a:pt x="2830" y="3400"/>
                    </a:lnTo>
                    <a:lnTo>
                      <a:pt x="2821" y="3394"/>
                    </a:lnTo>
                    <a:lnTo>
                      <a:pt x="2812" y="3390"/>
                    </a:lnTo>
                    <a:lnTo>
                      <a:pt x="2803" y="3386"/>
                    </a:lnTo>
                    <a:lnTo>
                      <a:pt x="2793" y="3385"/>
                    </a:lnTo>
                    <a:lnTo>
                      <a:pt x="2784" y="3385"/>
                    </a:lnTo>
                    <a:lnTo>
                      <a:pt x="2775" y="3387"/>
                    </a:lnTo>
                    <a:lnTo>
                      <a:pt x="2768" y="3392"/>
                    </a:lnTo>
                    <a:lnTo>
                      <a:pt x="2740" y="3415"/>
                    </a:lnTo>
                    <a:lnTo>
                      <a:pt x="2725" y="3427"/>
                    </a:lnTo>
                    <a:lnTo>
                      <a:pt x="2720" y="3431"/>
                    </a:lnTo>
                    <a:lnTo>
                      <a:pt x="2716" y="3434"/>
                    </a:lnTo>
                    <a:lnTo>
                      <a:pt x="2713" y="3434"/>
                    </a:lnTo>
                    <a:lnTo>
                      <a:pt x="2711" y="3434"/>
                    </a:lnTo>
                    <a:lnTo>
                      <a:pt x="2705" y="3430"/>
                    </a:lnTo>
                    <a:lnTo>
                      <a:pt x="2698" y="3425"/>
                    </a:lnTo>
                    <a:lnTo>
                      <a:pt x="2691" y="3422"/>
                    </a:lnTo>
                    <a:lnTo>
                      <a:pt x="2683" y="3418"/>
                    </a:lnTo>
                    <a:lnTo>
                      <a:pt x="2672" y="3416"/>
                    </a:lnTo>
                    <a:lnTo>
                      <a:pt x="2659" y="3413"/>
                    </a:lnTo>
                    <a:lnTo>
                      <a:pt x="2659" y="3409"/>
                    </a:lnTo>
                    <a:lnTo>
                      <a:pt x="2660" y="3405"/>
                    </a:lnTo>
                    <a:lnTo>
                      <a:pt x="2661" y="3402"/>
                    </a:lnTo>
                    <a:lnTo>
                      <a:pt x="2664" y="3398"/>
                    </a:lnTo>
                    <a:lnTo>
                      <a:pt x="2665" y="3394"/>
                    </a:lnTo>
                    <a:lnTo>
                      <a:pt x="2667" y="3389"/>
                    </a:lnTo>
                    <a:lnTo>
                      <a:pt x="2667" y="3382"/>
                    </a:lnTo>
                    <a:lnTo>
                      <a:pt x="2665" y="3377"/>
                    </a:lnTo>
                    <a:lnTo>
                      <a:pt x="2660" y="3365"/>
                    </a:lnTo>
                    <a:lnTo>
                      <a:pt x="2650" y="3355"/>
                    </a:lnTo>
                    <a:lnTo>
                      <a:pt x="2641" y="3345"/>
                    </a:lnTo>
                    <a:lnTo>
                      <a:pt x="2632" y="3335"/>
                    </a:lnTo>
                    <a:lnTo>
                      <a:pt x="2626" y="3329"/>
                    </a:lnTo>
                    <a:lnTo>
                      <a:pt x="2620" y="3325"/>
                    </a:lnTo>
                    <a:lnTo>
                      <a:pt x="2612" y="3320"/>
                    </a:lnTo>
                    <a:lnTo>
                      <a:pt x="2604" y="3316"/>
                    </a:lnTo>
                    <a:lnTo>
                      <a:pt x="2586" y="3308"/>
                    </a:lnTo>
                    <a:lnTo>
                      <a:pt x="2569" y="3302"/>
                    </a:lnTo>
                    <a:lnTo>
                      <a:pt x="2562" y="3298"/>
                    </a:lnTo>
                    <a:lnTo>
                      <a:pt x="2555" y="3294"/>
                    </a:lnTo>
                    <a:lnTo>
                      <a:pt x="2550" y="3290"/>
                    </a:lnTo>
                    <a:lnTo>
                      <a:pt x="2546" y="3286"/>
                    </a:lnTo>
                    <a:lnTo>
                      <a:pt x="2543" y="3282"/>
                    </a:lnTo>
                    <a:lnTo>
                      <a:pt x="2543" y="3278"/>
                    </a:lnTo>
                    <a:lnTo>
                      <a:pt x="2546" y="3273"/>
                    </a:lnTo>
                    <a:lnTo>
                      <a:pt x="2551" y="3268"/>
                    </a:lnTo>
                    <a:lnTo>
                      <a:pt x="2558" y="3262"/>
                    </a:lnTo>
                    <a:lnTo>
                      <a:pt x="2564" y="3255"/>
                    </a:lnTo>
                    <a:lnTo>
                      <a:pt x="2568" y="3247"/>
                    </a:lnTo>
                    <a:lnTo>
                      <a:pt x="2571" y="3240"/>
                    </a:lnTo>
                    <a:lnTo>
                      <a:pt x="2572" y="3232"/>
                    </a:lnTo>
                    <a:lnTo>
                      <a:pt x="2572" y="3224"/>
                    </a:lnTo>
                    <a:lnTo>
                      <a:pt x="2571" y="3215"/>
                    </a:lnTo>
                    <a:lnTo>
                      <a:pt x="2568" y="3206"/>
                    </a:lnTo>
                    <a:lnTo>
                      <a:pt x="2559" y="3181"/>
                    </a:lnTo>
                    <a:lnTo>
                      <a:pt x="2547" y="3153"/>
                    </a:lnTo>
                    <a:lnTo>
                      <a:pt x="2540" y="3140"/>
                    </a:lnTo>
                    <a:lnTo>
                      <a:pt x="2531" y="3128"/>
                    </a:lnTo>
                    <a:lnTo>
                      <a:pt x="2525" y="3123"/>
                    </a:lnTo>
                    <a:lnTo>
                      <a:pt x="2520" y="3119"/>
                    </a:lnTo>
                    <a:lnTo>
                      <a:pt x="2515" y="3115"/>
                    </a:lnTo>
                    <a:lnTo>
                      <a:pt x="2508" y="3114"/>
                    </a:lnTo>
                    <a:lnTo>
                      <a:pt x="2499" y="3111"/>
                    </a:lnTo>
                    <a:lnTo>
                      <a:pt x="2490" y="3111"/>
                    </a:lnTo>
                    <a:lnTo>
                      <a:pt x="2481" y="3111"/>
                    </a:lnTo>
                    <a:lnTo>
                      <a:pt x="2472" y="3113"/>
                    </a:lnTo>
                    <a:lnTo>
                      <a:pt x="2454" y="3117"/>
                    </a:lnTo>
                    <a:lnTo>
                      <a:pt x="2437" y="3123"/>
                    </a:lnTo>
                    <a:lnTo>
                      <a:pt x="2419" y="3130"/>
                    </a:lnTo>
                    <a:lnTo>
                      <a:pt x="2402" y="3135"/>
                    </a:lnTo>
                    <a:lnTo>
                      <a:pt x="2384" y="3140"/>
                    </a:lnTo>
                    <a:lnTo>
                      <a:pt x="2367" y="3141"/>
                    </a:lnTo>
                    <a:lnTo>
                      <a:pt x="2367" y="3140"/>
                    </a:lnTo>
                    <a:lnTo>
                      <a:pt x="2367" y="3135"/>
                    </a:lnTo>
                    <a:lnTo>
                      <a:pt x="2370" y="3130"/>
                    </a:lnTo>
                    <a:lnTo>
                      <a:pt x="2374" y="3126"/>
                    </a:lnTo>
                    <a:lnTo>
                      <a:pt x="2379" y="3120"/>
                    </a:lnTo>
                    <a:lnTo>
                      <a:pt x="2391" y="3113"/>
                    </a:lnTo>
                    <a:lnTo>
                      <a:pt x="2405" y="3105"/>
                    </a:lnTo>
                    <a:lnTo>
                      <a:pt x="2416" y="3097"/>
                    </a:lnTo>
                    <a:lnTo>
                      <a:pt x="2427" y="3089"/>
                    </a:lnTo>
                    <a:lnTo>
                      <a:pt x="2429" y="3084"/>
                    </a:lnTo>
                    <a:lnTo>
                      <a:pt x="2431" y="3080"/>
                    </a:lnTo>
                    <a:lnTo>
                      <a:pt x="2429" y="3075"/>
                    </a:lnTo>
                    <a:lnTo>
                      <a:pt x="2427" y="3069"/>
                    </a:lnTo>
                    <a:lnTo>
                      <a:pt x="2420" y="3058"/>
                    </a:lnTo>
                    <a:lnTo>
                      <a:pt x="2413" y="3049"/>
                    </a:lnTo>
                    <a:lnTo>
                      <a:pt x="2405" y="3041"/>
                    </a:lnTo>
                    <a:lnTo>
                      <a:pt x="2398" y="3035"/>
                    </a:lnTo>
                    <a:lnTo>
                      <a:pt x="2391" y="3031"/>
                    </a:lnTo>
                    <a:lnTo>
                      <a:pt x="2383" y="3027"/>
                    </a:lnTo>
                    <a:lnTo>
                      <a:pt x="2375" y="3025"/>
                    </a:lnTo>
                    <a:lnTo>
                      <a:pt x="2367" y="3022"/>
                    </a:lnTo>
                    <a:lnTo>
                      <a:pt x="2350" y="3022"/>
                    </a:lnTo>
                    <a:lnTo>
                      <a:pt x="2332" y="3023"/>
                    </a:lnTo>
                    <a:lnTo>
                      <a:pt x="2313" y="3026"/>
                    </a:lnTo>
                    <a:lnTo>
                      <a:pt x="2292" y="3028"/>
                    </a:lnTo>
                    <a:lnTo>
                      <a:pt x="2287" y="3028"/>
                    </a:lnTo>
                    <a:lnTo>
                      <a:pt x="2283" y="3027"/>
                    </a:lnTo>
                    <a:lnTo>
                      <a:pt x="2280" y="3025"/>
                    </a:lnTo>
                    <a:lnTo>
                      <a:pt x="2278" y="3022"/>
                    </a:lnTo>
                    <a:lnTo>
                      <a:pt x="2275" y="3014"/>
                    </a:lnTo>
                    <a:lnTo>
                      <a:pt x="2275" y="3005"/>
                    </a:lnTo>
                    <a:lnTo>
                      <a:pt x="2278" y="2983"/>
                    </a:lnTo>
                    <a:lnTo>
                      <a:pt x="2280" y="2965"/>
                    </a:lnTo>
                    <a:lnTo>
                      <a:pt x="2279" y="2960"/>
                    </a:lnTo>
                    <a:lnTo>
                      <a:pt x="2275" y="2956"/>
                    </a:lnTo>
                    <a:lnTo>
                      <a:pt x="2270" y="2951"/>
                    </a:lnTo>
                    <a:lnTo>
                      <a:pt x="2264" y="2946"/>
                    </a:lnTo>
                    <a:lnTo>
                      <a:pt x="2256" y="2940"/>
                    </a:lnTo>
                    <a:lnTo>
                      <a:pt x="2249" y="2934"/>
                    </a:lnTo>
                    <a:lnTo>
                      <a:pt x="2244" y="2927"/>
                    </a:lnTo>
                    <a:lnTo>
                      <a:pt x="2242" y="2920"/>
                    </a:lnTo>
                    <a:lnTo>
                      <a:pt x="2234" y="2900"/>
                    </a:lnTo>
                    <a:lnTo>
                      <a:pt x="2226" y="2882"/>
                    </a:lnTo>
                    <a:lnTo>
                      <a:pt x="2218" y="2865"/>
                    </a:lnTo>
                    <a:lnTo>
                      <a:pt x="2208" y="2850"/>
                    </a:lnTo>
                    <a:lnTo>
                      <a:pt x="2198" y="2837"/>
                    </a:lnTo>
                    <a:lnTo>
                      <a:pt x="2186" y="2824"/>
                    </a:lnTo>
                    <a:lnTo>
                      <a:pt x="2173" y="2813"/>
                    </a:lnTo>
                    <a:lnTo>
                      <a:pt x="2160" y="2804"/>
                    </a:lnTo>
                    <a:lnTo>
                      <a:pt x="2144" y="2795"/>
                    </a:lnTo>
                    <a:lnTo>
                      <a:pt x="2130" y="2789"/>
                    </a:lnTo>
                    <a:lnTo>
                      <a:pt x="2113" y="2784"/>
                    </a:lnTo>
                    <a:lnTo>
                      <a:pt x="2097" y="2780"/>
                    </a:lnTo>
                    <a:lnTo>
                      <a:pt x="2078" y="2777"/>
                    </a:lnTo>
                    <a:lnTo>
                      <a:pt x="2059" y="2776"/>
                    </a:lnTo>
                    <a:lnTo>
                      <a:pt x="2040" y="2776"/>
                    </a:lnTo>
                    <a:lnTo>
                      <a:pt x="2019" y="2778"/>
                    </a:lnTo>
                    <a:lnTo>
                      <a:pt x="2010" y="2781"/>
                    </a:lnTo>
                    <a:lnTo>
                      <a:pt x="1999" y="2785"/>
                    </a:lnTo>
                    <a:lnTo>
                      <a:pt x="1990" y="2793"/>
                    </a:lnTo>
                    <a:lnTo>
                      <a:pt x="1980" y="2799"/>
                    </a:lnTo>
                    <a:lnTo>
                      <a:pt x="1971" y="2807"/>
                    </a:lnTo>
                    <a:lnTo>
                      <a:pt x="1963" y="2812"/>
                    </a:lnTo>
                    <a:lnTo>
                      <a:pt x="1959" y="2813"/>
                    </a:lnTo>
                    <a:lnTo>
                      <a:pt x="1955" y="2815"/>
                    </a:lnTo>
                    <a:lnTo>
                      <a:pt x="1954" y="2815"/>
                    </a:lnTo>
                    <a:lnTo>
                      <a:pt x="1951" y="2815"/>
                    </a:lnTo>
                    <a:lnTo>
                      <a:pt x="1946" y="2810"/>
                    </a:lnTo>
                    <a:lnTo>
                      <a:pt x="1940" y="2802"/>
                    </a:lnTo>
                    <a:lnTo>
                      <a:pt x="1933" y="2791"/>
                    </a:lnTo>
                    <a:lnTo>
                      <a:pt x="1927" y="2780"/>
                    </a:lnTo>
                    <a:lnTo>
                      <a:pt x="1915" y="2758"/>
                    </a:lnTo>
                    <a:lnTo>
                      <a:pt x="1905" y="2741"/>
                    </a:lnTo>
                    <a:lnTo>
                      <a:pt x="1900" y="2733"/>
                    </a:lnTo>
                    <a:lnTo>
                      <a:pt x="1893" y="2727"/>
                    </a:lnTo>
                    <a:lnTo>
                      <a:pt x="1887" y="2720"/>
                    </a:lnTo>
                    <a:lnTo>
                      <a:pt x="1879" y="2714"/>
                    </a:lnTo>
                    <a:lnTo>
                      <a:pt x="1863" y="2703"/>
                    </a:lnTo>
                    <a:lnTo>
                      <a:pt x="1846" y="2692"/>
                    </a:lnTo>
                    <a:lnTo>
                      <a:pt x="1830" y="2681"/>
                    </a:lnTo>
                    <a:lnTo>
                      <a:pt x="1813" y="2668"/>
                    </a:lnTo>
                    <a:lnTo>
                      <a:pt x="1805" y="2662"/>
                    </a:lnTo>
                    <a:lnTo>
                      <a:pt x="1797" y="2655"/>
                    </a:lnTo>
                    <a:lnTo>
                      <a:pt x="1791" y="2648"/>
                    </a:lnTo>
                    <a:lnTo>
                      <a:pt x="1786" y="2639"/>
                    </a:lnTo>
                    <a:lnTo>
                      <a:pt x="1683" y="2479"/>
                    </a:lnTo>
                    <a:lnTo>
                      <a:pt x="1672" y="2462"/>
                    </a:lnTo>
                    <a:lnTo>
                      <a:pt x="1660" y="2448"/>
                    </a:lnTo>
                    <a:lnTo>
                      <a:pt x="1647" y="2434"/>
                    </a:lnTo>
                    <a:lnTo>
                      <a:pt x="1634" y="2421"/>
                    </a:lnTo>
                    <a:lnTo>
                      <a:pt x="1607" y="2398"/>
                    </a:lnTo>
                    <a:lnTo>
                      <a:pt x="1580" y="2374"/>
                    </a:lnTo>
                    <a:lnTo>
                      <a:pt x="1567" y="2363"/>
                    </a:lnTo>
                    <a:lnTo>
                      <a:pt x="1554" y="2350"/>
                    </a:lnTo>
                    <a:lnTo>
                      <a:pt x="1541" y="2337"/>
                    </a:lnTo>
                    <a:lnTo>
                      <a:pt x="1529" y="2324"/>
                    </a:lnTo>
                    <a:lnTo>
                      <a:pt x="1519" y="2308"/>
                    </a:lnTo>
                    <a:lnTo>
                      <a:pt x="1510" y="2293"/>
                    </a:lnTo>
                    <a:lnTo>
                      <a:pt x="1502" y="2275"/>
                    </a:lnTo>
                    <a:lnTo>
                      <a:pt x="1494" y="2255"/>
                    </a:lnTo>
                    <a:lnTo>
                      <a:pt x="1489" y="2246"/>
                    </a:lnTo>
                    <a:lnTo>
                      <a:pt x="1482" y="2236"/>
                    </a:lnTo>
                    <a:lnTo>
                      <a:pt x="1473" y="2225"/>
                    </a:lnTo>
                    <a:lnTo>
                      <a:pt x="1464" y="2215"/>
                    </a:lnTo>
                    <a:lnTo>
                      <a:pt x="1454" y="2206"/>
                    </a:lnTo>
                    <a:lnTo>
                      <a:pt x="1444" y="2199"/>
                    </a:lnTo>
                    <a:lnTo>
                      <a:pt x="1433" y="2193"/>
                    </a:lnTo>
                    <a:lnTo>
                      <a:pt x="1422" y="2190"/>
                    </a:lnTo>
                    <a:lnTo>
                      <a:pt x="1415" y="2190"/>
                    </a:lnTo>
                    <a:lnTo>
                      <a:pt x="1410" y="2190"/>
                    </a:lnTo>
                    <a:lnTo>
                      <a:pt x="1405" y="2192"/>
                    </a:lnTo>
                    <a:lnTo>
                      <a:pt x="1398" y="2193"/>
                    </a:lnTo>
                    <a:lnTo>
                      <a:pt x="1388" y="2197"/>
                    </a:lnTo>
                    <a:lnTo>
                      <a:pt x="1379" y="2201"/>
                    </a:lnTo>
                    <a:lnTo>
                      <a:pt x="1375" y="2202"/>
                    </a:lnTo>
                    <a:lnTo>
                      <a:pt x="1370" y="2203"/>
                    </a:lnTo>
                    <a:lnTo>
                      <a:pt x="1366" y="2203"/>
                    </a:lnTo>
                    <a:lnTo>
                      <a:pt x="1362" y="2202"/>
                    </a:lnTo>
                    <a:lnTo>
                      <a:pt x="1358" y="2201"/>
                    </a:lnTo>
                    <a:lnTo>
                      <a:pt x="1354" y="2197"/>
                    </a:lnTo>
                    <a:lnTo>
                      <a:pt x="1352" y="2192"/>
                    </a:lnTo>
                    <a:lnTo>
                      <a:pt x="1348" y="2185"/>
                    </a:lnTo>
                    <a:lnTo>
                      <a:pt x="1344" y="2177"/>
                    </a:lnTo>
                    <a:lnTo>
                      <a:pt x="1336" y="2166"/>
                    </a:lnTo>
                    <a:lnTo>
                      <a:pt x="1333" y="2161"/>
                    </a:lnTo>
                    <a:lnTo>
                      <a:pt x="1331" y="2155"/>
                    </a:lnTo>
                    <a:lnTo>
                      <a:pt x="1331" y="2151"/>
                    </a:lnTo>
                    <a:lnTo>
                      <a:pt x="1332" y="2149"/>
                    </a:lnTo>
                    <a:lnTo>
                      <a:pt x="1337" y="2148"/>
                    </a:lnTo>
                    <a:lnTo>
                      <a:pt x="1344" y="2146"/>
                    </a:lnTo>
                    <a:lnTo>
                      <a:pt x="1350" y="2146"/>
                    </a:lnTo>
                    <a:lnTo>
                      <a:pt x="1357" y="2146"/>
                    </a:lnTo>
                    <a:lnTo>
                      <a:pt x="1370" y="2148"/>
                    </a:lnTo>
                    <a:lnTo>
                      <a:pt x="1381" y="2145"/>
                    </a:lnTo>
                    <a:lnTo>
                      <a:pt x="1380" y="2135"/>
                    </a:lnTo>
                    <a:lnTo>
                      <a:pt x="1378" y="2123"/>
                    </a:lnTo>
                    <a:lnTo>
                      <a:pt x="1371" y="2113"/>
                    </a:lnTo>
                    <a:lnTo>
                      <a:pt x="1365" y="2101"/>
                    </a:lnTo>
                    <a:lnTo>
                      <a:pt x="1355" y="2091"/>
                    </a:lnTo>
                    <a:lnTo>
                      <a:pt x="1345" y="2079"/>
                    </a:lnTo>
                    <a:lnTo>
                      <a:pt x="1335" y="2069"/>
                    </a:lnTo>
                    <a:lnTo>
                      <a:pt x="1322" y="2058"/>
                    </a:lnTo>
                    <a:lnTo>
                      <a:pt x="1273" y="2019"/>
                    </a:lnTo>
                    <a:lnTo>
                      <a:pt x="1232" y="1990"/>
                    </a:lnTo>
                    <a:lnTo>
                      <a:pt x="1226" y="1982"/>
                    </a:lnTo>
                    <a:lnTo>
                      <a:pt x="1221" y="1973"/>
                    </a:lnTo>
                    <a:lnTo>
                      <a:pt x="1217" y="1964"/>
                    </a:lnTo>
                    <a:lnTo>
                      <a:pt x="1214" y="1955"/>
                    </a:lnTo>
                    <a:lnTo>
                      <a:pt x="1212" y="1946"/>
                    </a:lnTo>
                    <a:lnTo>
                      <a:pt x="1209" y="1938"/>
                    </a:lnTo>
                    <a:lnTo>
                      <a:pt x="1206" y="1931"/>
                    </a:lnTo>
                    <a:lnTo>
                      <a:pt x="1201" y="1926"/>
                    </a:lnTo>
                    <a:lnTo>
                      <a:pt x="1197" y="1925"/>
                    </a:lnTo>
                    <a:lnTo>
                      <a:pt x="1194" y="1925"/>
                    </a:lnTo>
                    <a:lnTo>
                      <a:pt x="1190" y="1925"/>
                    </a:lnTo>
                    <a:lnTo>
                      <a:pt x="1184" y="1926"/>
                    </a:lnTo>
                    <a:lnTo>
                      <a:pt x="1174" y="1930"/>
                    </a:lnTo>
                    <a:lnTo>
                      <a:pt x="1164" y="1933"/>
                    </a:lnTo>
                    <a:lnTo>
                      <a:pt x="1159" y="1934"/>
                    </a:lnTo>
                    <a:lnTo>
                      <a:pt x="1155" y="1934"/>
                    </a:lnTo>
                    <a:lnTo>
                      <a:pt x="1151" y="1934"/>
                    </a:lnTo>
                    <a:lnTo>
                      <a:pt x="1148" y="1933"/>
                    </a:lnTo>
                    <a:lnTo>
                      <a:pt x="1146" y="1930"/>
                    </a:lnTo>
                    <a:lnTo>
                      <a:pt x="1144" y="1925"/>
                    </a:lnTo>
                    <a:lnTo>
                      <a:pt x="1144" y="1918"/>
                    </a:lnTo>
                    <a:lnTo>
                      <a:pt x="1146" y="1911"/>
                    </a:lnTo>
                    <a:lnTo>
                      <a:pt x="1152" y="1887"/>
                    </a:lnTo>
                    <a:lnTo>
                      <a:pt x="1160" y="1868"/>
                    </a:lnTo>
                    <a:lnTo>
                      <a:pt x="1162" y="1857"/>
                    </a:lnTo>
                    <a:lnTo>
                      <a:pt x="1164" y="1847"/>
                    </a:lnTo>
                    <a:lnTo>
                      <a:pt x="1164" y="1834"/>
                    </a:lnTo>
                    <a:lnTo>
                      <a:pt x="1162" y="1820"/>
                    </a:lnTo>
                    <a:lnTo>
                      <a:pt x="1159" y="1804"/>
                    </a:lnTo>
                    <a:lnTo>
                      <a:pt x="1153" y="1790"/>
                    </a:lnTo>
                    <a:lnTo>
                      <a:pt x="1148" y="1776"/>
                    </a:lnTo>
                    <a:lnTo>
                      <a:pt x="1143" y="1762"/>
                    </a:lnTo>
                    <a:lnTo>
                      <a:pt x="1129" y="1733"/>
                    </a:lnTo>
                    <a:lnTo>
                      <a:pt x="1113" y="1706"/>
                    </a:lnTo>
                    <a:lnTo>
                      <a:pt x="1099" y="1679"/>
                    </a:lnTo>
                    <a:lnTo>
                      <a:pt x="1086" y="1650"/>
                    </a:lnTo>
                    <a:lnTo>
                      <a:pt x="1080" y="1636"/>
                    </a:lnTo>
                    <a:lnTo>
                      <a:pt x="1074" y="1622"/>
                    </a:lnTo>
                    <a:lnTo>
                      <a:pt x="1070" y="1607"/>
                    </a:lnTo>
                    <a:lnTo>
                      <a:pt x="1067" y="1593"/>
                    </a:lnTo>
                    <a:lnTo>
                      <a:pt x="1065" y="1567"/>
                    </a:lnTo>
                    <a:lnTo>
                      <a:pt x="1063" y="1527"/>
                    </a:lnTo>
                    <a:lnTo>
                      <a:pt x="1059" y="1504"/>
                    </a:lnTo>
                    <a:lnTo>
                      <a:pt x="1056" y="1478"/>
                    </a:lnTo>
                    <a:lnTo>
                      <a:pt x="1051" y="1452"/>
                    </a:lnTo>
                    <a:lnTo>
                      <a:pt x="1045" y="1427"/>
                    </a:lnTo>
                    <a:lnTo>
                      <a:pt x="1038" y="1403"/>
                    </a:lnTo>
                    <a:lnTo>
                      <a:pt x="1030" y="1381"/>
                    </a:lnTo>
                    <a:lnTo>
                      <a:pt x="1025" y="1370"/>
                    </a:lnTo>
                    <a:lnTo>
                      <a:pt x="1020" y="1361"/>
                    </a:lnTo>
                    <a:lnTo>
                      <a:pt x="1015" y="1353"/>
                    </a:lnTo>
                    <a:lnTo>
                      <a:pt x="1010" y="1346"/>
                    </a:lnTo>
                    <a:lnTo>
                      <a:pt x="1003" y="1341"/>
                    </a:lnTo>
                    <a:lnTo>
                      <a:pt x="997" y="1335"/>
                    </a:lnTo>
                    <a:lnTo>
                      <a:pt x="990" y="1331"/>
                    </a:lnTo>
                    <a:lnTo>
                      <a:pt x="982" y="1330"/>
                    </a:lnTo>
                    <a:lnTo>
                      <a:pt x="975" y="1330"/>
                    </a:lnTo>
                    <a:lnTo>
                      <a:pt x="967" y="1331"/>
                    </a:lnTo>
                    <a:lnTo>
                      <a:pt x="958" y="1334"/>
                    </a:lnTo>
                    <a:lnTo>
                      <a:pt x="949" y="1339"/>
                    </a:lnTo>
                    <a:lnTo>
                      <a:pt x="942" y="1342"/>
                    </a:lnTo>
                    <a:lnTo>
                      <a:pt x="937" y="1343"/>
                    </a:lnTo>
                    <a:lnTo>
                      <a:pt x="932" y="1342"/>
                    </a:lnTo>
                    <a:lnTo>
                      <a:pt x="927" y="1341"/>
                    </a:lnTo>
                    <a:lnTo>
                      <a:pt x="921" y="1338"/>
                    </a:lnTo>
                    <a:lnTo>
                      <a:pt x="916" y="1334"/>
                    </a:lnTo>
                    <a:lnTo>
                      <a:pt x="912" y="1329"/>
                    </a:lnTo>
                    <a:lnTo>
                      <a:pt x="907" y="1324"/>
                    </a:lnTo>
                    <a:lnTo>
                      <a:pt x="889" y="1302"/>
                    </a:lnTo>
                    <a:lnTo>
                      <a:pt x="875" y="1284"/>
                    </a:lnTo>
                    <a:lnTo>
                      <a:pt x="858" y="1264"/>
                    </a:lnTo>
                    <a:lnTo>
                      <a:pt x="835" y="1236"/>
                    </a:lnTo>
                    <a:lnTo>
                      <a:pt x="822" y="1223"/>
                    </a:lnTo>
                    <a:lnTo>
                      <a:pt x="810" y="1214"/>
                    </a:lnTo>
                    <a:lnTo>
                      <a:pt x="804" y="1211"/>
                    </a:lnTo>
                    <a:lnTo>
                      <a:pt x="798" y="1208"/>
                    </a:lnTo>
                    <a:lnTo>
                      <a:pt x="793" y="1208"/>
                    </a:lnTo>
                    <a:lnTo>
                      <a:pt x="788" y="1211"/>
                    </a:lnTo>
                    <a:lnTo>
                      <a:pt x="779" y="1215"/>
                    </a:lnTo>
                    <a:lnTo>
                      <a:pt x="773" y="1217"/>
                    </a:lnTo>
                    <a:lnTo>
                      <a:pt x="766" y="1219"/>
                    </a:lnTo>
                    <a:lnTo>
                      <a:pt x="760" y="1217"/>
                    </a:lnTo>
                    <a:lnTo>
                      <a:pt x="756" y="1216"/>
                    </a:lnTo>
                    <a:lnTo>
                      <a:pt x="750" y="1214"/>
                    </a:lnTo>
                    <a:lnTo>
                      <a:pt x="745" y="1210"/>
                    </a:lnTo>
                    <a:lnTo>
                      <a:pt x="741" y="1205"/>
                    </a:lnTo>
                    <a:lnTo>
                      <a:pt x="731" y="1194"/>
                    </a:lnTo>
                    <a:lnTo>
                      <a:pt x="718" y="1183"/>
                    </a:lnTo>
                    <a:lnTo>
                      <a:pt x="710" y="1177"/>
                    </a:lnTo>
                    <a:lnTo>
                      <a:pt x="701" y="1173"/>
                    </a:lnTo>
                    <a:lnTo>
                      <a:pt x="691" y="1168"/>
                    </a:lnTo>
                    <a:lnTo>
                      <a:pt x="679" y="1166"/>
                    </a:lnTo>
                    <a:lnTo>
                      <a:pt x="664" y="1163"/>
                    </a:lnTo>
                    <a:lnTo>
                      <a:pt x="647" y="1162"/>
                    </a:lnTo>
                    <a:lnTo>
                      <a:pt x="633" y="1162"/>
                    </a:lnTo>
                    <a:lnTo>
                      <a:pt x="617" y="1163"/>
                    </a:lnTo>
                    <a:lnTo>
                      <a:pt x="603" y="1166"/>
                    </a:lnTo>
                    <a:lnTo>
                      <a:pt x="589" y="1170"/>
                    </a:lnTo>
                    <a:lnTo>
                      <a:pt x="576" y="1173"/>
                    </a:lnTo>
                    <a:lnTo>
                      <a:pt x="561" y="1179"/>
                    </a:lnTo>
                    <a:lnTo>
                      <a:pt x="548" y="1185"/>
                    </a:lnTo>
                    <a:lnTo>
                      <a:pt x="535" y="1192"/>
                    </a:lnTo>
                    <a:lnTo>
                      <a:pt x="522" y="1199"/>
                    </a:lnTo>
                    <a:lnTo>
                      <a:pt x="511" y="1207"/>
                    </a:lnTo>
                    <a:lnTo>
                      <a:pt x="486" y="1224"/>
                    </a:lnTo>
                    <a:lnTo>
                      <a:pt x="463" y="1243"/>
                    </a:lnTo>
                    <a:lnTo>
                      <a:pt x="456" y="1249"/>
                    </a:lnTo>
                    <a:lnTo>
                      <a:pt x="450" y="1255"/>
                    </a:lnTo>
                    <a:lnTo>
                      <a:pt x="445" y="1262"/>
                    </a:lnTo>
                    <a:lnTo>
                      <a:pt x="440" y="1268"/>
                    </a:lnTo>
                    <a:lnTo>
                      <a:pt x="432" y="1284"/>
                    </a:lnTo>
                    <a:lnTo>
                      <a:pt x="424" y="1298"/>
                    </a:lnTo>
                    <a:lnTo>
                      <a:pt x="416" y="1312"/>
                    </a:lnTo>
                    <a:lnTo>
                      <a:pt x="408" y="1325"/>
                    </a:lnTo>
                    <a:lnTo>
                      <a:pt x="403" y="1330"/>
                    </a:lnTo>
                    <a:lnTo>
                      <a:pt x="398" y="1337"/>
                    </a:lnTo>
                    <a:lnTo>
                      <a:pt x="393" y="1341"/>
                    </a:lnTo>
                    <a:lnTo>
                      <a:pt x="388" y="1344"/>
                    </a:lnTo>
                    <a:lnTo>
                      <a:pt x="370" y="1353"/>
                    </a:lnTo>
                    <a:lnTo>
                      <a:pt x="345" y="1361"/>
                    </a:lnTo>
                    <a:lnTo>
                      <a:pt x="318" y="1369"/>
                    </a:lnTo>
                    <a:lnTo>
                      <a:pt x="288" y="1377"/>
                    </a:lnTo>
                    <a:lnTo>
                      <a:pt x="257" y="1383"/>
                    </a:lnTo>
                    <a:lnTo>
                      <a:pt x="228" y="1388"/>
                    </a:lnTo>
                    <a:lnTo>
                      <a:pt x="204" y="1391"/>
                    </a:lnTo>
                    <a:lnTo>
                      <a:pt x="186" y="1392"/>
                    </a:lnTo>
                    <a:lnTo>
                      <a:pt x="186" y="1392"/>
                    </a:lnTo>
                    <a:lnTo>
                      <a:pt x="179" y="1366"/>
                    </a:lnTo>
                    <a:lnTo>
                      <a:pt x="173" y="1338"/>
                    </a:lnTo>
                    <a:lnTo>
                      <a:pt x="171" y="1324"/>
                    </a:lnTo>
                    <a:lnTo>
                      <a:pt x="171" y="1309"/>
                    </a:lnTo>
                    <a:lnTo>
                      <a:pt x="171" y="1295"/>
                    </a:lnTo>
                    <a:lnTo>
                      <a:pt x="174" y="1284"/>
                    </a:lnTo>
                    <a:lnTo>
                      <a:pt x="180" y="1269"/>
                    </a:lnTo>
                    <a:lnTo>
                      <a:pt x="188" y="1258"/>
                    </a:lnTo>
                    <a:lnTo>
                      <a:pt x="191" y="1252"/>
                    </a:lnTo>
                    <a:lnTo>
                      <a:pt x="193" y="1246"/>
                    </a:lnTo>
                    <a:lnTo>
                      <a:pt x="196" y="1238"/>
                    </a:lnTo>
                    <a:lnTo>
                      <a:pt x="196" y="1230"/>
                    </a:lnTo>
                    <a:lnTo>
                      <a:pt x="195" y="1225"/>
                    </a:lnTo>
                    <a:lnTo>
                      <a:pt x="195" y="1220"/>
                    </a:lnTo>
                    <a:lnTo>
                      <a:pt x="192" y="1215"/>
                    </a:lnTo>
                    <a:lnTo>
                      <a:pt x="190" y="1211"/>
                    </a:lnTo>
                    <a:lnTo>
                      <a:pt x="183" y="1203"/>
                    </a:lnTo>
                    <a:lnTo>
                      <a:pt x="175" y="1195"/>
                    </a:lnTo>
                    <a:lnTo>
                      <a:pt x="165" y="1190"/>
                    </a:lnTo>
                    <a:lnTo>
                      <a:pt x="155" y="1185"/>
                    </a:lnTo>
                    <a:lnTo>
                      <a:pt x="143" y="1181"/>
                    </a:lnTo>
                    <a:lnTo>
                      <a:pt x="130" y="1177"/>
                    </a:lnTo>
                    <a:lnTo>
                      <a:pt x="105" y="1168"/>
                    </a:lnTo>
                    <a:lnTo>
                      <a:pt x="81" y="1160"/>
                    </a:lnTo>
                    <a:lnTo>
                      <a:pt x="70" y="1154"/>
                    </a:lnTo>
                    <a:lnTo>
                      <a:pt x="61" y="1149"/>
                    </a:lnTo>
                    <a:lnTo>
                      <a:pt x="54" y="1141"/>
                    </a:lnTo>
                    <a:lnTo>
                      <a:pt x="47" y="1133"/>
                    </a:lnTo>
                    <a:lnTo>
                      <a:pt x="41" y="1116"/>
                    </a:lnTo>
                    <a:lnTo>
                      <a:pt x="35" y="1100"/>
                    </a:lnTo>
                    <a:lnTo>
                      <a:pt x="33" y="1083"/>
                    </a:lnTo>
                    <a:lnTo>
                      <a:pt x="30" y="1066"/>
                    </a:lnTo>
                    <a:lnTo>
                      <a:pt x="29" y="1048"/>
                    </a:lnTo>
                    <a:lnTo>
                      <a:pt x="28" y="1031"/>
                    </a:lnTo>
                    <a:lnTo>
                      <a:pt x="25" y="1014"/>
                    </a:lnTo>
                    <a:lnTo>
                      <a:pt x="21" y="997"/>
                    </a:lnTo>
                    <a:lnTo>
                      <a:pt x="19" y="984"/>
                    </a:lnTo>
                    <a:lnTo>
                      <a:pt x="17" y="974"/>
                    </a:lnTo>
                    <a:lnTo>
                      <a:pt x="17" y="964"/>
                    </a:lnTo>
                    <a:lnTo>
                      <a:pt x="19" y="955"/>
                    </a:lnTo>
                    <a:lnTo>
                      <a:pt x="21" y="948"/>
                    </a:lnTo>
                    <a:lnTo>
                      <a:pt x="25" y="940"/>
                    </a:lnTo>
                    <a:lnTo>
                      <a:pt x="30" y="935"/>
                    </a:lnTo>
                    <a:lnTo>
                      <a:pt x="35" y="929"/>
                    </a:lnTo>
                    <a:lnTo>
                      <a:pt x="47" y="918"/>
                    </a:lnTo>
                    <a:lnTo>
                      <a:pt x="60" y="907"/>
                    </a:lnTo>
                    <a:lnTo>
                      <a:pt x="66" y="901"/>
                    </a:lnTo>
                    <a:lnTo>
                      <a:pt x="73" y="895"/>
                    </a:lnTo>
                    <a:lnTo>
                      <a:pt x="79" y="887"/>
                    </a:lnTo>
                    <a:lnTo>
                      <a:pt x="85" y="879"/>
                    </a:lnTo>
                    <a:lnTo>
                      <a:pt x="85" y="863"/>
                    </a:lnTo>
                    <a:lnTo>
                      <a:pt x="82" y="848"/>
                    </a:lnTo>
                    <a:lnTo>
                      <a:pt x="78" y="838"/>
                    </a:lnTo>
                    <a:lnTo>
                      <a:pt x="73" y="830"/>
                    </a:lnTo>
                    <a:lnTo>
                      <a:pt x="65" y="824"/>
                    </a:lnTo>
                    <a:lnTo>
                      <a:pt x="55" y="817"/>
                    </a:lnTo>
                    <a:lnTo>
                      <a:pt x="43" y="811"/>
                    </a:lnTo>
                    <a:lnTo>
                      <a:pt x="30" y="802"/>
                    </a:lnTo>
                    <a:lnTo>
                      <a:pt x="22" y="795"/>
                    </a:lnTo>
                    <a:lnTo>
                      <a:pt x="16" y="786"/>
                    </a:lnTo>
                    <a:lnTo>
                      <a:pt x="11" y="776"/>
                    </a:lnTo>
                    <a:lnTo>
                      <a:pt x="7" y="764"/>
                    </a:lnTo>
                    <a:lnTo>
                      <a:pt x="4" y="751"/>
                    </a:lnTo>
                    <a:lnTo>
                      <a:pt x="2" y="739"/>
                    </a:lnTo>
                    <a:lnTo>
                      <a:pt x="0" y="728"/>
                    </a:lnTo>
                    <a:lnTo>
                      <a:pt x="0" y="717"/>
                    </a:lnTo>
                    <a:lnTo>
                      <a:pt x="0" y="708"/>
                    </a:lnTo>
                    <a:lnTo>
                      <a:pt x="3" y="701"/>
                    </a:lnTo>
                    <a:lnTo>
                      <a:pt x="8" y="695"/>
                    </a:lnTo>
                    <a:lnTo>
                      <a:pt x="15" y="692"/>
                    </a:lnTo>
                    <a:lnTo>
                      <a:pt x="29" y="688"/>
                    </a:lnTo>
                    <a:lnTo>
                      <a:pt x="46" y="684"/>
                    </a:lnTo>
                    <a:lnTo>
                      <a:pt x="59" y="681"/>
                    </a:lnTo>
                    <a:lnTo>
                      <a:pt x="72" y="677"/>
                    </a:lnTo>
                    <a:lnTo>
                      <a:pt x="83" y="672"/>
                    </a:lnTo>
                    <a:lnTo>
                      <a:pt x="94" y="666"/>
                    </a:lnTo>
                    <a:lnTo>
                      <a:pt x="104" y="658"/>
                    </a:lnTo>
                    <a:lnTo>
                      <a:pt x="114" y="650"/>
                    </a:lnTo>
                    <a:lnTo>
                      <a:pt x="123" y="641"/>
                    </a:lnTo>
                    <a:lnTo>
                      <a:pt x="133" y="632"/>
                    </a:lnTo>
                    <a:lnTo>
                      <a:pt x="145" y="619"/>
                    </a:lnTo>
                    <a:lnTo>
                      <a:pt x="155" y="607"/>
                    </a:lnTo>
                    <a:lnTo>
                      <a:pt x="158" y="601"/>
                    </a:lnTo>
                    <a:lnTo>
                      <a:pt x="162" y="596"/>
                    </a:lnTo>
                    <a:lnTo>
                      <a:pt x="165" y="589"/>
                    </a:lnTo>
                    <a:lnTo>
                      <a:pt x="166" y="583"/>
                    </a:lnTo>
                    <a:lnTo>
                      <a:pt x="166" y="578"/>
                    </a:lnTo>
                    <a:lnTo>
                      <a:pt x="166" y="571"/>
                    </a:lnTo>
                    <a:lnTo>
                      <a:pt x="165" y="565"/>
                    </a:lnTo>
                    <a:lnTo>
                      <a:pt x="162" y="558"/>
                    </a:lnTo>
                    <a:lnTo>
                      <a:pt x="158" y="553"/>
                    </a:lnTo>
                    <a:lnTo>
                      <a:pt x="153" y="546"/>
                    </a:lnTo>
                    <a:lnTo>
                      <a:pt x="147" y="539"/>
                    </a:lnTo>
                    <a:lnTo>
                      <a:pt x="139" y="532"/>
                    </a:lnTo>
                    <a:lnTo>
                      <a:pt x="133" y="526"/>
                    </a:lnTo>
                    <a:lnTo>
                      <a:pt x="129" y="519"/>
                    </a:lnTo>
                    <a:lnTo>
                      <a:pt x="127" y="511"/>
                    </a:lnTo>
                    <a:lnTo>
                      <a:pt x="126" y="502"/>
                    </a:lnTo>
                    <a:lnTo>
                      <a:pt x="126" y="484"/>
                    </a:lnTo>
                    <a:lnTo>
                      <a:pt x="127" y="467"/>
                    </a:lnTo>
                    <a:lnTo>
                      <a:pt x="126" y="457"/>
                    </a:lnTo>
                    <a:lnTo>
                      <a:pt x="123" y="451"/>
                    </a:lnTo>
                    <a:lnTo>
                      <a:pt x="121" y="444"/>
                    </a:lnTo>
                    <a:lnTo>
                      <a:pt x="116" y="440"/>
                    </a:lnTo>
                    <a:lnTo>
                      <a:pt x="112" y="436"/>
                    </a:lnTo>
                    <a:lnTo>
                      <a:pt x="107" y="432"/>
                    </a:lnTo>
                    <a:lnTo>
                      <a:pt x="103" y="426"/>
                    </a:lnTo>
                    <a:lnTo>
                      <a:pt x="99" y="420"/>
                    </a:lnTo>
                    <a:lnTo>
                      <a:pt x="98" y="409"/>
                    </a:lnTo>
                    <a:lnTo>
                      <a:pt x="98" y="397"/>
                    </a:lnTo>
                    <a:lnTo>
                      <a:pt x="98" y="387"/>
                    </a:lnTo>
                    <a:lnTo>
                      <a:pt x="96" y="375"/>
                    </a:lnTo>
                    <a:lnTo>
                      <a:pt x="155" y="360"/>
                    </a:lnTo>
                    <a:lnTo>
                      <a:pt x="155" y="360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49" name="Freeform 196"/>
              <p:cNvSpPr>
                <a:spLocks/>
              </p:cNvSpPr>
              <p:nvPr/>
            </p:nvSpPr>
            <p:spPr bwMode="auto">
              <a:xfrm>
                <a:off x="5101890" y="1815467"/>
                <a:ext cx="1082084" cy="1762953"/>
              </a:xfrm>
              <a:custGeom>
                <a:avLst/>
                <a:gdLst/>
                <a:ahLst/>
                <a:cxnLst>
                  <a:cxn ang="0">
                    <a:pos x="1694" y="1326"/>
                  </a:cxn>
                  <a:cxn ang="0">
                    <a:pos x="1541" y="1265"/>
                  </a:cxn>
                  <a:cxn ang="0">
                    <a:pos x="1708" y="1160"/>
                  </a:cxn>
                  <a:cxn ang="0">
                    <a:pos x="1830" y="1062"/>
                  </a:cxn>
                  <a:cxn ang="0">
                    <a:pos x="2118" y="689"/>
                  </a:cxn>
                  <a:cxn ang="0">
                    <a:pos x="1795" y="549"/>
                  </a:cxn>
                  <a:cxn ang="0">
                    <a:pos x="1610" y="474"/>
                  </a:cxn>
                  <a:cxn ang="0">
                    <a:pos x="1628" y="401"/>
                  </a:cxn>
                  <a:cxn ang="0">
                    <a:pos x="1991" y="212"/>
                  </a:cxn>
                  <a:cxn ang="0">
                    <a:pos x="1825" y="130"/>
                  </a:cxn>
                  <a:cxn ang="0">
                    <a:pos x="1591" y="79"/>
                  </a:cxn>
                  <a:cxn ang="0">
                    <a:pos x="1439" y="165"/>
                  </a:cxn>
                  <a:cxn ang="0">
                    <a:pos x="1387" y="283"/>
                  </a:cxn>
                  <a:cxn ang="0">
                    <a:pos x="1281" y="379"/>
                  </a:cxn>
                  <a:cxn ang="0">
                    <a:pos x="1224" y="447"/>
                  </a:cxn>
                  <a:cxn ang="0">
                    <a:pos x="1215" y="561"/>
                  </a:cxn>
                  <a:cxn ang="0">
                    <a:pos x="1128" y="664"/>
                  </a:cxn>
                  <a:cxn ang="0">
                    <a:pos x="1024" y="750"/>
                  </a:cxn>
                  <a:cxn ang="0">
                    <a:pos x="1230" y="772"/>
                  </a:cxn>
                  <a:cxn ang="0">
                    <a:pos x="1031" y="1067"/>
                  </a:cxn>
                  <a:cxn ang="0">
                    <a:pos x="1217" y="1195"/>
                  </a:cxn>
                  <a:cxn ang="0">
                    <a:pos x="1129" y="1397"/>
                  </a:cxn>
                  <a:cxn ang="0">
                    <a:pos x="969" y="1577"/>
                  </a:cxn>
                  <a:cxn ang="0">
                    <a:pos x="926" y="1691"/>
                  </a:cxn>
                  <a:cxn ang="0">
                    <a:pos x="1065" y="1786"/>
                  </a:cxn>
                  <a:cxn ang="0">
                    <a:pos x="1216" y="1750"/>
                  </a:cxn>
                  <a:cxn ang="0">
                    <a:pos x="1338" y="1799"/>
                  </a:cxn>
                  <a:cxn ang="0">
                    <a:pos x="1294" y="2052"/>
                  </a:cxn>
                  <a:cxn ang="0">
                    <a:pos x="1339" y="2194"/>
                  </a:cxn>
                  <a:cxn ang="0">
                    <a:pos x="1272" y="2287"/>
                  </a:cxn>
                  <a:cxn ang="0">
                    <a:pos x="1247" y="2496"/>
                  </a:cxn>
                  <a:cxn ang="0">
                    <a:pos x="1124" y="2491"/>
                  </a:cxn>
                  <a:cxn ang="0">
                    <a:pos x="798" y="2338"/>
                  </a:cxn>
                  <a:cxn ang="0">
                    <a:pos x="695" y="2537"/>
                  </a:cxn>
                  <a:cxn ang="0">
                    <a:pos x="815" y="2688"/>
                  </a:cxn>
                  <a:cxn ang="0">
                    <a:pos x="658" y="2848"/>
                  </a:cxn>
                  <a:cxn ang="0">
                    <a:pos x="366" y="2910"/>
                  </a:cxn>
                  <a:cxn ang="0">
                    <a:pos x="444" y="3008"/>
                  </a:cxn>
                  <a:cxn ang="0">
                    <a:pos x="463" y="3096"/>
                  </a:cxn>
                  <a:cxn ang="0">
                    <a:pos x="707" y="3125"/>
                  </a:cxn>
                  <a:cxn ang="0">
                    <a:pos x="865" y="3317"/>
                  </a:cxn>
                  <a:cxn ang="0">
                    <a:pos x="1173" y="3232"/>
                  </a:cxn>
                  <a:cxn ang="0">
                    <a:pos x="891" y="3425"/>
                  </a:cxn>
                  <a:cxn ang="0">
                    <a:pos x="562" y="3381"/>
                  </a:cxn>
                  <a:cxn ang="0">
                    <a:pos x="55" y="3611"/>
                  </a:cxn>
                  <a:cxn ang="0">
                    <a:pos x="79" y="3719"/>
                  </a:cxn>
                  <a:cxn ang="0">
                    <a:pos x="311" y="3668"/>
                  </a:cxn>
                  <a:cxn ang="0">
                    <a:pos x="452" y="3711"/>
                  </a:cxn>
                  <a:cxn ang="0">
                    <a:pos x="715" y="3622"/>
                  </a:cxn>
                  <a:cxn ang="0">
                    <a:pos x="939" y="3755"/>
                  </a:cxn>
                  <a:cxn ang="0">
                    <a:pos x="1092" y="3714"/>
                  </a:cxn>
                  <a:cxn ang="0">
                    <a:pos x="1315" y="3716"/>
                  </a:cxn>
                  <a:cxn ang="0">
                    <a:pos x="1469" y="3787"/>
                  </a:cxn>
                  <a:cxn ang="0">
                    <a:pos x="1680" y="3857"/>
                  </a:cxn>
                  <a:cxn ang="0">
                    <a:pos x="2123" y="3771"/>
                  </a:cxn>
                  <a:cxn ang="0">
                    <a:pos x="1926" y="3629"/>
                  </a:cxn>
                  <a:cxn ang="0">
                    <a:pos x="2082" y="3484"/>
                  </a:cxn>
                  <a:cxn ang="0">
                    <a:pos x="2354" y="3273"/>
                  </a:cxn>
                  <a:cxn ang="0">
                    <a:pos x="2098" y="2967"/>
                  </a:cxn>
                  <a:cxn ang="0">
                    <a:pos x="1964" y="2929"/>
                  </a:cxn>
                  <a:cxn ang="0">
                    <a:pos x="1896" y="2527"/>
                  </a:cxn>
                  <a:cxn ang="0">
                    <a:pos x="2045" y="2469"/>
                  </a:cxn>
                  <a:cxn ang="0">
                    <a:pos x="1891" y="2090"/>
                  </a:cxn>
                </a:cxnLst>
                <a:rect l="0" t="0" r="r" b="b"/>
                <a:pathLst>
                  <a:path w="2373" h="3901">
                    <a:moveTo>
                      <a:pt x="1845" y="1887"/>
                    </a:moveTo>
                    <a:lnTo>
                      <a:pt x="1843" y="1848"/>
                    </a:lnTo>
                    <a:lnTo>
                      <a:pt x="1842" y="1807"/>
                    </a:lnTo>
                    <a:lnTo>
                      <a:pt x="1843" y="1786"/>
                    </a:lnTo>
                    <a:lnTo>
                      <a:pt x="1845" y="1767"/>
                    </a:lnTo>
                    <a:lnTo>
                      <a:pt x="1848" y="1747"/>
                    </a:lnTo>
                    <a:lnTo>
                      <a:pt x="1855" y="1728"/>
                    </a:lnTo>
                    <a:lnTo>
                      <a:pt x="1860" y="1713"/>
                    </a:lnTo>
                    <a:lnTo>
                      <a:pt x="1864" y="1698"/>
                    </a:lnTo>
                    <a:lnTo>
                      <a:pt x="1867" y="1684"/>
                    </a:lnTo>
                    <a:lnTo>
                      <a:pt x="1869" y="1668"/>
                    </a:lnTo>
                    <a:lnTo>
                      <a:pt x="1872" y="1638"/>
                    </a:lnTo>
                    <a:lnTo>
                      <a:pt x="1872" y="1606"/>
                    </a:lnTo>
                    <a:lnTo>
                      <a:pt x="1870" y="1590"/>
                    </a:lnTo>
                    <a:lnTo>
                      <a:pt x="1869" y="1575"/>
                    </a:lnTo>
                    <a:lnTo>
                      <a:pt x="1867" y="1561"/>
                    </a:lnTo>
                    <a:lnTo>
                      <a:pt x="1863" y="1546"/>
                    </a:lnTo>
                    <a:lnTo>
                      <a:pt x="1857" y="1532"/>
                    </a:lnTo>
                    <a:lnTo>
                      <a:pt x="1851" y="1519"/>
                    </a:lnTo>
                    <a:lnTo>
                      <a:pt x="1845" y="1506"/>
                    </a:lnTo>
                    <a:lnTo>
                      <a:pt x="1838" y="1493"/>
                    </a:lnTo>
                    <a:lnTo>
                      <a:pt x="1821" y="1469"/>
                    </a:lnTo>
                    <a:lnTo>
                      <a:pt x="1803" y="1445"/>
                    </a:lnTo>
                    <a:lnTo>
                      <a:pt x="1782" y="1423"/>
                    </a:lnTo>
                    <a:lnTo>
                      <a:pt x="1763" y="1401"/>
                    </a:lnTo>
                    <a:lnTo>
                      <a:pt x="1727" y="1362"/>
                    </a:lnTo>
                    <a:lnTo>
                      <a:pt x="1718" y="1349"/>
                    </a:lnTo>
                    <a:lnTo>
                      <a:pt x="1710" y="1339"/>
                    </a:lnTo>
                    <a:lnTo>
                      <a:pt x="1702" y="1331"/>
                    </a:lnTo>
                    <a:lnTo>
                      <a:pt x="1694" y="1326"/>
                    </a:lnTo>
                    <a:lnTo>
                      <a:pt x="1688" y="1322"/>
                    </a:lnTo>
                    <a:lnTo>
                      <a:pt x="1681" y="1321"/>
                    </a:lnTo>
                    <a:lnTo>
                      <a:pt x="1675" y="1321"/>
                    </a:lnTo>
                    <a:lnTo>
                      <a:pt x="1667" y="1322"/>
                    </a:lnTo>
                    <a:lnTo>
                      <a:pt x="1653" y="1326"/>
                    </a:lnTo>
                    <a:lnTo>
                      <a:pt x="1636" y="1331"/>
                    </a:lnTo>
                    <a:lnTo>
                      <a:pt x="1627" y="1334"/>
                    </a:lnTo>
                    <a:lnTo>
                      <a:pt x="1616" y="1335"/>
                    </a:lnTo>
                    <a:lnTo>
                      <a:pt x="1605" y="1335"/>
                    </a:lnTo>
                    <a:lnTo>
                      <a:pt x="1593" y="1335"/>
                    </a:lnTo>
                    <a:lnTo>
                      <a:pt x="1587" y="1334"/>
                    </a:lnTo>
                    <a:lnTo>
                      <a:pt x="1578" y="1331"/>
                    </a:lnTo>
                    <a:lnTo>
                      <a:pt x="1567" y="1326"/>
                    </a:lnTo>
                    <a:lnTo>
                      <a:pt x="1556" y="1321"/>
                    </a:lnTo>
                    <a:lnTo>
                      <a:pt x="1531" y="1307"/>
                    </a:lnTo>
                    <a:lnTo>
                      <a:pt x="1504" y="1290"/>
                    </a:lnTo>
                    <a:lnTo>
                      <a:pt x="1479" y="1270"/>
                    </a:lnTo>
                    <a:lnTo>
                      <a:pt x="1457" y="1254"/>
                    </a:lnTo>
                    <a:lnTo>
                      <a:pt x="1449" y="1245"/>
                    </a:lnTo>
                    <a:lnTo>
                      <a:pt x="1443" y="1237"/>
                    </a:lnTo>
                    <a:lnTo>
                      <a:pt x="1439" y="1230"/>
                    </a:lnTo>
                    <a:lnTo>
                      <a:pt x="1438" y="1225"/>
                    </a:lnTo>
                    <a:lnTo>
                      <a:pt x="1445" y="1225"/>
                    </a:lnTo>
                    <a:lnTo>
                      <a:pt x="1453" y="1226"/>
                    </a:lnTo>
                    <a:lnTo>
                      <a:pt x="1464" y="1229"/>
                    </a:lnTo>
                    <a:lnTo>
                      <a:pt x="1474" y="1233"/>
                    </a:lnTo>
                    <a:lnTo>
                      <a:pt x="1496" y="1245"/>
                    </a:lnTo>
                    <a:lnTo>
                      <a:pt x="1519" y="1256"/>
                    </a:lnTo>
                    <a:lnTo>
                      <a:pt x="1531" y="1261"/>
                    </a:lnTo>
                    <a:lnTo>
                      <a:pt x="1541" y="1265"/>
                    </a:lnTo>
                    <a:lnTo>
                      <a:pt x="1552" y="1269"/>
                    </a:lnTo>
                    <a:lnTo>
                      <a:pt x="1562" y="1270"/>
                    </a:lnTo>
                    <a:lnTo>
                      <a:pt x="1567" y="1270"/>
                    </a:lnTo>
                    <a:lnTo>
                      <a:pt x="1571" y="1269"/>
                    </a:lnTo>
                    <a:lnTo>
                      <a:pt x="1575" y="1268"/>
                    </a:lnTo>
                    <a:lnTo>
                      <a:pt x="1579" y="1265"/>
                    </a:lnTo>
                    <a:lnTo>
                      <a:pt x="1583" y="1263"/>
                    </a:lnTo>
                    <a:lnTo>
                      <a:pt x="1587" y="1260"/>
                    </a:lnTo>
                    <a:lnTo>
                      <a:pt x="1589" y="1255"/>
                    </a:lnTo>
                    <a:lnTo>
                      <a:pt x="1592" y="1250"/>
                    </a:lnTo>
                    <a:lnTo>
                      <a:pt x="1594" y="1246"/>
                    </a:lnTo>
                    <a:lnTo>
                      <a:pt x="1597" y="1242"/>
                    </a:lnTo>
                    <a:lnTo>
                      <a:pt x="1601" y="1239"/>
                    </a:lnTo>
                    <a:lnTo>
                      <a:pt x="1605" y="1237"/>
                    </a:lnTo>
                    <a:lnTo>
                      <a:pt x="1615" y="1233"/>
                    </a:lnTo>
                    <a:lnTo>
                      <a:pt x="1628" y="1230"/>
                    </a:lnTo>
                    <a:lnTo>
                      <a:pt x="1655" y="1228"/>
                    </a:lnTo>
                    <a:lnTo>
                      <a:pt x="1685" y="1228"/>
                    </a:lnTo>
                    <a:lnTo>
                      <a:pt x="1712" y="1228"/>
                    </a:lnTo>
                    <a:lnTo>
                      <a:pt x="1733" y="1226"/>
                    </a:lnTo>
                    <a:lnTo>
                      <a:pt x="1740" y="1225"/>
                    </a:lnTo>
                    <a:lnTo>
                      <a:pt x="1745" y="1223"/>
                    </a:lnTo>
                    <a:lnTo>
                      <a:pt x="1745" y="1220"/>
                    </a:lnTo>
                    <a:lnTo>
                      <a:pt x="1745" y="1217"/>
                    </a:lnTo>
                    <a:lnTo>
                      <a:pt x="1743" y="1215"/>
                    </a:lnTo>
                    <a:lnTo>
                      <a:pt x="1742" y="1212"/>
                    </a:lnTo>
                    <a:lnTo>
                      <a:pt x="1723" y="1182"/>
                    </a:lnTo>
                    <a:lnTo>
                      <a:pt x="1714" y="1166"/>
                    </a:lnTo>
                    <a:lnTo>
                      <a:pt x="1711" y="1163"/>
                    </a:lnTo>
                    <a:lnTo>
                      <a:pt x="1708" y="1160"/>
                    </a:lnTo>
                    <a:lnTo>
                      <a:pt x="1705" y="1159"/>
                    </a:lnTo>
                    <a:lnTo>
                      <a:pt x="1698" y="1156"/>
                    </a:lnTo>
                    <a:lnTo>
                      <a:pt x="1683" y="1154"/>
                    </a:lnTo>
                    <a:lnTo>
                      <a:pt x="1658" y="1150"/>
                    </a:lnTo>
                    <a:lnTo>
                      <a:pt x="1637" y="1146"/>
                    </a:lnTo>
                    <a:lnTo>
                      <a:pt x="1624" y="1143"/>
                    </a:lnTo>
                    <a:lnTo>
                      <a:pt x="1615" y="1140"/>
                    </a:lnTo>
                    <a:lnTo>
                      <a:pt x="1611" y="1137"/>
                    </a:lnTo>
                    <a:lnTo>
                      <a:pt x="1610" y="1134"/>
                    </a:lnTo>
                    <a:lnTo>
                      <a:pt x="1610" y="1133"/>
                    </a:lnTo>
                    <a:lnTo>
                      <a:pt x="1611" y="1132"/>
                    </a:lnTo>
                    <a:lnTo>
                      <a:pt x="1614" y="1131"/>
                    </a:lnTo>
                    <a:lnTo>
                      <a:pt x="1620" y="1128"/>
                    </a:lnTo>
                    <a:lnTo>
                      <a:pt x="1628" y="1125"/>
                    </a:lnTo>
                    <a:lnTo>
                      <a:pt x="1650" y="1121"/>
                    </a:lnTo>
                    <a:lnTo>
                      <a:pt x="1675" y="1119"/>
                    </a:lnTo>
                    <a:lnTo>
                      <a:pt x="1686" y="1118"/>
                    </a:lnTo>
                    <a:lnTo>
                      <a:pt x="1697" y="1119"/>
                    </a:lnTo>
                    <a:lnTo>
                      <a:pt x="1706" y="1119"/>
                    </a:lnTo>
                    <a:lnTo>
                      <a:pt x="1712" y="1120"/>
                    </a:lnTo>
                    <a:lnTo>
                      <a:pt x="1718" y="1121"/>
                    </a:lnTo>
                    <a:lnTo>
                      <a:pt x="1723" y="1121"/>
                    </a:lnTo>
                    <a:lnTo>
                      <a:pt x="1729" y="1121"/>
                    </a:lnTo>
                    <a:lnTo>
                      <a:pt x="1736" y="1120"/>
                    </a:lnTo>
                    <a:lnTo>
                      <a:pt x="1749" y="1115"/>
                    </a:lnTo>
                    <a:lnTo>
                      <a:pt x="1764" y="1109"/>
                    </a:lnTo>
                    <a:lnTo>
                      <a:pt x="1780" y="1098"/>
                    </a:lnTo>
                    <a:lnTo>
                      <a:pt x="1797" y="1088"/>
                    </a:lnTo>
                    <a:lnTo>
                      <a:pt x="1813" y="1075"/>
                    </a:lnTo>
                    <a:lnTo>
                      <a:pt x="1830" y="1062"/>
                    </a:lnTo>
                    <a:lnTo>
                      <a:pt x="1865" y="1033"/>
                    </a:lnTo>
                    <a:lnTo>
                      <a:pt x="1895" y="1005"/>
                    </a:lnTo>
                    <a:lnTo>
                      <a:pt x="1922" y="982"/>
                    </a:lnTo>
                    <a:lnTo>
                      <a:pt x="1940" y="963"/>
                    </a:lnTo>
                    <a:lnTo>
                      <a:pt x="1953" y="949"/>
                    </a:lnTo>
                    <a:lnTo>
                      <a:pt x="1966" y="934"/>
                    </a:lnTo>
                    <a:lnTo>
                      <a:pt x="1977" y="917"/>
                    </a:lnTo>
                    <a:lnTo>
                      <a:pt x="1986" y="900"/>
                    </a:lnTo>
                    <a:lnTo>
                      <a:pt x="1996" y="883"/>
                    </a:lnTo>
                    <a:lnTo>
                      <a:pt x="2006" y="866"/>
                    </a:lnTo>
                    <a:lnTo>
                      <a:pt x="2018" y="851"/>
                    </a:lnTo>
                    <a:lnTo>
                      <a:pt x="2031" y="835"/>
                    </a:lnTo>
                    <a:lnTo>
                      <a:pt x="2039" y="829"/>
                    </a:lnTo>
                    <a:lnTo>
                      <a:pt x="2048" y="822"/>
                    </a:lnTo>
                    <a:lnTo>
                      <a:pt x="2056" y="817"/>
                    </a:lnTo>
                    <a:lnTo>
                      <a:pt x="2063" y="812"/>
                    </a:lnTo>
                    <a:lnTo>
                      <a:pt x="2080" y="803"/>
                    </a:lnTo>
                    <a:lnTo>
                      <a:pt x="2095" y="795"/>
                    </a:lnTo>
                    <a:lnTo>
                      <a:pt x="2101" y="790"/>
                    </a:lnTo>
                    <a:lnTo>
                      <a:pt x="2106" y="785"/>
                    </a:lnTo>
                    <a:lnTo>
                      <a:pt x="2110" y="778"/>
                    </a:lnTo>
                    <a:lnTo>
                      <a:pt x="2114" y="770"/>
                    </a:lnTo>
                    <a:lnTo>
                      <a:pt x="2117" y="763"/>
                    </a:lnTo>
                    <a:lnTo>
                      <a:pt x="2117" y="752"/>
                    </a:lnTo>
                    <a:lnTo>
                      <a:pt x="2117" y="741"/>
                    </a:lnTo>
                    <a:lnTo>
                      <a:pt x="2114" y="728"/>
                    </a:lnTo>
                    <a:lnTo>
                      <a:pt x="2111" y="716"/>
                    </a:lnTo>
                    <a:lnTo>
                      <a:pt x="2111" y="706"/>
                    </a:lnTo>
                    <a:lnTo>
                      <a:pt x="2114" y="698"/>
                    </a:lnTo>
                    <a:lnTo>
                      <a:pt x="2118" y="689"/>
                    </a:lnTo>
                    <a:lnTo>
                      <a:pt x="2120" y="681"/>
                    </a:lnTo>
                    <a:lnTo>
                      <a:pt x="2124" y="673"/>
                    </a:lnTo>
                    <a:lnTo>
                      <a:pt x="2127" y="664"/>
                    </a:lnTo>
                    <a:lnTo>
                      <a:pt x="2127" y="655"/>
                    </a:lnTo>
                    <a:lnTo>
                      <a:pt x="2127" y="653"/>
                    </a:lnTo>
                    <a:lnTo>
                      <a:pt x="2124" y="651"/>
                    </a:lnTo>
                    <a:lnTo>
                      <a:pt x="2120" y="650"/>
                    </a:lnTo>
                    <a:lnTo>
                      <a:pt x="2115" y="649"/>
                    </a:lnTo>
                    <a:lnTo>
                      <a:pt x="2102" y="646"/>
                    </a:lnTo>
                    <a:lnTo>
                      <a:pt x="2087" y="645"/>
                    </a:lnTo>
                    <a:lnTo>
                      <a:pt x="2071" y="643"/>
                    </a:lnTo>
                    <a:lnTo>
                      <a:pt x="2056" y="641"/>
                    </a:lnTo>
                    <a:lnTo>
                      <a:pt x="2043" y="640"/>
                    </a:lnTo>
                    <a:lnTo>
                      <a:pt x="2034" y="637"/>
                    </a:lnTo>
                    <a:lnTo>
                      <a:pt x="2016" y="632"/>
                    </a:lnTo>
                    <a:lnTo>
                      <a:pt x="2000" y="625"/>
                    </a:lnTo>
                    <a:lnTo>
                      <a:pt x="1986" y="619"/>
                    </a:lnTo>
                    <a:lnTo>
                      <a:pt x="1970" y="612"/>
                    </a:lnTo>
                    <a:lnTo>
                      <a:pt x="1955" y="606"/>
                    </a:lnTo>
                    <a:lnTo>
                      <a:pt x="1939" y="599"/>
                    </a:lnTo>
                    <a:lnTo>
                      <a:pt x="1922" y="596"/>
                    </a:lnTo>
                    <a:lnTo>
                      <a:pt x="1904" y="592"/>
                    </a:lnTo>
                    <a:lnTo>
                      <a:pt x="1890" y="589"/>
                    </a:lnTo>
                    <a:lnTo>
                      <a:pt x="1876" y="584"/>
                    </a:lnTo>
                    <a:lnTo>
                      <a:pt x="1863" y="579"/>
                    </a:lnTo>
                    <a:lnTo>
                      <a:pt x="1850" y="571"/>
                    </a:lnTo>
                    <a:lnTo>
                      <a:pt x="1837" y="564"/>
                    </a:lnTo>
                    <a:lnTo>
                      <a:pt x="1824" y="558"/>
                    </a:lnTo>
                    <a:lnTo>
                      <a:pt x="1810" y="553"/>
                    </a:lnTo>
                    <a:lnTo>
                      <a:pt x="1795" y="549"/>
                    </a:lnTo>
                    <a:lnTo>
                      <a:pt x="1778" y="546"/>
                    </a:lnTo>
                    <a:lnTo>
                      <a:pt x="1762" y="545"/>
                    </a:lnTo>
                    <a:lnTo>
                      <a:pt x="1745" y="546"/>
                    </a:lnTo>
                    <a:lnTo>
                      <a:pt x="1728" y="549"/>
                    </a:lnTo>
                    <a:lnTo>
                      <a:pt x="1693" y="555"/>
                    </a:lnTo>
                    <a:lnTo>
                      <a:pt x="1658" y="563"/>
                    </a:lnTo>
                    <a:lnTo>
                      <a:pt x="1623" y="572"/>
                    </a:lnTo>
                    <a:lnTo>
                      <a:pt x="1588" y="579"/>
                    </a:lnTo>
                    <a:lnTo>
                      <a:pt x="1571" y="580"/>
                    </a:lnTo>
                    <a:lnTo>
                      <a:pt x="1556" y="580"/>
                    </a:lnTo>
                    <a:lnTo>
                      <a:pt x="1539" y="579"/>
                    </a:lnTo>
                    <a:lnTo>
                      <a:pt x="1523" y="576"/>
                    </a:lnTo>
                    <a:lnTo>
                      <a:pt x="1523" y="572"/>
                    </a:lnTo>
                    <a:lnTo>
                      <a:pt x="1525" y="568"/>
                    </a:lnTo>
                    <a:lnTo>
                      <a:pt x="1526" y="564"/>
                    </a:lnTo>
                    <a:lnTo>
                      <a:pt x="1528" y="561"/>
                    </a:lnTo>
                    <a:lnTo>
                      <a:pt x="1535" y="554"/>
                    </a:lnTo>
                    <a:lnTo>
                      <a:pt x="1541" y="548"/>
                    </a:lnTo>
                    <a:lnTo>
                      <a:pt x="1557" y="539"/>
                    </a:lnTo>
                    <a:lnTo>
                      <a:pt x="1570" y="529"/>
                    </a:lnTo>
                    <a:lnTo>
                      <a:pt x="1576" y="520"/>
                    </a:lnTo>
                    <a:lnTo>
                      <a:pt x="1580" y="514"/>
                    </a:lnTo>
                    <a:lnTo>
                      <a:pt x="1582" y="507"/>
                    </a:lnTo>
                    <a:lnTo>
                      <a:pt x="1582" y="502"/>
                    </a:lnTo>
                    <a:lnTo>
                      <a:pt x="1583" y="497"/>
                    </a:lnTo>
                    <a:lnTo>
                      <a:pt x="1584" y="492"/>
                    </a:lnTo>
                    <a:lnTo>
                      <a:pt x="1588" y="487"/>
                    </a:lnTo>
                    <a:lnTo>
                      <a:pt x="1597" y="480"/>
                    </a:lnTo>
                    <a:lnTo>
                      <a:pt x="1604" y="476"/>
                    </a:lnTo>
                    <a:lnTo>
                      <a:pt x="1610" y="474"/>
                    </a:lnTo>
                    <a:lnTo>
                      <a:pt x="1615" y="472"/>
                    </a:lnTo>
                    <a:lnTo>
                      <a:pt x="1622" y="472"/>
                    </a:lnTo>
                    <a:lnTo>
                      <a:pt x="1633" y="474"/>
                    </a:lnTo>
                    <a:lnTo>
                      <a:pt x="1648" y="476"/>
                    </a:lnTo>
                    <a:lnTo>
                      <a:pt x="1657" y="478"/>
                    </a:lnTo>
                    <a:lnTo>
                      <a:pt x="1664" y="476"/>
                    </a:lnTo>
                    <a:lnTo>
                      <a:pt x="1673" y="475"/>
                    </a:lnTo>
                    <a:lnTo>
                      <a:pt x="1681" y="471"/>
                    </a:lnTo>
                    <a:lnTo>
                      <a:pt x="1688" y="466"/>
                    </a:lnTo>
                    <a:lnTo>
                      <a:pt x="1693" y="460"/>
                    </a:lnTo>
                    <a:lnTo>
                      <a:pt x="1696" y="452"/>
                    </a:lnTo>
                    <a:lnTo>
                      <a:pt x="1697" y="444"/>
                    </a:lnTo>
                    <a:lnTo>
                      <a:pt x="1676" y="445"/>
                    </a:lnTo>
                    <a:lnTo>
                      <a:pt x="1655" y="447"/>
                    </a:lnTo>
                    <a:lnTo>
                      <a:pt x="1645" y="445"/>
                    </a:lnTo>
                    <a:lnTo>
                      <a:pt x="1636" y="444"/>
                    </a:lnTo>
                    <a:lnTo>
                      <a:pt x="1627" y="440"/>
                    </a:lnTo>
                    <a:lnTo>
                      <a:pt x="1618" y="435"/>
                    </a:lnTo>
                    <a:lnTo>
                      <a:pt x="1606" y="426"/>
                    </a:lnTo>
                    <a:lnTo>
                      <a:pt x="1589" y="410"/>
                    </a:lnTo>
                    <a:lnTo>
                      <a:pt x="1582" y="403"/>
                    </a:lnTo>
                    <a:lnTo>
                      <a:pt x="1578" y="396"/>
                    </a:lnTo>
                    <a:lnTo>
                      <a:pt x="1576" y="393"/>
                    </a:lnTo>
                    <a:lnTo>
                      <a:pt x="1578" y="392"/>
                    </a:lnTo>
                    <a:lnTo>
                      <a:pt x="1579" y="392"/>
                    </a:lnTo>
                    <a:lnTo>
                      <a:pt x="1582" y="392"/>
                    </a:lnTo>
                    <a:lnTo>
                      <a:pt x="1593" y="395"/>
                    </a:lnTo>
                    <a:lnTo>
                      <a:pt x="1605" y="397"/>
                    </a:lnTo>
                    <a:lnTo>
                      <a:pt x="1616" y="400"/>
                    </a:lnTo>
                    <a:lnTo>
                      <a:pt x="1628" y="401"/>
                    </a:lnTo>
                    <a:lnTo>
                      <a:pt x="1636" y="401"/>
                    </a:lnTo>
                    <a:lnTo>
                      <a:pt x="1642" y="400"/>
                    </a:lnTo>
                    <a:lnTo>
                      <a:pt x="1649" y="397"/>
                    </a:lnTo>
                    <a:lnTo>
                      <a:pt x="1654" y="393"/>
                    </a:lnTo>
                    <a:lnTo>
                      <a:pt x="1664" y="386"/>
                    </a:lnTo>
                    <a:lnTo>
                      <a:pt x="1676" y="378"/>
                    </a:lnTo>
                    <a:lnTo>
                      <a:pt x="1692" y="375"/>
                    </a:lnTo>
                    <a:lnTo>
                      <a:pt x="1708" y="373"/>
                    </a:lnTo>
                    <a:lnTo>
                      <a:pt x="1720" y="368"/>
                    </a:lnTo>
                    <a:lnTo>
                      <a:pt x="1729" y="362"/>
                    </a:lnTo>
                    <a:lnTo>
                      <a:pt x="1737" y="357"/>
                    </a:lnTo>
                    <a:lnTo>
                      <a:pt x="1747" y="349"/>
                    </a:lnTo>
                    <a:lnTo>
                      <a:pt x="1782" y="327"/>
                    </a:lnTo>
                    <a:lnTo>
                      <a:pt x="1822" y="304"/>
                    </a:lnTo>
                    <a:lnTo>
                      <a:pt x="1845" y="294"/>
                    </a:lnTo>
                    <a:lnTo>
                      <a:pt x="1865" y="285"/>
                    </a:lnTo>
                    <a:lnTo>
                      <a:pt x="1886" y="277"/>
                    </a:lnTo>
                    <a:lnTo>
                      <a:pt x="1904" y="272"/>
                    </a:lnTo>
                    <a:lnTo>
                      <a:pt x="1925" y="268"/>
                    </a:lnTo>
                    <a:lnTo>
                      <a:pt x="1943" y="264"/>
                    </a:lnTo>
                    <a:lnTo>
                      <a:pt x="1951" y="261"/>
                    </a:lnTo>
                    <a:lnTo>
                      <a:pt x="1957" y="259"/>
                    </a:lnTo>
                    <a:lnTo>
                      <a:pt x="1964" y="256"/>
                    </a:lnTo>
                    <a:lnTo>
                      <a:pt x="1969" y="252"/>
                    </a:lnTo>
                    <a:lnTo>
                      <a:pt x="1974" y="247"/>
                    </a:lnTo>
                    <a:lnTo>
                      <a:pt x="1979" y="242"/>
                    </a:lnTo>
                    <a:lnTo>
                      <a:pt x="1983" y="237"/>
                    </a:lnTo>
                    <a:lnTo>
                      <a:pt x="1986" y="229"/>
                    </a:lnTo>
                    <a:lnTo>
                      <a:pt x="1988" y="221"/>
                    </a:lnTo>
                    <a:lnTo>
                      <a:pt x="1991" y="212"/>
                    </a:lnTo>
                    <a:lnTo>
                      <a:pt x="1992" y="202"/>
                    </a:lnTo>
                    <a:lnTo>
                      <a:pt x="1992" y="190"/>
                    </a:lnTo>
                    <a:lnTo>
                      <a:pt x="1993" y="181"/>
                    </a:lnTo>
                    <a:lnTo>
                      <a:pt x="1996" y="173"/>
                    </a:lnTo>
                    <a:lnTo>
                      <a:pt x="2000" y="164"/>
                    </a:lnTo>
                    <a:lnTo>
                      <a:pt x="2004" y="156"/>
                    </a:lnTo>
                    <a:lnTo>
                      <a:pt x="2006" y="149"/>
                    </a:lnTo>
                    <a:lnTo>
                      <a:pt x="2010" y="141"/>
                    </a:lnTo>
                    <a:lnTo>
                      <a:pt x="2013" y="132"/>
                    </a:lnTo>
                    <a:lnTo>
                      <a:pt x="2013" y="123"/>
                    </a:lnTo>
                    <a:lnTo>
                      <a:pt x="2001" y="124"/>
                    </a:lnTo>
                    <a:lnTo>
                      <a:pt x="1990" y="127"/>
                    </a:lnTo>
                    <a:lnTo>
                      <a:pt x="1979" y="130"/>
                    </a:lnTo>
                    <a:lnTo>
                      <a:pt x="1968" y="134"/>
                    </a:lnTo>
                    <a:lnTo>
                      <a:pt x="1955" y="140"/>
                    </a:lnTo>
                    <a:lnTo>
                      <a:pt x="1943" y="143"/>
                    </a:lnTo>
                    <a:lnTo>
                      <a:pt x="1931" y="145"/>
                    </a:lnTo>
                    <a:lnTo>
                      <a:pt x="1920" y="146"/>
                    </a:lnTo>
                    <a:lnTo>
                      <a:pt x="1908" y="145"/>
                    </a:lnTo>
                    <a:lnTo>
                      <a:pt x="1898" y="141"/>
                    </a:lnTo>
                    <a:lnTo>
                      <a:pt x="1890" y="136"/>
                    </a:lnTo>
                    <a:lnTo>
                      <a:pt x="1882" y="132"/>
                    </a:lnTo>
                    <a:lnTo>
                      <a:pt x="1873" y="128"/>
                    </a:lnTo>
                    <a:lnTo>
                      <a:pt x="1864" y="127"/>
                    </a:lnTo>
                    <a:lnTo>
                      <a:pt x="1857" y="127"/>
                    </a:lnTo>
                    <a:lnTo>
                      <a:pt x="1852" y="127"/>
                    </a:lnTo>
                    <a:lnTo>
                      <a:pt x="1845" y="128"/>
                    </a:lnTo>
                    <a:lnTo>
                      <a:pt x="1837" y="130"/>
                    </a:lnTo>
                    <a:lnTo>
                      <a:pt x="1832" y="132"/>
                    </a:lnTo>
                    <a:lnTo>
                      <a:pt x="1825" y="130"/>
                    </a:lnTo>
                    <a:lnTo>
                      <a:pt x="1817" y="128"/>
                    </a:lnTo>
                    <a:lnTo>
                      <a:pt x="1810" y="125"/>
                    </a:lnTo>
                    <a:lnTo>
                      <a:pt x="1794" y="118"/>
                    </a:lnTo>
                    <a:lnTo>
                      <a:pt x="1782" y="112"/>
                    </a:lnTo>
                    <a:lnTo>
                      <a:pt x="1772" y="111"/>
                    </a:lnTo>
                    <a:lnTo>
                      <a:pt x="1760" y="111"/>
                    </a:lnTo>
                    <a:lnTo>
                      <a:pt x="1749" y="112"/>
                    </a:lnTo>
                    <a:lnTo>
                      <a:pt x="1738" y="115"/>
                    </a:lnTo>
                    <a:lnTo>
                      <a:pt x="1727" y="115"/>
                    </a:lnTo>
                    <a:lnTo>
                      <a:pt x="1718" y="114"/>
                    </a:lnTo>
                    <a:lnTo>
                      <a:pt x="1712" y="112"/>
                    </a:lnTo>
                    <a:lnTo>
                      <a:pt x="1708" y="110"/>
                    </a:lnTo>
                    <a:lnTo>
                      <a:pt x="1705" y="106"/>
                    </a:lnTo>
                    <a:lnTo>
                      <a:pt x="1701" y="101"/>
                    </a:lnTo>
                    <a:lnTo>
                      <a:pt x="1693" y="90"/>
                    </a:lnTo>
                    <a:lnTo>
                      <a:pt x="1686" y="83"/>
                    </a:lnTo>
                    <a:lnTo>
                      <a:pt x="1679" y="77"/>
                    </a:lnTo>
                    <a:lnTo>
                      <a:pt x="1672" y="75"/>
                    </a:lnTo>
                    <a:lnTo>
                      <a:pt x="1664" y="73"/>
                    </a:lnTo>
                    <a:lnTo>
                      <a:pt x="1658" y="75"/>
                    </a:lnTo>
                    <a:lnTo>
                      <a:pt x="1650" y="76"/>
                    </a:lnTo>
                    <a:lnTo>
                      <a:pt x="1644" y="79"/>
                    </a:lnTo>
                    <a:lnTo>
                      <a:pt x="1631" y="85"/>
                    </a:lnTo>
                    <a:lnTo>
                      <a:pt x="1619" y="92"/>
                    </a:lnTo>
                    <a:lnTo>
                      <a:pt x="1614" y="94"/>
                    </a:lnTo>
                    <a:lnTo>
                      <a:pt x="1610" y="95"/>
                    </a:lnTo>
                    <a:lnTo>
                      <a:pt x="1606" y="95"/>
                    </a:lnTo>
                    <a:lnTo>
                      <a:pt x="1602" y="94"/>
                    </a:lnTo>
                    <a:lnTo>
                      <a:pt x="1596" y="86"/>
                    </a:lnTo>
                    <a:lnTo>
                      <a:pt x="1591" y="79"/>
                    </a:lnTo>
                    <a:lnTo>
                      <a:pt x="1587" y="70"/>
                    </a:lnTo>
                    <a:lnTo>
                      <a:pt x="1583" y="61"/>
                    </a:lnTo>
                    <a:lnTo>
                      <a:pt x="1578" y="41"/>
                    </a:lnTo>
                    <a:lnTo>
                      <a:pt x="1572" y="23"/>
                    </a:lnTo>
                    <a:lnTo>
                      <a:pt x="1570" y="15"/>
                    </a:lnTo>
                    <a:lnTo>
                      <a:pt x="1567" y="10"/>
                    </a:lnTo>
                    <a:lnTo>
                      <a:pt x="1565" y="6"/>
                    </a:lnTo>
                    <a:lnTo>
                      <a:pt x="1562" y="4"/>
                    </a:lnTo>
                    <a:lnTo>
                      <a:pt x="1559" y="1"/>
                    </a:lnTo>
                    <a:lnTo>
                      <a:pt x="1557" y="0"/>
                    </a:lnTo>
                    <a:lnTo>
                      <a:pt x="1554" y="0"/>
                    </a:lnTo>
                    <a:lnTo>
                      <a:pt x="1550" y="1"/>
                    </a:lnTo>
                    <a:lnTo>
                      <a:pt x="1545" y="5"/>
                    </a:lnTo>
                    <a:lnTo>
                      <a:pt x="1539" y="13"/>
                    </a:lnTo>
                    <a:lnTo>
                      <a:pt x="1532" y="22"/>
                    </a:lnTo>
                    <a:lnTo>
                      <a:pt x="1526" y="33"/>
                    </a:lnTo>
                    <a:lnTo>
                      <a:pt x="1514" y="58"/>
                    </a:lnTo>
                    <a:lnTo>
                      <a:pt x="1501" y="83"/>
                    </a:lnTo>
                    <a:lnTo>
                      <a:pt x="1496" y="94"/>
                    </a:lnTo>
                    <a:lnTo>
                      <a:pt x="1490" y="103"/>
                    </a:lnTo>
                    <a:lnTo>
                      <a:pt x="1484" y="111"/>
                    </a:lnTo>
                    <a:lnTo>
                      <a:pt x="1479" y="115"/>
                    </a:lnTo>
                    <a:lnTo>
                      <a:pt x="1470" y="133"/>
                    </a:lnTo>
                    <a:lnTo>
                      <a:pt x="1460" y="154"/>
                    </a:lnTo>
                    <a:lnTo>
                      <a:pt x="1457" y="158"/>
                    </a:lnTo>
                    <a:lnTo>
                      <a:pt x="1453" y="162"/>
                    </a:lnTo>
                    <a:lnTo>
                      <a:pt x="1451" y="164"/>
                    </a:lnTo>
                    <a:lnTo>
                      <a:pt x="1447" y="165"/>
                    </a:lnTo>
                    <a:lnTo>
                      <a:pt x="1443" y="167"/>
                    </a:lnTo>
                    <a:lnTo>
                      <a:pt x="1439" y="165"/>
                    </a:lnTo>
                    <a:lnTo>
                      <a:pt x="1434" y="164"/>
                    </a:lnTo>
                    <a:lnTo>
                      <a:pt x="1429" y="160"/>
                    </a:lnTo>
                    <a:lnTo>
                      <a:pt x="1425" y="156"/>
                    </a:lnTo>
                    <a:lnTo>
                      <a:pt x="1421" y="155"/>
                    </a:lnTo>
                    <a:lnTo>
                      <a:pt x="1418" y="155"/>
                    </a:lnTo>
                    <a:lnTo>
                      <a:pt x="1416" y="155"/>
                    </a:lnTo>
                    <a:lnTo>
                      <a:pt x="1413" y="156"/>
                    </a:lnTo>
                    <a:lnTo>
                      <a:pt x="1411" y="159"/>
                    </a:lnTo>
                    <a:lnTo>
                      <a:pt x="1409" y="162"/>
                    </a:lnTo>
                    <a:lnTo>
                      <a:pt x="1408" y="164"/>
                    </a:lnTo>
                    <a:lnTo>
                      <a:pt x="1407" y="180"/>
                    </a:lnTo>
                    <a:lnTo>
                      <a:pt x="1407" y="193"/>
                    </a:lnTo>
                    <a:lnTo>
                      <a:pt x="1408" y="206"/>
                    </a:lnTo>
                    <a:lnTo>
                      <a:pt x="1407" y="215"/>
                    </a:lnTo>
                    <a:lnTo>
                      <a:pt x="1404" y="221"/>
                    </a:lnTo>
                    <a:lnTo>
                      <a:pt x="1401" y="225"/>
                    </a:lnTo>
                    <a:lnTo>
                      <a:pt x="1396" y="226"/>
                    </a:lnTo>
                    <a:lnTo>
                      <a:pt x="1391" y="226"/>
                    </a:lnTo>
                    <a:lnTo>
                      <a:pt x="1386" y="226"/>
                    </a:lnTo>
                    <a:lnTo>
                      <a:pt x="1381" y="224"/>
                    </a:lnTo>
                    <a:lnTo>
                      <a:pt x="1376" y="222"/>
                    </a:lnTo>
                    <a:lnTo>
                      <a:pt x="1370" y="221"/>
                    </a:lnTo>
                    <a:lnTo>
                      <a:pt x="1366" y="221"/>
                    </a:lnTo>
                    <a:lnTo>
                      <a:pt x="1364" y="222"/>
                    </a:lnTo>
                    <a:lnTo>
                      <a:pt x="1363" y="225"/>
                    </a:lnTo>
                    <a:lnTo>
                      <a:pt x="1364" y="232"/>
                    </a:lnTo>
                    <a:lnTo>
                      <a:pt x="1365" y="239"/>
                    </a:lnTo>
                    <a:lnTo>
                      <a:pt x="1370" y="251"/>
                    </a:lnTo>
                    <a:lnTo>
                      <a:pt x="1378" y="265"/>
                    </a:lnTo>
                    <a:lnTo>
                      <a:pt x="1387" y="283"/>
                    </a:lnTo>
                    <a:lnTo>
                      <a:pt x="1391" y="291"/>
                    </a:lnTo>
                    <a:lnTo>
                      <a:pt x="1395" y="300"/>
                    </a:lnTo>
                    <a:lnTo>
                      <a:pt x="1396" y="308"/>
                    </a:lnTo>
                    <a:lnTo>
                      <a:pt x="1396" y="314"/>
                    </a:lnTo>
                    <a:lnTo>
                      <a:pt x="1392" y="323"/>
                    </a:lnTo>
                    <a:lnTo>
                      <a:pt x="1388" y="330"/>
                    </a:lnTo>
                    <a:lnTo>
                      <a:pt x="1383" y="334"/>
                    </a:lnTo>
                    <a:lnTo>
                      <a:pt x="1377" y="335"/>
                    </a:lnTo>
                    <a:lnTo>
                      <a:pt x="1370" y="335"/>
                    </a:lnTo>
                    <a:lnTo>
                      <a:pt x="1364" y="333"/>
                    </a:lnTo>
                    <a:lnTo>
                      <a:pt x="1356" y="330"/>
                    </a:lnTo>
                    <a:lnTo>
                      <a:pt x="1350" y="325"/>
                    </a:lnTo>
                    <a:lnTo>
                      <a:pt x="1322" y="304"/>
                    </a:lnTo>
                    <a:lnTo>
                      <a:pt x="1307" y="291"/>
                    </a:lnTo>
                    <a:lnTo>
                      <a:pt x="1303" y="290"/>
                    </a:lnTo>
                    <a:lnTo>
                      <a:pt x="1300" y="290"/>
                    </a:lnTo>
                    <a:lnTo>
                      <a:pt x="1298" y="291"/>
                    </a:lnTo>
                    <a:lnTo>
                      <a:pt x="1297" y="294"/>
                    </a:lnTo>
                    <a:lnTo>
                      <a:pt x="1294" y="299"/>
                    </a:lnTo>
                    <a:lnTo>
                      <a:pt x="1293" y="307"/>
                    </a:lnTo>
                    <a:lnTo>
                      <a:pt x="1293" y="323"/>
                    </a:lnTo>
                    <a:lnTo>
                      <a:pt x="1293" y="336"/>
                    </a:lnTo>
                    <a:lnTo>
                      <a:pt x="1294" y="353"/>
                    </a:lnTo>
                    <a:lnTo>
                      <a:pt x="1293" y="366"/>
                    </a:lnTo>
                    <a:lnTo>
                      <a:pt x="1291" y="375"/>
                    </a:lnTo>
                    <a:lnTo>
                      <a:pt x="1289" y="379"/>
                    </a:lnTo>
                    <a:lnTo>
                      <a:pt x="1287" y="380"/>
                    </a:lnTo>
                    <a:lnTo>
                      <a:pt x="1285" y="380"/>
                    </a:lnTo>
                    <a:lnTo>
                      <a:pt x="1284" y="380"/>
                    </a:lnTo>
                    <a:lnTo>
                      <a:pt x="1281" y="379"/>
                    </a:lnTo>
                    <a:lnTo>
                      <a:pt x="1277" y="375"/>
                    </a:lnTo>
                    <a:lnTo>
                      <a:pt x="1272" y="369"/>
                    </a:lnTo>
                    <a:lnTo>
                      <a:pt x="1262" y="352"/>
                    </a:lnTo>
                    <a:lnTo>
                      <a:pt x="1252" y="333"/>
                    </a:lnTo>
                    <a:lnTo>
                      <a:pt x="1245" y="313"/>
                    </a:lnTo>
                    <a:lnTo>
                      <a:pt x="1241" y="298"/>
                    </a:lnTo>
                    <a:lnTo>
                      <a:pt x="1236" y="301"/>
                    </a:lnTo>
                    <a:lnTo>
                      <a:pt x="1233" y="307"/>
                    </a:lnTo>
                    <a:lnTo>
                      <a:pt x="1230" y="312"/>
                    </a:lnTo>
                    <a:lnTo>
                      <a:pt x="1229" y="318"/>
                    </a:lnTo>
                    <a:lnTo>
                      <a:pt x="1229" y="330"/>
                    </a:lnTo>
                    <a:lnTo>
                      <a:pt x="1230" y="342"/>
                    </a:lnTo>
                    <a:lnTo>
                      <a:pt x="1230" y="349"/>
                    </a:lnTo>
                    <a:lnTo>
                      <a:pt x="1230" y="356"/>
                    </a:lnTo>
                    <a:lnTo>
                      <a:pt x="1229" y="361"/>
                    </a:lnTo>
                    <a:lnTo>
                      <a:pt x="1227" y="366"/>
                    </a:lnTo>
                    <a:lnTo>
                      <a:pt x="1223" y="374"/>
                    </a:lnTo>
                    <a:lnTo>
                      <a:pt x="1219" y="387"/>
                    </a:lnTo>
                    <a:lnTo>
                      <a:pt x="1220" y="393"/>
                    </a:lnTo>
                    <a:lnTo>
                      <a:pt x="1225" y="404"/>
                    </a:lnTo>
                    <a:lnTo>
                      <a:pt x="1232" y="417"/>
                    </a:lnTo>
                    <a:lnTo>
                      <a:pt x="1238" y="430"/>
                    </a:lnTo>
                    <a:lnTo>
                      <a:pt x="1241" y="435"/>
                    </a:lnTo>
                    <a:lnTo>
                      <a:pt x="1242" y="440"/>
                    </a:lnTo>
                    <a:lnTo>
                      <a:pt x="1243" y="445"/>
                    </a:lnTo>
                    <a:lnTo>
                      <a:pt x="1242" y="448"/>
                    </a:lnTo>
                    <a:lnTo>
                      <a:pt x="1241" y="450"/>
                    </a:lnTo>
                    <a:lnTo>
                      <a:pt x="1237" y="450"/>
                    </a:lnTo>
                    <a:lnTo>
                      <a:pt x="1232" y="449"/>
                    </a:lnTo>
                    <a:lnTo>
                      <a:pt x="1224" y="447"/>
                    </a:lnTo>
                    <a:lnTo>
                      <a:pt x="1210" y="437"/>
                    </a:lnTo>
                    <a:lnTo>
                      <a:pt x="1194" y="430"/>
                    </a:lnTo>
                    <a:lnTo>
                      <a:pt x="1186" y="428"/>
                    </a:lnTo>
                    <a:lnTo>
                      <a:pt x="1181" y="430"/>
                    </a:lnTo>
                    <a:lnTo>
                      <a:pt x="1179" y="431"/>
                    </a:lnTo>
                    <a:lnTo>
                      <a:pt x="1177" y="434"/>
                    </a:lnTo>
                    <a:lnTo>
                      <a:pt x="1176" y="437"/>
                    </a:lnTo>
                    <a:lnTo>
                      <a:pt x="1176" y="443"/>
                    </a:lnTo>
                    <a:lnTo>
                      <a:pt x="1177" y="456"/>
                    </a:lnTo>
                    <a:lnTo>
                      <a:pt x="1177" y="469"/>
                    </a:lnTo>
                    <a:lnTo>
                      <a:pt x="1179" y="479"/>
                    </a:lnTo>
                    <a:lnTo>
                      <a:pt x="1181" y="487"/>
                    </a:lnTo>
                    <a:lnTo>
                      <a:pt x="1183" y="491"/>
                    </a:lnTo>
                    <a:lnTo>
                      <a:pt x="1185" y="493"/>
                    </a:lnTo>
                    <a:lnTo>
                      <a:pt x="1188" y="496"/>
                    </a:lnTo>
                    <a:lnTo>
                      <a:pt x="1192" y="497"/>
                    </a:lnTo>
                    <a:lnTo>
                      <a:pt x="1195" y="497"/>
                    </a:lnTo>
                    <a:lnTo>
                      <a:pt x="1202" y="497"/>
                    </a:lnTo>
                    <a:lnTo>
                      <a:pt x="1208" y="496"/>
                    </a:lnTo>
                    <a:lnTo>
                      <a:pt x="1215" y="493"/>
                    </a:lnTo>
                    <a:lnTo>
                      <a:pt x="1217" y="493"/>
                    </a:lnTo>
                    <a:lnTo>
                      <a:pt x="1217" y="497"/>
                    </a:lnTo>
                    <a:lnTo>
                      <a:pt x="1217" y="501"/>
                    </a:lnTo>
                    <a:lnTo>
                      <a:pt x="1216" y="507"/>
                    </a:lnTo>
                    <a:lnTo>
                      <a:pt x="1215" y="520"/>
                    </a:lnTo>
                    <a:lnTo>
                      <a:pt x="1215" y="531"/>
                    </a:lnTo>
                    <a:lnTo>
                      <a:pt x="1216" y="537"/>
                    </a:lnTo>
                    <a:lnTo>
                      <a:pt x="1216" y="545"/>
                    </a:lnTo>
                    <a:lnTo>
                      <a:pt x="1216" y="553"/>
                    </a:lnTo>
                    <a:lnTo>
                      <a:pt x="1215" y="561"/>
                    </a:lnTo>
                    <a:lnTo>
                      <a:pt x="1212" y="567"/>
                    </a:lnTo>
                    <a:lnTo>
                      <a:pt x="1210" y="575"/>
                    </a:lnTo>
                    <a:lnTo>
                      <a:pt x="1207" y="580"/>
                    </a:lnTo>
                    <a:lnTo>
                      <a:pt x="1203" y="585"/>
                    </a:lnTo>
                    <a:lnTo>
                      <a:pt x="1195" y="590"/>
                    </a:lnTo>
                    <a:lnTo>
                      <a:pt x="1189" y="594"/>
                    </a:lnTo>
                    <a:lnTo>
                      <a:pt x="1181" y="596"/>
                    </a:lnTo>
                    <a:lnTo>
                      <a:pt x="1175" y="598"/>
                    </a:lnTo>
                    <a:lnTo>
                      <a:pt x="1172" y="599"/>
                    </a:lnTo>
                    <a:lnTo>
                      <a:pt x="1171" y="601"/>
                    </a:lnTo>
                    <a:lnTo>
                      <a:pt x="1170" y="603"/>
                    </a:lnTo>
                    <a:lnTo>
                      <a:pt x="1168" y="606"/>
                    </a:lnTo>
                    <a:lnTo>
                      <a:pt x="1170" y="612"/>
                    </a:lnTo>
                    <a:lnTo>
                      <a:pt x="1175" y="623"/>
                    </a:lnTo>
                    <a:lnTo>
                      <a:pt x="1179" y="631"/>
                    </a:lnTo>
                    <a:lnTo>
                      <a:pt x="1181" y="636"/>
                    </a:lnTo>
                    <a:lnTo>
                      <a:pt x="1181" y="640"/>
                    </a:lnTo>
                    <a:lnTo>
                      <a:pt x="1180" y="643"/>
                    </a:lnTo>
                    <a:lnTo>
                      <a:pt x="1179" y="646"/>
                    </a:lnTo>
                    <a:lnTo>
                      <a:pt x="1176" y="646"/>
                    </a:lnTo>
                    <a:lnTo>
                      <a:pt x="1172" y="646"/>
                    </a:lnTo>
                    <a:lnTo>
                      <a:pt x="1167" y="646"/>
                    </a:lnTo>
                    <a:lnTo>
                      <a:pt x="1158" y="643"/>
                    </a:lnTo>
                    <a:lnTo>
                      <a:pt x="1149" y="640"/>
                    </a:lnTo>
                    <a:lnTo>
                      <a:pt x="1142" y="636"/>
                    </a:lnTo>
                    <a:lnTo>
                      <a:pt x="1140" y="633"/>
                    </a:lnTo>
                    <a:lnTo>
                      <a:pt x="1135" y="638"/>
                    </a:lnTo>
                    <a:lnTo>
                      <a:pt x="1132" y="646"/>
                    </a:lnTo>
                    <a:lnTo>
                      <a:pt x="1129" y="655"/>
                    </a:lnTo>
                    <a:lnTo>
                      <a:pt x="1128" y="664"/>
                    </a:lnTo>
                    <a:lnTo>
                      <a:pt x="1127" y="672"/>
                    </a:lnTo>
                    <a:lnTo>
                      <a:pt x="1124" y="680"/>
                    </a:lnTo>
                    <a:lnTo>
                      <a:pt x="1123" y="684"/>
                    </a:lnTo>
                    <a:lnTo>
                      <a:pt x="1122" y="685"/>
                    </a:lnTo>
                    <a:lnTo>
                      <a:pt x="1105" y="677"/>
                    </a:lnTo>
                    <a:lnTo>
                      <a:pt x="1097" y="675"/>
                    </a:lnTo>
                    <a:lnTo>
                      <a:pt x="1096" y="676"/>
                    </a:lnTo>
                    <a:lnTo>
                      <a:pt x="1096" y="680"/>
                    </a:lnTo>
                    <a:lnTo>
                      <a:pt x="1097" y="686"/>
                    </a:lnTo>
                    <a:lnTo>
                      <a:pt x="1098" y="695"/>
                    </a:lnTo>
                    <a:lnTo>
                      <a:pt x="1100" y="704"/>
                    </a:lnTo>
                    <a:lnTo>
                      <a:pt x="1098" y="712"/>
                    </a:lnTo>
                    <a:lnTo>
                      <a:pt x="1096" y="717"/>
                    </a:lnTo>
                    <a:lnTo>
                      <a:pt x="1092" y="722"/>
                    </a:lnTo>
                    <a:lnTo>
                      <a:pt x="1085" y="724"/>
                    </a:lnTo>
                    <a:lnTo>
                      <a:pt x="1078" y="726"/>
                    </a:lnTo>
                    <a:lnTo>
                      <a:pt x="1070" y="726"/>
                    </a:lnTo>
                    <a:lnTo>
                      <a:pt x="1061" y="725"/>
                    </a:lnTo>
                    <a:lnTo>
                      <a:pt x="1041" y="724"/>
                    </a:lnTo>
                    <a:lnTo>
                      <a:pt x="1022" y="720"/>
                    </a:lnTo>
                    <a:lnTo>
                      <a:pt x="1013" y="720"/>
                    </a:lnTo>
                    <a:lnTo>
                      <a:pt x="1004" y="719"/>
                    </a:lnTo>
                    <a:lnTo>
                      <a:pt x="995" y="719"/>
                    </a:lnTo>
                    <a:lnTo>
                      <a:pt x="987" y="720"/>
                    </a:lnTo>
                    <a:lnTo>
                      <a:pt x="988" y="722"/>
                    </a:lnTo>
                    <a:lnTo>
                      <a:pt x="989" y="725"/>
                    </a:lnTo>
                    <a:lnTo>
                      <a:pt x="993" y="729"/>
                    </a:lnTo>
                    <a:lnTo>
                      <a:pt x="999" y="733"/>
                    </a:lnTo>
                    <a:lnTo>
                      <a:pt x="1010" y="741"/>
                    </a:lnTo>
                    <a:lnTo>
                      <a:pt x="1024" y="750"/>
                    </a:lnTo>
                    <a:lnTo>
                      <a:pt x="1053" y="765"/>
                    </a:lnTo>
                    <a:lnTo>
                      <a:pt x="1074" y="773"/>
                    </a:lnTo>
                    <a:lnTo>
                      <a:pt x="1063" y="778"/>
                    </a:lnTo>
                    <a:lnTo>
                      <a:pt x="1044" y="789"/>
                    </a:lnTo>
                    <a:lnTo>
                      <a:pt x="1035" y="795"/>
                    </a:lnTo>
                    <a:lnTo>
                      <a:pt x="1028" y="803"/>
                    </a:lnTo>
                    <a:lnTo>
                      <a:pt x="1027" y="807"/>
                    </a:lnTo>
                    <a:lnTo>
                      <a:pt x="1027" y="811"/>
                    </a:lnTo>
                    <a:lnTo>
                      <a:pt x="1028" y="813"/>
                    </a:lnTo>
                    <a:lnTo>
                      <a:pt x="1032" y="817"/>
                    </a:lnTo>
                    <a:lnTo>
                      <a:pt x="1049" y="831"/>
                    </a:lnTo>
                    <a:lnTo>
                      <a:pt x="1062" y="840"/>
                    </a:lnTo>
                    <a:lnTo>
                      <a:pt x="1070" y="843"/>
                    </a:lnTo>
                    <a:lnTo>
                      <a:pt x="1078" y="842"/>
                    </a:lnTo>
                    <a:lnTo>
                      <a:pt x="1088" y="839"/>
                    </a:lnTo>
                    <a:lnTo>
                      <a:pt x="1101" y="835"/>
                    </a:lnTo>
                    <a:lnTo>
                      <a:pt x="1129" y="824"/>
                    </a:lnTo>
                    <a:lnTo>
                      <a:pt x="1157" y="811"/>
                    </a:lnTo>
                    <a:lnTo>
                      <a:pt x="1170" y="803"/>
                    </a:lnTo>
                    <a:lnTo>
                      <a:pt x="1183" y="795"/>
                    </a:lnTo>
                    <a:lnTo>
                      <a:pt x="1193" y="785"/>
                    </a:lnTo>
                    <a:lnTo>
                      <a:pt x="1203" y="773"/>
                    </a:lnTo>
                    <a:lnTo>
                      <a:pt x="1210" y="769"/>
                    </a:lnTo>
                    <a:lnTo>
                      <a:pt x="1219" y="763"/>
                    </a:lnTo>
                    <a:lnTo>
                      <a:pt x="1229" y="757"/>
                    </a:lnTo>
                    <a:lnTo>
                      <a:pt x="1236" y="757"/>
                    </a:lnTo>
                    <a:lnTo>
                      <a:pt x="1236" y="759"/>
                    </a:lnTo>
                    <a:lnTo>
                      <a:pt x="1236" y="763"/>
                    </a:lnTo>
                    <a:lnTo>
                      <a:pt x="1233" y="767"/>
                    </a:lnTo>
                    <a:lnTo>
                      <a:pt x="1230" y="772"/>
                    </a:lnTo>
                    <a:lnTo>
                      <a:pt x="1224" y="781"/>
                    </a:lnTo>
                    <a:lnTo>
                      <a:pt x="1220" y="787"/>
                    </a:lnTo>
                    <a:lnTo>
                      <a:pt x="1210" y="804"/>
                    </a:lnTo>
                    <a:lnTo>
                      <a:pt x="1197" y="824"/>
                    </a:lnTo>
                    <a:lnTo>
                      <a:pt x="1190" y="831"/>
                    </a:lnTo>
                    <a:lnTo>
                      <a:pt x="1184" y="840"/>
                    </a:lnTo>
                    <a:lnTo>
                      <a:pt x="1176" y="847"/>
                    </a:lnTo>
                    <a:lnTo>
                      <a:pt x="1167" y="851"/>
                    </a:lnTo>
                    <a:lnTo>
                      <a:pt x="1140" y="865"/>
                    </a:lnTo>
                    <a:lnTo>
                      <a:pt x="1102" y="887"/>
                    </a:lnTo>
                    <a:lnTo>
                      <a:pt x="1083" y="899"/>
                    </a:lnTo>
                    <a:lnTo>
                      <a:pt x="1067" y="912"/>
                    </a:lnTo>
                    <a:lnTo>
                      <a:pt x="1059" y="917"/>
                    </a:lnTo>
                    <a:lnTo>
                      <a:pt x="1054" y="923"/>
                    </a:lnTo>
                    <a:lnTo>
                      <a:pt x="1049" y="928"/>
                    </a:lnTo>
                    <a:lnTo>
                      <a:pt x="1046" y="934"/>
                    </a:lnTo>
                    <a:lnTo>
                      <a:pt x="1041" y="945"/>
                    </a:lnTo>
                    <a:lnTo>
                      <a:pt x="1036" y="956"/>
                    </a:lnTo>
                    <a:lnTo>
                      <a:pt x="1032" y="966"/>
                    </a:lnTo>
                    <a:lnTo>
                      <a:pt x="1028" y="979"/>
                    </a:lnTo>
                    <a:lnTo>
                      <a:pt x="1027" y="984"/>
                    </a:lnTo>
                    <a:lnTo>
                      <a:pt x="1027" y="991"/>
                    </a:lnTo>
                    <a:lnTo>
                      <a:pt x="1028" y="995"/>
                    </a:lnTo>
                    <a:lnTo>
                      <a:pt x="1030" y="1000"/>
                    </a:lnTo>
                    <a:lnTo>
                      <a:pt x="1034" y="1009"/>
                    </a:lnTo>
                    <a:lnTo>
                      <a:pt x="1035" y="1018"/>
                    </a:lnTo>
                    <a:lnTo>
                      <a:pt x="1032" y="1040"/>
                    </a:lnTo>
                    <a:lnTo>
                      <a:pt x="1028" y="1061"/>
                    </a:lnTo>
                    <a:lnTo>
                      <a:pt x="1030" y="1064"/>
                    </a:lnTo>
                    <a:lnTo>
                      <a:pt x="1031" y="1067"/>
                    </a:lnTo>
                    <a:lnTo>
                      <a:pt x="1032" y="1070"/>
                    </a:lnTo>
                    <a:lnTo>
                      <a:pt x="1036" y="1071"/>
                    </a:lnTo>
                    <a:lnTo>
                      <a:pt x="1040" y="1071"/>
                    </a:lnTo>
                    <a:lnTo>
                      <a:pt x="1046" y="1071"/>
                    </a:lnTo>
                    <a:lnTo>
                      <a:pt x="1054" y="1068"/>
                    </a:lnTo>
                    <a:lnTo>
                      <a:pt x="1063" y="1066"/>
                    </a:lnTo>
                    <a:lnTo>
                      <a:pt x="1093" y="1048"/>
                    </a:lnTo>
                    <a:lnTo>
                      <a:pt x="1131" y="1026"/>
                    </a:lnTo>
                    <a:lnTo>
                      <a:pt x="1138" y="1022"/>
                    </a:lnTo>
                    <a:lnTo>
                      <a:pt x="1146" y="1019"/>
                    </a:lnTo>
                    <a:lnTo>
                      <a:pt x="1154" y="1018"/>
                    </a:lnTo>
                    <a:lnTo>
                      <a:pt x="1159" y="1018"/>
                    </a:lnTo>
                    <a:lnTo>
                      <a:pt x="1162" y="1019"/>
                    </a:lnTo>
                    <a:lnTo>
                      <a:pt x="1164" y="1020"/>
                    </a:lnTo>
                    <a:lnTo>
                      <a:pt x="1166" y="1023"/>
                    </a:lnTo>
                    <a:lnTo>
                      <a:pt x="1167" y="1026"/>
                    </a:lnTo>
                    <a:lnTo>
                      <a:pt x="1168" y="1033"/>
                    </a:lnTo>
                    <a:lnTo>
                      <a:pt x="1167" y="1044"/>
                    </a:lnTo>
                    <a:lnTo>
                      <a:pt x="1164" y="1054"/>
                    </a:lnTo>
                    <a:lnTo>
                      <a:pt x="1164" y="1063"/>
                    </a:lnTo>
                    <a:lnTo>
                      <a:pt x="1164" y="1072"/>
                    </a:lnTo>
                    <a:lnTo>
                      <a:pt x="1166" y="1081"/>
                    </a:lnTo>
                    <a:lnTo>
                      <a:pt x="1170" y="1097"/>
                    </a:lnTo>
                    <a:lnTo>
                      <a:pt x="1176" y="1111"/>
                    </a:lnTo>
                    <a:lnTo>
                      <a:pt x="1184" y="1124"/>
                    </a:lnTo>
                    <a:lnTo>
                      <a:pt x="1192" y="1138"/>
                    </a:lnTo>
                    <a:lnTo>
                      <a:pt x="1201" y="1154"/>
                    </a:lnTo>
                    <a:lnTo>
                      <a:pt x="1207" y="1172"/>
                    </a:lnTo>
                    <a:lnTo>
                      <a:pt x="1211" y="1184"/>
                    </a:lnTo>
                    <a:lnTo>
                      <a:pt x="1217" y="1195"/>
                    </a:lnTo>
                    <a:lnTo>
                      <a:pt x="1223" y="1207"/>
                    </a:lnTo>
                    <a:lnTo>
                      <a:pt x="1227" y="1217"/>
                    </a:lnTo>
                    <a:lnTo>
                      <a:pt x="1219" y="1216"/>
                    </a:lnTo>
                    <a:lnTo>
                      <a:pt x="1212" y="1215"/>
                    </a:lnTo>
                    <a:lnTo>
                      <a:pt x="1205" y="1213"/>
                    </a:lnTo>
                    <a:lnTo>
                      <a:pt x="1198" y="1211"/>
                    </a:lnTo>
                    <a:lnTo>
                      <a:pt x="1186" y="1206"/>
                    </a:lnTo>
                    <a:lnTo>
                      <a:pt x="1175" y="1202"/>
                    </a:lnTo>
                    <a:lnTo>
                      <a:pt x="1170" y="1200"/>
                    </a:lnTo>
                    <a:lnTo>
                      <a:pt x="1163" y="1200"/>
                    </a:lnTo>
                    <a:lnTo>
                      <a:pt x="1158" y="1202"/>
                    </a:lnTo>
                    <a:lnTo>
                      <a:pt x="1153" y="1203"/>
                    </a:lnTo>
                    <a:lnTo>
                      <a:pt x="1148" y="1207"/>
                    </a:lnTo>
                    <a:lnTo>
                      <a:pt x="1142" y="1212"/>
                    </a:lnTo>
                    <a:lnTo>
                      <a:pt x="1137" y="1219"/>
                    </a:lnTo>
                    <a:lnTo>
                      <a:pt x="1131" y="1228"/>
                    </a:lnTo>
                    <a:lnTo>
                      <a:pt x="1123" y="1243"/>
                    </a:lnTo>
                    <a:lnTo>
                      <a:pt x="1119" y="1256"/>
                    </a:lnTo>
                    <a:lnTo>
                      <a:pt x="1118" y="1268"/>
                    </a:lnTo>
                    <a:lnTo>
                      <a:pt x="1119" y="1278"/>
                    </a:lnTo>
                    <a:lnTo>
                      <a:pt x="1125" y="1299"/>
                    </a:lnTo>
                    <a:lnTo>
                      <a:pt x="1136" y="1327"/>
                    </a:lnTo>
                    <a:lnTo>
                      <a:pt x="1138" y="1339"/>
                    </a:lnTo>
                    <a:lnTo>
                      <a:pt x="1141" y="1349"/>
                    </a:lnTo>
                    <a:lnTo>
                      <a:pt x="1142" y="1360"/>
                    </a:lnTo>
                    <a:lnTo>
                      <a:pt x="1142" y="1370"/>
                    </a:lnTo>
                    <a:lnTo>
                      <a:pt x="1141" y="1381"/>
                    </a:lnTo>
                    <a:lnTo>
                      <a:pt x="1136" y="1390"/>
                    </a:lnTo>
                    <a:lnTo>
                      <a:pt x="1133" y="1394"/>
                    </a:lnTo>
                    <a:lnTo>
                      <a:pt x="1129" y="1397"/>
                    </a:lnTo>
                    <a:lnTo>
                      <a:pt x="1125" y="1401"/>
                    </a:lnTo>
                    <a:lnTo>
                      <a:pt x="1120" y="1405"/>
                    </a:lnTo>
                    <a:lnTo>
                      <a:pt x="1113" y="1408"/>
                    </a:lnTo>
                    <a:lnTo>
                      <a:pt x="1105" y="1408"/>
                    </a:lnTo>
                    <a:lnTo>
                      <a:pt x="1096" y="1408"/>
                    </a:lnTo>
                    <a:lnTo>
                      <a:pt x="1087" y="1406"/>
                    </a:lnTo>
                    <a:lnTo>
                      <a:pt x="1078" y="1405"/>
                    </a:lnTo>
                    <a:lnTo>
                      <a:pt x="1070" y="1405"/>
                    </a:lnTo>
                    <a:lnTo>
                      <a:pt x="1066" y="1405"/>
                    </a:lnTo>
                    <a:lnTo>
                      <a:pt x="1062" y="1406"/>
                    </a:lnTo>
                    <a:lnTo>
                      <a:pt x="1059" y="1408"/>
                    </a:lnTo>
                    <a:lnTo>
                      <a:pt x="1057" y="1410"/>
                    </a:lnTo>
                    <a:lnTo>
                      <a:pt x="1050" y="1421"/>
                    </a:lnTo>
                    <a:lnTo>
                      <a:pt x="1048" y="1430"/>
                    </a:lnTo>
                    <a:lnTo>
                      <a:pt x="1045" y="1439"/>
                    </a:lnTo>
                    <a:lnTo>
                      <a:pt x="1044" y="1448"/>
                    </a:lnTo>
                    <a:lnTo>
                      <a:pt x="1040" y="1457"/>
                    </a:lnTo>
                    <a:lnTo>
                      <a:pt x="1036" y="1465"/>
                    </a:lnTo>
                    <a:lnTo>
                      <a:pt x="1032" y="1469"/>
                    </a:lnTo>
                    <a:lnTo>
                      <a:pt x="1028" y="1473"/>
                    </a:lnTo>
                    <a:lnTo>
                      <a:pt x="1023" y="1476"/>
                    </a:lnTo>
                    <a:lnTo>
                      <a:pt x="1015" y="1479"/>
                    </a:lnTo>
                    <a:lnTo>
                      <a:pt x="1004" y="1485"/>
                    </a:lnTo>
                    <a:lnTo>
                      <a:pt x="995" y="1493"/>
                    </a:lnTo>
                    <a:lnTo>
                      <a:pt x="988" y="1501"/>
                    </a:lnTo>
                    <a:lnTo>
                      <a:pt x="983" y="1510"/>
                    </a:lnTo>
                    <a:lnTo>
                      <a:pt x="977" y="1530"/>
                    </a:lnTo>
                    <a:lnTo>
                      <a:pt x="970" y="1554"/>
                    </a:lnTo>
                    <a:lnTo>
                      <a:pt x="969" y="1566"/>
                    </a:lnTo>
                    <a:lnTo>
                      <a:pt x="969" y="1577"/>
                    </a:lnTo>
                    <a:lnTo>
                      <a:pt x="967" y="1583"/>
                    </a:lnTo>
                    <a:lnTo>
                      <a:pt x="967" y="1589"/>
                    </a:lnTo>
                    <a:lnTo>
                      <a:pt x="966" y="1594"/>
                    </a:lnTo>
                    <a:lnTo>
                      <a:pt x="964" y="1599"/>
                    </a:lnTo>
                    <a:lnTo>
                      <a:pt x="958" y="1605"/>
                    </a:lnTo>
                    <a:lnTo>
                      <a:pt x="954" y="1609"/>
                    </a:lnTo>
                    <a:lnTo>
                      <a:pt x="951" y="1609"/>
                    </a:lnTo>
                    <a:lnTo>
                      <a:pt x="948" y="1606"/>
                    </a:lnTo>
                    <a:lnTo>
                      <a:pt x="945" y="1602"/>
                    </a:lnTo>
                    <a:lnTo>
                      <a:pt x="944" y="1597"/>
                    </a:lnTo>
                    <a:lnTo>
                      <a:pt x="943" y="1589"/>
                    </a:lnTo>
                    <a:lnTo>
                      <a:pt x="942" y="1581"/>
                    </a:lnTo>
                    <a:lnTo>
                      <a:pt x="939" y="1548"/>
                    </a:lnTo>
                    <a:lnTo>
                      <a:pt x="935" y="1531"/>
                    </a:lnTo>
                    <a:lnTo>
                      <a:pt x="932" y="1536"/>
                    </a:lnTo>
                    <a:lnTo>
                      <a:pt x="927" y="1541"/>
                    </a:lnTo>
                    <a:lnTo>
                      <a:pt x="922" y="1545"/>
                    </a:lnTo>
                    <a:lnTo>
                      <a:pt x="917" y="1550"/>
                    </a:lnTo>
                    <a:lnTo>
                      <a:pt x="912" y="1555"/>
                    </a:lnTo>
                    <a:lnTo>
                      <a:pt x="909" y="1562"/>
                    </a:lnTo>
                    <a:lnTo>
                      <a:pt x="908" y="1566"/>
                    </a:lnTo>
                    <a:lnTo>
                      <a:pt x="908" y="1570"/>
                    </a:lnTo>
                    <a:lnTo>
                      <a:pt x="908" y="1574"/>
                    </a:lnTo>
                    <a:lnTo>
                      <a:pt x="910" y="1579"/>
                    </a:lnTo>
                    <a:lnTo>
                      <a:pt x="917" y="1597"/>
                    </a:lnTo>
                    <a:lnTo>
                      <a:pt x="921" y="1611"/>
                    </a:lnTo>
                    <a:lnTo>
                      <a:pt x="925" y="1624"/>
                    </a:lnTo>
                    <a:lnTo>
                      <a:pt x="926" y="1636"/>
                    </a:lnTo>
                    <a:lnTo>
                      <a:pt x="927" y="1659"/>
                    </a:lnTo>
                    <a:lnTo>
                      <a:pt x="926" y="1691"/>
                    </a:lnTo>
                    <a:lnTo>
                      <a:pt x="929" y="1706"/>
                    </a:lnTo>
                    <a:lnTo>
                      <a:pt x="934" y="1723"/>
                    </a:lnTo>
                    <a:lnTo>
                      <a:pt x="936" y="1732"/>
                    </a:lnTo>
                    <a:lnTo>
                      <a:pt x="940" y="1739"/>
                    </a:lnTo>
                    <a:lnTo>
                      <a:pt x="944" y="1746"/>
                    </a:lnTo>
                    <a:lnTo>
                      <a:pt x="948" y="1748"/>
                    </a:lnTo>
                    <a:lnTo>
                      <a:pt x="949" y="1742"/>
                    </a:lnTo>
                    <a:lnTo>
                      <a:pt x="951" y="1723"/>
                    </a:lnTo>
                    <a:lnTo>
                      <a:pt x="951" y="1711"/>
                    </a:lnTo>
                    <a:lnTo>
                      <a:pt x="951" y="1699"/>
                    </a:lnTo>
                    <a:lnTo>
                      <a:pt x="952" y="1689"/>
                    </a:lnTo>
                    <a:lnTo>
                      <a:pt x="954" y="1681"/>
                    </a:lnTo>
                    <a:lnTo>
                      <a:pt x="956" y="1676"/>
                    </a:lnTo>
                    <a:lnTo>
                      <a:pt x="958" y="1673"/>
                    </a:lnTo>
                    <a:lnTo>
                      <a:pt x="961" y="1671"/>
                    </a:lnTo>
                    <a:lnTo>
                      <a:pt x="964" y="1669"/>
                    </a:lnTo>
                    <a:lnTo>
                      <a:pt x="966" y="1669"/>
                    </a:lnTo>
                    <a:lnTo>
                      <a:pt x="970" y="1671"/>
                    </a:lnTo>
                    <a:lnTo>
                      <a:pt x="974" y="1672"/>
                    </a:lnTo>
                    <a:lnTo>
                      <a:pt x="977" y="1675"/>
                    </a:lnTo>
                    <a:lnTo>
                      <a:pt x="984" y="1681"/>
                    </a:lnTo>
                    <a:lnTo>
                      <a:pt x="992" y="1690"/>
                    </a:lnTo>
                    <a:lnTo>
                      <a:pt x="1001" y="1701"/>
                    </a:lnTo>
                    <a:lnTo>
                      <a:pt x="1009" y="1712"/>
                    </a:lnTo>
                    <a:lnTo>
                      <a:pt x="1026" y="1738"/>
                    </a:lnTo>
                    <a:lnTo>
                      <a:pt x="1041" y="1761"/>
                    </a:lnTo>
                    <a:lnTo>
                      <a:pt x="1049" y="1770"/>
                    </a:lnTo>
                    <a:lnTo>
                      <a:pt x="1056" y="1778"/>
                    </a:lnTo>
                    <a:lnTo>
                      <a:pt x="1061" y="1783"/>
                    </a:lnTo>
                    <a:lnTo>
                      <a:pt x="1065" y="1786"/>
                    </a:lnTo>
                    <a:lnTo>
                      <a:pt x="1070" y="1758"/>
                    </a:lnTo>
                    <a:lnTo>
                      <a:pt x="1076" y="1717"/>
                    </a:lnTo>
                    <a:lnTo>
                      <a:pt x="1079" y="1707"/>
                    </a:lnTo>
                    <a:lnTo>
                      <a:pt x="1081" y="1698"/>
                    </a:lnTo>
                    <a:lnTo>
                      <a:pt x="1085" y="1690"/>
                    </a:lnTo>
                    <a:lnTo>
                      <a:pt x="1089" y="1682"/>
                    </a:lnTo>
                    <a:lnTo>
                      <a:pt x="1093" y="1677"/>
                    </a:lnTo>
                    <a:lnTo>
                      <a:pt x="1098" y="1673"/>
                    </a:lnTo>
                    <a:lnTo>
                      <a:pt x="1103" y="1671"/>
                    </a:lnTo>
                    <a:lnTo>
                      <a:pt x="1110" y="1671"/>
                    </a:lnTo>
                    <a:lnTo>
                      <a:pt x="1116" y="1672"/>
                    </a:lnTo>
                    <a:lnTo>
                      <a:pt x="1120" y="1675"/>
                    </a:lnTo>
                    <a:lnTo>
                      <a:pt x="1124" y="1677"/>
                    </a:lnTo>
                    <a:lnTo>
                      <a:pt x="1128" y="1680"/>
                    </a:lnTo>
                    <a:lnTo>
                      <a:pt x="1132" y="1686"/>
                    </a:lnTo>
                    <a:lnTo>
                      <a:pt x="1136" y="1693"/>
                    </a:lnTo>
                    <a:lnTo>
                      <a:pt x="1141" y="1701"/>
                    </a:lnTo>
                    <a:lnTo>
                      <a:pt x="1148" y="1707"/>
                    </a:lnTo>
                    <a:lnTo>
                      <a:pt x="1151" y="1710"/>
                    </a:lnTo>
                    <a:lnTo>
                      <a:pt x="1157" y="1712"/>
                    </a:lnTo>
                    <a:lnTo>
                      <a:pt x="1162" y="1715"/>
                    </a:lnTo>
                    <a:lnTo>
                      <a:pt x="1170" y="1716"/>
                    </a:lnTo>
                    <a:lnTo>
                      <a:pt x="1177" y="1719"/>
                    </a:lnTo>
                    <a:lnTo>
                      <a:pt x="1184" y="1724"/>
                    </a:lnTo>
                    <a:lnTo>
                      <a:pt x="1190" y="1729"/>
                    </a:lnTo>
                    <a:lnTo>
                      <a:pt x="1195" y="1734"/>
                    </a:lnTo>
                    <a:lnTo>
                      <a:pt x="1199" y="1739"/>
                    </a:lnTo>
                    <a:lnTo>
                      <a:pt x="1205" y="1745"/>
                    </a:lnTo>
                    <a:lnTo>
                      <a:pt x="1210" y="1747"/>
                    </a:lnTo>
                    <a:lnTo>
                      <a:pt x="1216" y="1750"/>
                    </a:lnTo>
                    <a:lnTo>
                      <a:pt x="1221" y="1750"/>
                    </a:lnTo>
                    <a:lnTo>
                      <a:pt x="1225" y="1748"/>
                    </a:lnTo>
                    <a:lnTo>
                      <a:pt x="1229" y="1746"/>
                    </a:lnTo>
                    <a:lnTo>
                      <a:pt x="1232" y="1743"/>
                    </a:lnTo>
                    <a:lnTo>
                      <a:pt x="1238" y="1734"/>
                    </a:lnTo>
                    <a:lnTo>
                      <a:pt x="1245" y="1724"/>
                    </a:lnTo>
                    <a:lnTo>
                      <a:pt x="1249" y="1719"/>
                    </a:lnTo>
                    <a:lnTo>
                      <a:pt x="1252" y="1713"/>
                    </a:lnTo>
                    <a:lnTo>
                      <a:pt x="1256" y="1710"/>
                    </a:lnTo>
                    <a:lnTo>
                      <a:pt x="1262" y="1706"/>
                    </a:lnTo>
                    <a:lnTo>
                      <a:pt x="1268" y="1703"/>
                    </a:lnTo>
                    <a:lnTo>
                      <a:pt x="1276" y="1702"/>
                    </a:lnTo>
                    <a:lnTo>
                      <a:pt x="1284" y="1701"/>
                    </a:lnTo>
                    <a:lnTo>
                      <a:pt x="1293" y="1703"/>
                    </a:lnTo>
                    <a:lnTo>
                      <a:pt x="1316" y="1708"/>
                    </a:lnTo>
                    <a:lnTo>
                      <a:pt x="1338" y="1716"/>
                    </a:lnTo>
                    <a:lnTo>
                      <a:pt x="1360" y="1723"/>
                    </a:lnTo>
                    <a:lnTo>
                      <a:pt x="1385" y="1728"/>
                    </a:lnTo>
                    <a:lnTo>
                      <a:pt x="1386" y="1743"/>
                    </a:lnTo>
                    <a:lnTo>
                      <a:pt x="1387" y="1764"/>
                    </a:lnTo>
                    <a:lnTo>
                      <a:pt x="1386" y="1774"/>
                    </a:lnTo>
                    <a:lnTo>
                      <a:pt x="1383" y="1782"/>
                    </a:lnTo>
                    <a:lnTo>
                      <a:pt x="1381" y="1786"/>
                    </a:lnTo>
                    <a:lnTo>
                      <a:pt x="1378" y="1789"/>
                    </a:lnTo>
                    <a:lnTo>
                      <a:pt x="1374" y="1790"/>
                    </a:lnTo>
                    <a:lnTo>
                      <a:pt x="1370" y="1790"/>
                    </a:lnTo>
                    <a:lnTo>
                      <a:pt x="1361" y="1791"/>
                    </a:lnTo>
                    <a:lnTo>
                      <a:pt x="1354" y="1792"/>
                    </a:lnTo>
                    <a:lnTo>
                      <a:pt x="1346" y="1795"/>
                    </a:lnTo>
                    <a:lnTo>
                      <a:pt x="1338" y="1799"/>
                    </a:lnTo>
                    <a:lnTo>
                      <a:pt x="1324" y="1809"/>
                    </a:lnTo>
                    <a:lnTo>
                      <a:pt x="1312" y="1821"/>
                    </a:lnTo>
                    <a:lnTo>
                      <a:pt x="1300" y="1834"/>
                    </a:lnTo>
                    <a:lnTo>
                      <a:pt x="1289" y="1847"/>
                    </a:lnTo>
                    <a:lnTo>
                      <a:pt x="1277" y="1860"/>
                    </a:lnTo>
                    <a:lnTo>
                      <a:pt x="1264" y="1872"/>
                    </a:lnTo>
                    <a:lnTo>
                      <a:pt x="1255" y="1881"/>
                    </a:lnTo>
                    <a:lnTo>
                      <a:pt x="1247" y="1888"/>
                    </a:lnTo>
                    <a:lnTo>
                      <a:pt x="1242" y="1896"/>
                    </a:lnTo>
                    <a:lnTo>
                      <a:pt x="1240" y="1905"/>
                    </a:lnTo>
                    <a:lnTo>
                      <a:pt x="1238" y="1913"/>
                    </a:lnTo>
                    <a:lnTo>
                      <a:pt x="1238" y="1922"/>
                    </a:lnTo>
                    <a:lnTo>
                      <a:pt x="1240" y="1930"/>
                    </a:lnTo>
                    <a:lnTo>
                      <a:pt x="1242" y="1939"/>
                    </a:lnTo>
                    <a:lnTo>
                      <a:pt x="1250" y="1956"/>
                    </a:lnTo>
                    <a:lnTo>
                      <a:pt x="1256" y="1974"/>
                    </a:lnTo>
                    <a:lnTo>
                      <a:pt x="1260" y="1982"/>
                    </a:lnTo>
                    <a:lnTo>
                      <a:pt x="1263" y="1991"/>
                    </a:lnTo>
                    <a:lnTo>
                      <a:pt x="1265" y="2001"/>
                    </a:lnTo>
                    <a:lnTo>
                      <a:pt x="1267" y="2010"/>
                    </a:lnTo>
                    <a:lnTo>
                      <a:pt x="1264" y="2017"/>
                    </a:lnTo>
                    <a:lnTo>
                      <a:pt x="1263" y="2023"/>
                    </a:lnTo>
                    <a:lnTo>
                      <a:pt x="1263" y="2028"/>
                    </a:lnTo>
                    <a:lnTo>
                      <a:pt x="1263" y="2032"/>
                    </a:lnTo>
                    <a:lnTo>
                      <a:pt x="1265" y="2036"/>
                    </a:lnTo>
                    <a:lnTo>
                      <a:pt x="1268" y="2040"/>
                    </a:lnTo>
                    <a:lnTo>
                      <a:pt x="1271" y="2043"/>
                    </a:lnTo>
                    <a:lnTo>
                      <a:pt x="1274" y="2045"/>
                    </a:lnTo>
                    <a:lnTo>
                      <a:pt x="1284" y="2049"/>
                    </a:lnTo>
                    <a:lnTo>
                      <a:pt x="1294" y="2052"/>
                    </a:lnTo>
                    <a:lnTo>
                      <a:pt x="1306" y="2052"/>
                    </a:lnTo>
                    <a:lnTo>
                      <a:pt x="1316" y="2053"/>
                    </a:lnTo>
                    <a:lnTo>
                      <a:pt x="1307" y="2072"/>
                    </a:lnTo>
                    <a:lnTo>
                      <a:pt x="1302" y="2085"/>
                    </a:lnTo>
                    <a:lnTo>
                      <a:pt x="1300" y="2089"/>
                    </a:lnTo>
                    <a:lnTo>
                      <a:pt x="1302" y="2093"/>
                    </a:lnTo>
                    <a:lnTo>
                      <a:pt x="1303" y="2094"/>
                    </a:lnTo>
                    <a:lnTo>
                      <a:pt x="1304" y="2096"/>
                    </a:lnTo>
                    <a:lnTo>
                      <a:pt x="1322" y="2094"/>
                    </a:lnTo>
                    <a:lnTo>
                      <a:pt x="1351" y="2092"/>
                    </a:lnTo>
                    <a:lnTo>
                      <a:pt x="1355" y="2093"/>
                    </a:lnTo>
                    <a:lnTo>
                      <a:pt x="1357" y="2093"/>
                    </a:lnTo>
                    <a:lnTo>
                      <a:pt x="1360" y="2096"/>
                    </a:lnTo>
                    <a:lnTo>
                      <a:pt x="1363" y="2097"/>
                    </a:lnTo>
                    <a:lnTo>
                      <a:pt x="1366" y="2102"/>
                    </a:lnTo>
                    <a:lnTo>
                      <a:pt x="1372" y="2106"/>
                    </a:lnTo>
                    <a:lnTo>
                      <a:pt x="1386" y="2107"/>
                    </a:lnTo>
                    <a:lnTo>
                      <a:pt x="1405" y="2105"/>
                    </a:lnTo>
                    <a:lnTo>
                      <a:pt x="1414" y="2105"/>
                    </a:lnTo>
                    <a:lnTo>
                      <a:pt x="1420" y="2107"/>
                    </a:lnTo>
                    <a:lnTo>
                      <a:pt x="1421" y="2109"/>
                    </a:lnTo>
                    <a:lnTo>
                      <a:pt x="1421" y="2112"/>
                    </a:lnTo>
                    <a:lnTo>
                      <a:pt x="1420" y="2115"/>
                    </a:lnTo>
                    <a:lnTo>
                      <a:pt x="1417" y="2120"/>
                    </a:lnTo>
                    <a:lnTo>
                      <a:pt x="1396" y="2137"/>
                    </a:lnTo>
                    <a:lnTo>
                      <a:pt x="1361" y="2167"/>
                    </a:lnTo>
                    <a:lnTo>
                      <a:pt x="1354" y="2175"/>
                    </a:lnTo>
                    <a:lnTo>
                      <a:pt x="1347" y="2181"/>
                    </a:lnTo>
                    <a:lnTo>
                      <a:pt x="1343" y="2188"/>
                    </a:lnTo>
                    <a:lnTo>
                      <a:pt x="1339" y="2194"/>
                    </a:lnTo>
                    <a:lnTo>
                      <a:pt x="1339" y="2197"/>
                    </a:lnTo>
                    <a:lnTo>
                      <a:pt x="1339" y="2199"/>
                    </a:lnTo>
                    <a:lnTo>
                      <a:pt x="1339" y="2202"/>
                    </a:lnTo>
                    <a:lnTo>
                      <a:pt x="1342" y="2203"/>
                    </a:lnTo>
                    <a:lnTo>
                      <a:pt x="1347" y="2206"/>
                    </a:lnTo>
                    <a:lnTo>
                      <a:pt x="1356" y="2207"/>
                    </a:lnTo>
                    <a:lnTo>
                      <a:pt x="1368" y="2204"/>
                    </a:lnTo>
                    <a:lnTo>
                      <a:pt x="1379" y="2201"/>
                    </a:lnTo>
                    <a:lnTo>
                      <a:pt x="1383" y="2201"/>
                    </a:lnTo>
                    <a:lnTo>
                      <a:pt x="1386" y="2202"/>
                    </a:lnTo>
                    <a:lnTo>
                      <a:pt x="1385" y="2204"/>
                    </a:lnTo>
                    <a:lnTo>
                      <a:pt x="1382" y="2211"/>
                    </a:lnTo>
                    <a:lnTo>
                      <a:pt x="1370" y="2233"/>
                    </a:lnTo>
                    <a:lnTo>
                      <a:pt x="1364" y="2245"/>
                    </a:lnTo>
                    <a:lnTo>
                      <a:pt x="1359" y="2247"/>
                    </a:lnTo>
                    <a:lnTo>
                      <a:pt x="1351" y="2250"/>
                    </a:lnTo>
                    <a:lnTo>
                      <a:pt x="1339" y="2250"/>
                    </a:lnTo>
                    <a:lnTo>
                      <a:pt x="1322" y="2248"/>
                    </a:lnTo>
                    <a:lnTo>
                      <a:pt x="1316" y="2248"/>
                    </a:lnTo>
                    <a:lnTo>
                      <a:pt x="1308" y="2250"/>
                    </a:lnTo>
                    <a:lnTo>
                      <a:pt x="1299" y="2251"/>
                    </a:lnTo>
                    <a:lnTo>
                      <a:pt x="1289" y="2254"/>
                    </a:lnTo>
                    <a:lnTo>
                      <a:pt x="1281" y="2258"/>
                    </a:lnTo>
                    <a:lnTo>
                      <a:pt x="1274" y="2261"/>
                    </a:lnTo>
                    <a:lnTo>
                      <a:pt x="1272" y="2265"/>
                    </a:lnTo>
                    <a:lnTo>
                      <a:pt x="1269" y="2268"/>
                    </a:lnTo>
                    <a:lnTo>
                      <a:pt x="1268" y="2272"/>
                    </a:lnTo>
                    <a:lnTo>
                      <a:pt x="1268" y="2276"/>
                    </a:lnTo>
                    <a:lnTo>
                      <a:pt x="1269" y="2282"/>
                    </a:lnTo>
                    <a:lnTo>
                      <a:pt x="1272" y="2287"/>
                    </a:lnTo>
                    <a:lnTo>
                      <a:pt x="1277" y="2293"/>
                    </a:lnTo>
                    <a:lnTo>
                      <a:pt x="1282" y="2296"/>
                    </a:lnTo>
                    <a:lnTo>
                      <a:pt x="1289" y="2299"/>
                    </a:lnTo>
                    <a:lnTo>
                      <a:pt x="1294" y="2304"/>
                    </a:lnTo>
                    <a:lnTo>
                      <a:pt x="1299" y="2309"/>
                    </a:lnTo>
                    <a:lnTo>
                      <a:pt x="1303" y="2315"/>
                    </a:lnTo>
                    <a:lnTo>
                      <a:pt x="1304" y="2318"/>
                    </a:lnTo>
                    <a:lnTo>
                      <a:pt x="1303" y="2321"/>
                    </a:lnTo>
                    <a:lnTo>
                      <a:pt x="1302" y="2324"/>
                    </a:lnTo>
                    <a:lnTo>
                      <a:pt x="1299" y="2325"/>
                    </a:lnTo>
                    <a:lnTo>
                      <a:pt x="1291" y="2327"/>
                    </a:lnTo>
                    <a:lnTo>
                      <a:pt x="1282" y="2330"/>
                    </a:lnTo>
                    <a:lnTo>
                      <a:pt x="1260" y="2333"/>
                    </a:lnTo>
                    <a:lnTo>
                      <a:pt x="1245" y="2338"/>
                    </a:lnTo>
                    <a:lnTo>
                      <a:pt x="1234" y="2344"/>
                    </a:lnTo>
                    <a:lnTo>
                      <a:pt x="1225" y="2352"/>
                    </a:lnTo>
                    <a:lnTo>
                      <a:pt x="1220" y="2361"/>
                    </a:lnTo>
                    <a:lnTo>
                      <a:pt x="1215" y="2370"/>
                    </a:lnTo>
                    <a:lnTo>
                      <a:pt x="1214" y="2381"/>
                    </a:lnTo>
                    <a:lnTo>
                      <a:pt x="1212" y="2391"/>
                    </a:lnTo>
                    <a:lnTo>
                      <a:pt x="1212" y="2403"/>
                    </a:lnTo>
                    <a:lnTo>
                      <a:pt x="1215" y="2416"/>
                    </a:lnTo>
                    <a:lnTo>
                      <a:pt x="1215" y="2423"/>
                    </a:lnTo>
                    <a:lnTo>
                      <a:pt x="1216" y="2431"/>
                    </a:lnTo>
                    <a:lnTo>
                      <a:pt x="1219" y="2439"/>
                    </a:lnTo>
                    <a:lnTo>
                      <a:pt x="1221" y="2445"/>
                    </a:lnTo>
                    <a:lnTo>
                      <a:pt x="1228" y="2458"/>
                    </a:lnTo>
                    <a:lnTo>
                      <a:pt x="1234" y="2471"/>
                    </a:lnTo>
                    <a:lnTo>
                      <a:pt x="1242" y="2483"/>
                    </a:lnTo>
                    <a:lnTo>
                      <a:pt x="1247" y="2496"/>
                    </a:lnTo>
                    <a:lnTo>
                      <a:pt x="1250" y="2501"/>
                    </a:lnTo>
                    <a:lnTo>
                      <a:pt x="1252" y="2508"/>
                    </a:lnTo>
                    <a:lnTo>
                      <a:pt x="1252" y="2514"/>
                    </a:lnTo>
                    <a:lnTo>
                      <a:pt x="1254" y="2522"/>
                    </a:lnTo>
                    <a:lnTo>
                      <a:pt x="1252" y="2528"/>
                    </a:lnTo>
                    <a:lnTo>
                      <a:pt x="1251" y="2533"/>
                    </a:lnTo>
                    <a:lnTo>
                      <a:pt x="1249" y="2537"/>
                    </a:lnTo>
                    <a:lnTo>
                      <a:pt x="1246" y="2540"/>
                    </a:lnTo>
                    <a:lnTo>
                      <a:pt x="1242" y="2541"/>
                    </a:lnTo>
                    <a:lnTo>
                      <a:pt x="1238" y="2541"/>
                    </a:lnTo>
                    <a:lnTo>
                      <a:pt x="1234" y="2540"/>
                    </a:lnTo>
                    <a:lnTo>
                      <a:pt x="1229" y="2539"/>
                    </a:lnTo>
                    <a:lnTo>
                      <a:pt x="1220" y="2532"/>
                    </a:lnTo>
                    <a:lnTo>
                      <a:pt x="1211" y="2523"/>
                    </a:lnTo>
                    <a:lnTo>
                      <a:pt x="1203" y="2514"/>
                    </a:lnTo>
                    <a:lnTo>
                      <a:pt x="1198" y="2504"/>
                    </a:lnTo>
                    <a:lnTo>
                      <a:pt x="1193" y="2486"/>
                    </a:lnTo>
                    <a:lnTo>
                      <a:pt x="1190" y="2473"/>
                    </a:lnTo>
                    <a:lnTo>
                      <a:pt x="1189" y="2470"/>
                    </a:lnTo>
                    <a:lnTo>
                      <a:pt x="1188" y="2469"/>
                    </a:lnTo>
                    <a:lnTo>
                      <a:pt x="1185" y="2467"/>
                    </a:lnTo>
                    <a:lnTo>
                      <a:pt x="1183" y="2467"/>
                    </a:lnTo>
                    <a:lnTo>
                      <a:pt x="1173" y="2469"/>
                    </a:lnTo>
                    <a:lnTo>
                      <a:pt x="1163" y="2473"/>
                    </a:lnTo>
                    <a:lnTo>
                      <a:pt x="1146" y="2483"/>
                    </a:lnTo>
                    <a:lnTo>
                      <a:pt x="1136" y="2491"/>
                    </a:lnTo>
                    <a:lnTo>
                      <a:pt x="1133" y="2492"/>
                    </a:lnTo>
                    <a:lnTo>
                      <a:pt x="1131" y="2492"/>
                    </a:lnTo>
                    <a:lnTo>
                      <a:pt x="1127" y="2492"/>
                    </a:lnTo>
                    <a:lnTo>
                      <a:pt x="1124" y="2491"/>
                    </a:lnTo>
                    <a:lnTo>
                      <a:pt x="1115" y="2487"/>
                    </a:lnTo>
                    <a:lnTo>
                      <a:pt x="1103" y="2478"/>
                    </a:lnTo>
                    <a:lnTo>
                      <a:pt x="1091" y="2469"/>
                    </a:lnTo>
                    <a:lnTo>
                      <a:pt x="1078" y="2462"/>
                    </a:lnTo>
                    <a:lnTo>
                      <a:pt x="1063" y="2457"/>
                    </a:lnTo>
                    <a:lnTo>
                      <a:pt x="1048" y="2452"/>
                    </a:lnTo>
                    <a:lnTo>
                      <a:pt x="1017" y="2447"/>
                    </a:lnTo>
                    <a:lnTo>
                      <a:pt x="984" y="2443"/>
                    </a:lnTo>
                    <a:lnTo>
                      <a:pt x="967" y="2440"/>
                    </a:lnTo>
                    <a:lnTo>
                      <a:pt x="952" y="2439"/>
                    </a:lnTo>
                    <a:lnTo>
                      <a:pt x="938" y="2436"/>
                    </a:lnTo>
                    <a:lnTo>
                      <a:pt x="923" y="2432"/>
                    </a:lnTo>
                    <a:lnTo>
                      <a:pt x="910" y="2429"/>
                    </a:lnTo>
                    <a:lnTo>
                      <a:pt x="900" y="2422"/>
                    </a:lnTo>
                    <a:lnTo>
                      <a:pt x="890" y="2414"/>
                    </a:lnTo>
                    <a:lnTo>
                      <a:pt x="882" y="2405"/>
                    </a:lnTo>
                    <a:lnTo>
                      <a:pt x="870" y="2383"/>
                    </a:lnTo>
                    <a:lnTo>
                      <a:pt x="861" y="2359"/>
                    </a:lnTo>
                    <a:lnTo>
                      <a:pt x="855" y="2348"/>
                    </a:lnTo>
                    <a:lnTo>
                      <a:pt x="848" y="2338"/>
                    </a:lnTo>
                    <a:lnTo>
                      <a:pt x="843" y="2334"/>
                    </a:lnTo>
                    <a:lnTo>
                      <a:pt x="839" y="2330"/>
                    </a:lnTo>
                    <a:lnTo>
                      <a:pt x="834" y="2327"/>
                    </a:lnTo>
                    <a:lnTo>
                      <a:pt x="828" y="2325"/>
                    </a:lnTo>
                    <a:lnTo>
                      <a:pt x="824" y="2324"/>
                    </a:lnTo>
                    <a:lnTo>
                      <a:pt x="820" y="2325"/>
                    </a:lnTo>
                    <a:lnTo>
                      <a:pt x="816" y="2325"/>
                    </a:lnTo>
                    <a:lnTo>
                      <a:pt x="812" y="2327"/>
                    </a:lnTo>
                    <a:lnTo>
                      <a:pt x="804" y="2331"/>
                    </a:lnTo>
                    <a:lnTo>
                      <a:pt x="798" y="2338"/>
                    </a:lnTo>
                    <a:lnTo>
                      <a:pt x="790" y="2346"/>
                    </a:lnTo>
                    <a:lnTo>
                      <a:pt x="782" y="2353"/>
                    </a:lnTo>
                    <a:lnTo>
                      <a:pt x="773" y="2360"/>
                    </a:lnTo>
                    <a:lnTo>
                      <a:pt x="764" y="2364"/>
                    </a:lnTo>
                    <a:lnTo>
                      <a:pt x="764" y="2370"/>
                    </a:lnTo>
                    <a:lnTo>
                      <a:pt x="765" y="2378"/>
                    </a:lnTo>
                    <a:lnTo>
                      <a:pt x="768" y="2386"/>
                    </a:lnTo>
                    <a:lnTo>
                      <a:pt x="772" y="2392"/>
                    </a:lnTo>
                    <a:lnTo>
                      <a:pt x="781" y="2408"/>
                    </a:lnTo>
                    <a:lnTo>
                      <a:pt x="791" y="2422"/>
                    </a:lnTo>
                    <a:lnTo>
                      <a:pt x="804" y="2436"/>
                    </a:lnTo>
                    <a:lnTo>
                      <a:pt x="817" y="2447"/>
                    </a:lnTo>
                    <a:lnTo>
                      <a:pt x="825" y="2452"/>
                    </a:lnTo>
                    <a:lnTo>
                      <a:pt x="831" y="2456"/>
                    </a:lnTo>
                    <a:lnTo>
                      <a:pt x="838" y="2458"/>
                    </a:lnTo>
                    <a:lnTo>
                      <a:pt x="844" y="2461"/>
                    </a:lnTo>
                    <a:lnTo>
                      <a:pt x="844" y="2462"/>
                    </a:lnTo>
                    <a:lnTo>
                      <a:pt x="844" y="2462"/>
                    </a:lnTo>
                    <a:lnTo>
                      <a:pt x="844" y="2467"/>
                    </a:lnTo>
                    <a:lnTo>
                      <a:pt x="843" y="2471"/>
                    </a:lnTo>
                    <a:lnTo>
                      <a:pt x="840" y="2475"/>
                    </a:lnTo>
                    <a:lnTo>
                      <a:pt x="838" y="2479"/>
                    </a:lnTo>
                    <a:lnTo>
                      <a:pt x="829" y="2487"/>
                    </a:lnTo>
                    <a:lnTo>
                      <a:pt x="818" y="2493"/>
                    </a:lnTo>
                    <a:lnTo>
                      <a:pt x="804" y="2500"/>
                    </a:lnTo>
                    <a:lnTo>
                      <a:pt x="790" y="2506"/>
                    </a:lnTo>
                    <a:lnTo>
                      <a:pt x="774" y="2511"/>
                    </a:lnTo>
                    <a:lnTo>
                      <a:pt x="758" y="2517"/>
                    </a:lnTo>
                    <a:lnTo>
                      <a:pt x="725" y="2527"/>
                    </a:lnTo>
                    <a:lnTo>
                      <a:pt x="695" y="2537"/>
                    </a:lnTo>
                    <a:lnTo>
                      <a:pt x="684" y="2543"/>
                    </a:lnTo>
                    <a:lnTo>
                      <a:pt x="673" y="2548"/>
                    </a:lnTo>
                    <a:lnTo>
                      <a:pt x="669" y="2552"/>
                    </a:lnTo>
                    <a:lnTo>
                      <a:pt x="667" y="2554"/>
                    </a:lnTo>
                    <a:lnTo>
                      <a:pt x="664" y="2557"/>
                    </a:lnTo>
                    <a:lnTo>
                      <a:pt x="663" y="2561"/>
                    </a:lnTo>
                    <a:lnTo>
                      <a:pt x="662" y="2565"/>
                    </a:lnTo>
                    <a:lnTo>
                      <a:pt x="662" y="2570"/>
                    </a:lnTo>
                    <a:lnTo>
                      <a:pt x="663" y="2572"/>
                    </a:lnTo>
                    <a:lnTo>
                      <a:pt x="664" y="2576"/>
                    </a:lnTo>
                    <a:lnTo>
                      <a:pt x="668" y="2579"/>
                    </a:lnTo>
                    <a:lnTo>
                      <a:pt x="671" y="2581"/>
                    </a:lnTo>
                    <a:lnTo>
                      <a:pt x="676" y="2584"/>
                    </a:lnTo>
                    <a:lnTo>
                      <a:pt x="681" y="2587"/>
                    </a:lnTo>
                    <a:lnTo>
                      <a:pt x="694" y="2589"/>
                    </a:lnTo>
                    <a:lnTo>
                      <a:pt x="708" y="2592"/>
                    </a:lnTo>
                    <a:lnTo>
                      <a:pt x="724" y="2594"/>
                    </a:lnTo>
                    <a:lnTo>
                      <a:pt x="741" y="2594"/>
                    </a:lnTo>
                    <a:lnTo>
                      <a:pt x="777" y="2596"/>
                    </a:lnTo>
                    <a:lnTo>
                      <a:pt x="812" y="2596"/>
                    </a:lnTo>
                    <a:lnTo>
                      <a:pt x="828" y="2596"/>
                    </a:lnTo>
                    <a:lnTo>
                      <a:pt x="840" y="2597"/>
                    </a:lnTo>
                    <a:lnTo>
                      <a:pt x="852" y="2598"/>
                    </a:lnTo>
                    <a:lnTo>
                      <a:pt x="860" y="2600"/>
                    </a:lnTo>
                    <a:lnTo>
                      <a:pt x="859" y="2609"/>
                    </a:lnTo>
                    <a:lnTo>
                      <a:pt x="852" y="2622"/>
                    </a:lnTo>
                    <a:lnTo>
                      <a:pt x="844" y="2637"/>
                    </a:lnTo>
                    <a:lnTo>
                      <a:pt x="834" y="2653"/>
                    </a:lnTo>
                    <a:lnTo>
                      <a:pt x="824" y="2671"/>
                    </a:lnTo>
                    <a:lnTo>
                      <a:pt x="815" y="2688"/>
                    </a:lnTo>
                    <a:lnTo>
                      <a:pt x="808" y="2703"/>
                    </a:lnTo>
                    <a:lnTo>
                      <a:pt x="804" y="2716"/>
                    </a:lnTo>
                    <a:lnTo>
                      <a:pt x="804" y="2723"/>
                    </a:lnTo>
                    <a:lnTo>
                      <a:pt x="804" y="2728"/>
                    </a:lnTo>
                    <a:lnTo>
                      <a:pt x="807" y="2733"/>
                    </a:lnTo>
                    <a:lnTo>
                      <a:pt x="809" y="2738"/>
                    </a:lnTo>
                    <a:lnTo>
                      <a:pt x="816" y="2746"/>
                    </a:lnTo>
                    <a:lnTo>
                      <a:pt x="822" y="2752"/>
                    </a:lnTo>
                    <a:lnTo>
                      <a:pt x="828" y="2759"/>
                    </a:lnTo>
                    <a:lnTo>
                      <a:pt x="829" y="2764"/>
                    </a:lnTo>
                    <a:lnTo>
                      <a:pt x="828" y="2765"/>
                    </a:lnTo>
                    <a:lnTo>
                      <a:pt x="825" y="2768"/>
                    </a:lnTo>
                    <a:lnTo>
                      <a:pt x="821" y="2769"/>
                    </a:lnTo>
                    <a:lnTo>
                      <a:pt x="815" y="2772"/>
                    </a:lnTo>
                    <a:lnTo>
                      <a:pt x="803" y="2776"/>
                    </a:lnTo>
                    <a:lnTo>
                      <a:pt x="793" y="2780"/>
                    </a:lnTo>
                    <a:lnTo>
                      <a:pt x="786" y="2785"/>
                    </a:lnTo>
                    <a:lnTo>
                      <a:pt x="780" y="2790"/>
                    </a:lnTo>
                    <a:lnTo>
                      <a:pt x="769" y="2803"/>
                    </a:lnTo>
                    <a:lnTo>
                      <a:pt x="761" y="2816"/>
                    </a:lnTo>
                    <a:lnTo>
                      <a:pt x="756" y="2821"/>
                    </a:lnTo>
                    <a:lnTo>
                      <a:pt x="751" y="2828"/>
                    </a:lnTo>
                    <a:lnTo>
                      <a:pt x="745" y="2833"/>
                    </a:lnTo>
                    <a:lnTo>
                      <a:pt x="737" y="2838"/>
                    </a:lnTo>
                    <a:lnTo>
                      <a:pt x="728" y="2842"/>
                    </a:lnTo>
                    <a:lnTo>
                      <a:pt x="716" y="2844"/>
                    </a:lnTo>
                    <a:lnTo>
                      <a:pt x="702" y="2847"/>
                    </a:lnTo>
                    <a:lnTo>
                      <a:pt x="686" y="2847"/>
                    </a:lnTo>
                    <a:lnTo>
                      <a:pt x="672" y="2847"/>
                    </a:lnTo>
                    <a:lnTo>
                      <a:pt x="658" y="2848"/>
                    </a:lnTo>
                    <a:lnTo>
                      <a:pt x="645" y="2851"/>
                    </a:lnTo>
                    <a:lnTo>
                      <a:pt x="632" y="2853"/>
                    </a:lnTo>
                    <a:lnTo>
                      <a:pt x="607" y="2860"/>
                    </a:lnTo>
                    <a:lnTo>
                      <a:pt x="583" y="2866"/>
                    </a:lnTo>
                    <a:lnTo>
                      <a:pt x="558" y="2873"/>
                    </a:lnTo>
                    <a:lnTo>
                      <a:pt x="533" y="2877"/>
                    </a:lnTo>
                    <a:lnTo>
                      <a:pt x="521" y="2879"/>
                    </a:lnTo>
                    <a:lnTo>
                      <a:pt x="508" y="2879"/>
                    </a:lnTo>
                    <a:lnTo>
                      <a:pt x="495" y="2879"/>
                    </a:lnTo>
                    <a:lnTo>
                      <a:pt x="480" y="2878"/>
                    </a:lnTo>
                    <a:lnTo>
                      <a:pt x="473" y="2878"/>
                    </a:lnTo>
                    <a:lnTo>
                      <a:pt x="466" y="2875"/>
                    </a:lnTo>
                    <a:lnTo>
                      <a:pt x="458" y="2872"/>
                    </a:lnTo>
                    <a:lnTo>
                      <a:pt x="451" y="2866"/>
                    </a:lnTo>
                    <a:lnTo>
                      <a:pt x="443" y="2863"/>
                    </a:lnTo>
                    <a:lnTo>
                      <a:pt x="436" y="2861"/>
                    </a:lnTo>
                    <a:lnTo>
                      <a:pt x="432" y="2861"/>
                    </a:lnTo>
                    <a:lnTo>
                      <a:pt x="430" y="2861"/>
                    </a:lnTo>
                    <a:lnTo>
                      <a:pt x="427" y="2863"/>
                    </a:lnTo>
                    <a:lnTo>
                      <a:pt x="425" y="2865"/>
                    </a:lnTo>
                    <a:lnTo>
                      <a:pt x="417" y="2874"/>
                    </a:lnTo>
                    <a:lnTo>
                      <a:pt x="409" y="2881"/>
                    </a:lnTo>
                    <a:lnTo>
                      <a:pt x="399" y="2886"/>
                    </a:lnTo>
                    <a:lnTo>
                      <a:pt x="390" y="2888"/>
                    </a:lnTo>
                    <a:lnTo>
                      <a:pt x="369" y="2892"/>
                    </a:lnTo>
                    <a:lnTo>
                      <a:pt x="347" y="2896"/>
                    </a:lnTo>
                    <a:lnTo>
                      <a:pt x="349" y="2900"/>
                    </a:lnTo>
                    <a:lnTo>
                      <a:pt x="355" y="2904"/>
                    </a:lnTo>
                    <a:lnTo>
                      <a:pt x="361" y="2907"/>
                    </a:lnTo>
                    <a:lnTo>
                      <a:pt x="366" y="2910"/>
                    </a:lnTo>
                    <a:lnTo>
                      <a:pt x="373" y="2913"/>
                    </a:lnTo>
                    <a:lnTo>
                      <a:pt x="379" y="2918"/>
                    </a:lnTo>
                    <a:lnTo>
                      <a:pt x="384" y="2923"/>
                    </a:lnTo>
                    <a:lnTo>
                      <a:pt x="390" y="2931"/>
                    </a:lnTo>
                    <a:lnTo>
                      <a:pt x="392" y="2936"/>
                    </a:lnTo>
                    <a:lnTo>
                      <a:pt x="392" y="2942"/>
                    </a:lnTo>
                    <a:lnTo>
                      <a:pt x="391" y="2947"/>
                    </a:lnTo>
                    <a:lnTo>
                      <a:pt x="387" y="2951"/>
                    </a:lnTo>
                    <a:lnTo>
                      <a:pt x="378" y="2956"/>
                    </a:lnTo>
                    <a:lnTo>
                      <a:pt x="366" y="2960"/>
                    </a:lnTo>
                    <a:lnTo>
                      <a:pt x="356" y="2962"/>
                    </a:lnTo>
                    <a:lnTo>
                      <a:pt x="348" y="2966"/>
                    </a:lnTo>
                    <a:lnTo>
                      <a:pt x="347" y="2969"/>
                    </a:lnTo>
                    <a:lnTo>
                      <a:pt x="347" y="2971"/>
                    </a:lnTo>
                    <a:lnTo>
                      <a:pt x="348" y="2974"/>
                    </a:lnTo>
                    <a:lnTo>
                      <a:pt x="353" y="2978"/>
                    </a:lnTo>
                    <a:lnTo>
                      <a:pt x="360" y="2986"/>
                    </a:lnTo>
                    <a:lnTo>
                      <a:pt x="365" y="2995"/>
                    </a:lnTo>
                    <a:lnTo>
                      <a:pt x="370" y="3004"/>
                    </a:lnTo>
                    <a:lnTo>
                      <a:pt x="374" y="3013"/>
                    </a:lnTo>
                    <a:lnTo>
                      <a:pt x="378" y="3015"/>
                    </a:lnTo>
                    <a:lnTo>
                      <a:pt x="381" y="3019"/>
                    </a:lnTo>
                    <a:lnTo>
                      <a:pt x="384" y="3022"/>
                    </a:lnTo>
                    <a:lnTo>
                      <a:pt x="388" y="3023"/>
                    </a:lnTo>
                    <a:lnTo>
                      <a:pt x="394" y="3024"/>
                    </a:lnTo>
                    <a:lnTo>
                      <a:pt x="399" y="3023"/>
                    </a:lnTo>
                    <a:lnTo>
                      <a:pt x="406" y="3022"/>
                    </a:lnTo>
                    <a:lnTo>
                      <a:pt x="414" y="3019"/>
                    </a:lnTo>
                    <a:lnTo>
                      <a:pt x="430" y="3011"/>
                    </a:lnTo>
                    <a:lnTo>
                      <a:pt x="444" y="3008"/>
                    </a:lnTo>
                    <a:lnTo>
                      <a:pt x="447" y="3008"/>
                    </a:lnTo>
                    <a:lnTo>
                      <a:pt x="449" y="3008"/>
                    </a:lnTo>
                    <a:lnTo>
                      <a:pt x="452" y="3009"/>
                    </a:lnTo>
                    <a:lnTo>
                      <a:pt x="453" y="3010"/>
                    </a:lnTo>
                    <a:lnTo>
                      <a:pt x="454" y="3013"/>
                    </a:lnTo>
                    <a:lnTo>
                      <a:pt x="454" y="3017"/>
                    </a:lnTo>
                    <a:lnTo>
                      <a:pt x="454" y="3021"/>
                    </a:lnTo>
                    <a:lnTo>
                      <a:pt x="453" y="3026"/>
                    </a:lnTo>
                    <a:lnTo>
                      <a:pt x="452" y="3028"/>
                    </a:lnTo>
                    <a:lnTo>
                      <a:pt x="449" y="3032"/>
                    </a:lnTo>
                    <a:lnTo>
                      <a:pt x="447" y="3035"/>
                    </a:lnTo>
                    <a:lnTo>
                      <a:pt x="443" y="3036"/>
                    </a:lnTo>
                    <a:lnTo>
                      <a:pt x="435" y="3040"/>
                    </a:lnTo>
                    <a:lnTo>
                      <a:pt x="426" y="3041"/>
                    </a:lnTo>
                    <a:lnTo>
                      <a:pt x="406" y="3043"/>
                    </a:lnTo>
                    <a:lnTo>
                      <a:pt x="390" y="3044"/>
                    </a:lnTo>
                    <a:lnTo>
                      <a:pt x="384" y="3045"/>
                    </a:lnTo>
                    <a:lnTo>
                      <a:pt x="381" y="3046"/>
                    </a:lnTo>
                    <a:lnTo>
                      <a:pt x="378" y="3048"/>
                    </a:lnTo>
                    <a:lnTo>
                      <a:pt x="378" y="3049"/>
                    </a:lnTo>
                    <a:lnTo>
                      <a:pt x="381" y="3052"/>
                    </a:lnTo>
                    <a:lnTo>
                      <a:pt x="388" y="3056"/>
                    </a:lnTo>
                    <a:lnTo>
                      <a:pt x="406" y="3062"/>
                    </a:lnTo>
                    <a:lnTo>
                      <a:pt x="422" y="3070"/>
                    </a:lnTo>
                    <a:lnTo>
                      <a:pt x="434" y="3080"/>
                    </a:lnTo>
                    <a:lnTo>
                      <a:pt x="444" y="3090"/>
                    </a:lnTo>
                    <a:lnTo>
                      <a:pt x="449" y="3094"/>
                    </a:lnTo>
                    <a:lnTo>
                      <a:pt x="456" y="3097"/>
                    </a:lnTo>
                    <a:lnTo>
                      <a:pt x="460" y="3097"/>
                    </a:lnTo>
                    <a:lnTo>
                      <a:pt x="463" y="3096"/>
                    </a:lnTo>
                    <a:lnTo>
                      <a:pt x="467" y="3094"/>
                    </a:lnTo>
                    <a:lnTo>
                      <a:pt x="471" y="3093"/>
                    </a:lnTo>
                    <a:lnTo>
                      <a:pt x="484" y="3084"/>
                    </a:lnTo>
                    <a:lnTo>
                      <a:pt x="498" y="3078"/>
                    </a:lnTo>
                    <a:lnTo>
                      <a:pt x="511" y="3071"/>
                    </a:lnTo>
                    <a:lnTo>
                      <a:pt x="524" y="3065"/>
                    </a:lnTo>
                    <a:lnTo>
                      <a:pt x="539" y="3061"/>
                    </a:lnTo>
                    <a:lnTo>
                      <a:pt x="553" y="3057"/>
                    </a:lnTo>
                    <a:lnTo>
                      <a:pt x="568" y="3056"/>
                    </a:lnTo>
                    <a:lnTo>
                      <a:pt x="585" y="3054"/>
                    </a:lnTo>
                    <a:lnTo>
                      <a:pt x="593" y="3054"/>
                    </a:lnTo>
                    <a:lnTo>
                      <a:pt x="598" y="3056"/>
                    </a:lnTo>
                    <a:lnTo>
                      <a:pt x="603" y="3057"/>
                    </a:lnTo>
                    <a:lnTo>
                      <a:pt x="609" y="3058"/>
                    </a:lnTo>
                    <a:lnTo>
                      <a:pt x="611" y="3061"/>
                    </a:lnTo>
                    <a:lnTo>
                      <a:pt x="614" y="3062"/>
                    </a:lnTo>
                    <a:lnTo>
                      <a:pt x="615" y="3065"/>
                    </a:lnTo>
                    <a:lnTo>
                      <a:pt x="616" y="3068"/>
                    </a:lnTo>
                    <a:lnTo>
                      <a:pt x="618" y="3075"/>
                    </a:lnTo>
                    <a:lnTo>
                      <a:pt x="620" y="3081"/>
                    </a:lnTo>
                    <a:lnTo>
                      <a:pt x="623" y="3089"/>
                    </a:lnTo>
                    <a:lnTo>
                      <a:pt x="629" y="3097"/>
                    </a:lnTo>
                    <a:lnTo>
                      <a:pt x="633" y="3101"/>
                    </a:lnTo>
                    <a:lnTo>
                      <a:pt x="638" y="3103"/>
                    </a:lnTo>
                    <a:lnTo>
                      <a:pt x="644" y="3106"/>
                    </a:lnTo>
                    <a:lnTo>
                      <a:pt x="650" y="3109"/>
                    </a:lnTo>
                    <a:lnTo>
                      <a:pt x="663" y="3113"/>
                    </a:lnTo>
                    <a:lnTo>
                      <a:pt x="677" y="3116"/>
                    </a:lnTo>
                    <a:lnTo>
                      <a:pt x="693" y="3120"/>
                    </a:lnTo>
                    <a:lnTo>
                      <a:pt x="707" y="3125"/>
                    </a:lnTo>
                    <a:lnTo>
                      <a:pt x="714" y="3128"/>
                    </a:lnTo>
                    <a:lnTo>
                      <a:pt x="720" y="3132"/>
                    </a:lnTo>
                    <a:lnTo>
                      <a:pt x="725" y="3136"/>
                    </a:lnTo>
                    <a:lnTo>
                      <a:pt x="730" y="3141"/>
                    </a:lnTo>
                    <a:lnTo>
                      <a:pt x="734" y="3145"/>
                    </a:lnTo>
                    <a:lnTo>
                      <a:pt x="737" y="3151"/>
                    </a:lnTo>
                    <a:lnTo>
                      <a:pt x="738" y="3158"/>
                    </a:lnTo>
                    <a:lnTo>
                      <a:pt x="739" y="3164"/>
                    </a:lnTo>
                    <a:lnTo>
                      <a:pt x="741" y="3179"/>
                    </a:lnTo>
                    <a:lnTo>
                      <a:pt x="739" y="3193"/>
                    </a:lnTo>
                    <a:lnTo>
                      <a:pt x="739" y="3208"/>
                    </a:lnTo>
                    <a:lnTo>
                      <a:pt x="739" y="3223"/>
                    </a:lnTo>
                    <a:lnTo>
                      <a:pt x="742" y="3229"/>
                    </a:lnTo>
                    <a:lnTo>
                      <a:pt x="743" y="3236"/>
                    </a:lnTo>
                    <a:lnTo>
                      <a:pt x="747" y="3241"/>
                    </a:lnTo>
                    <a:lnTo>
                      <a:pt x="751" y="3247"/>
                    </a:lnTo>
                    <a:lnTo>
                      <a:pt x="754" y="3255"/>
                    </a:lnTo>
                    <a:lnTo>
                      <a:pt x="758" y="3263"/>
                    </a:lnTo>
                    <a:lnTo>
                      <a:pt x="763" y="3271"/>
                    </a:lnTo>
                    <a:lnTo>
                      <a:pt x="769" y="3277"/>
                    </a:lnTo>
                    <a:lnTo>
                      <a:pt x="777" y="3284"/>
                    </a:lnTo>
                    <a:lnTo>
                      <a:pt x="786" y="3290"/>
                    </a:lnTo>
                    <a:lnTo>
                      <a:pt x="795" y="3296"/>
                    </a:lnTo>
                    <a:lnTo>
                      <a:pt x="804" y="3302"/>
                    </a:lnTo>
                    <a:lnTo>
                      <a:pt x="815" y="3306"/>
                    </a:lnTo>
                    <a:lnTo>
                      <a:pt x="825" y="3309"/>
                    </a:lnTo>
                    <a:lnTo>
                      <a:pt x="835" y="3312"/>
                    </a:lnTo>
                    <a:lnTo>
                      <a:pt x="846" y="3315"/>
                    </a:lnTo>
                    <a:lnTo>
                      <a:pt x="855" y="3316"/>
                    </a:lnTo>
                    <a:lnTo>
                      <a:pt x="865" y="3317"/>
                    </a:lnTo>
                    <a:lnTo>
                      <a:pt x="874" y="3316"/>
                    </a:lnTo>
                    <a:lnTo>
                      <a:pt x="882" y="3315"/>
                    </a:lnTo>
                    <a:lnTo>
                      <a:pt x="895" y="3309"/>
                    </a:lnTo>
                    <a:lnTo>
                      <a:pt x="908" y="3304"/>
                    </a:lnTo>
                    <a:lnTo>
                      <a:pt x="921" y="3298"/>
                    </a:lnTo>
                    <a:lnTo>
                      <a:pt x="932" y="3291"/>
                    </a:lnTo>
                    <a:lnTo>
                      <a:pt x="945" y="3285"/>
                    </a:lnTo>
                    <a:lnTo>
                      <a:pt x="958" y="3281"/>
                    </a:lnTo>
                    <a:lnTo>
                      <a:pt x="965" y="3280"/>
                    </a:lnTo>
                    <a:lnTo>
                      <a:pt x="973" y="3278"/>
                    </a:lnTo>
                    <a:lnTo>
                      <a:pt x="979" y="3278"/>
                    </a:lnTo>
                    <a:lnTo>
                      <a:pt x="986" y="3278"/>
                    </a:lnTo>
                    <a:lnTo>
                      <a:pt x="1004" y="3281"/>
                    </a:lnTo>
                    <a:lnTo>
                      <a:pt x="1019" y="3281"/>
                    </a:lnTo>
                    <a:lnTo>
                      <a:pt x="1034" y="3280"/>
                    </a:lnTo>
                    <a:lnTo>
                      <a:pt x="1048" y="3276"/>
                    </a:lnTo>
                    <a:lnTo>
                      <a:pt x="1062" y="3272"/>
                    </a:lnTo>
                    <a:lnTo>
                      <a:pt x="1075" y="3265"/>
                    </a:lnTo>
                    <a:lnTo>
                      <a:pt x="1089" y="3258"/>
                    </a:lnTo>
                    <a:lnTo>
                      <a:pt x="1105" y="3249"/>
                    </a:lnTo>
                    <a:lnTo>
                      <a:pt x="1124" y="3236"/>
                    </a:lnTo>
                    <a:lnTo>
                      <a:pt x="1144" y="3223"/>
                    </a:lnTo>
                    <a:lnTo>
                      <a:pt x="1154" y="3217"/>
                    </a:lnTo>
                    <a:lnTo>
                      <a:pt x="1164" y="3212"/>
                    </a:lnTo>
                    <a:lnTo>
                      <a:pt x="1176" y="3210"/>
                    </a:lnTo>
                    <a:lnTo>
                      <a:pt x="1188" y="3208"/>
                    </a:lnTo>
                    <a:lnTo>
                      <a:pt x="1186" y="3214"/>
                    </a:lnTo>
                    <a:lnTo>
                      <a:pt x="1184" y="3219"/>
                    </a:lnTo>
                    <a:lnTo>
                      <a:pt x="1179" y="3225"/>
                    </a:lnTo>
                    <a:lnTo>
                      <a:pt x="1173" y="3232"/>
                    </a:lnTo>
                    <a:lnTo>
                      <a:pt x="1159" y="3247"/>
                    </a:lnTo>
                    <a:lnTo>
                      <a:pt x="1142" y="3261"/>
                    </a:lnTo>
                    <a:lnTo>
                      <a:pt x="1124" y="3277"/>
                    </a:lnTo>
                    <a:lnTo>
                      <a:pt x="1106" y="3289"/>
                    </a:lnTo>
                    <a:lnTo>
                      <a:pt x="1092" y="3299"/>
                    </a:lnTo>
                    <a:lnTo>
                      <a:pt x="1081" y="3304"/>
                    </a:lnTo>
                    <a:lnTo>
                      <a:pt x="1053" y="3318"/>
                    </a:lnTo>
                    <a:lnTo>
                      <a:pt x="1026" y="3333"/>
                    </a:lnTo>
                    <a:lnTo>
                      <a:pt x="1013" y="3339"/>
                    </a:lnTo>
                    <a:lnTo>
                      <a:pt x="999" y="3346"/>
                    </a:lnTo>
                    <a:lnTo>
                      <a:pt x="983" y="3351"/>
                    </a:lnTo>
                    <a:lnTo>
                      <a:pt x="967" y="3356"/>
                    </a:lnTo>
                    <a:lnTo>
                      <a:pt x="954" y="3359"/>
                    </a:lnTo>
                    <a:lnTo>
                      <a:pt x="936" y="3361"/>
                    </a:lnTo>
                    <a:lnTo>
                      <a:pt x="927" y="3364"/>
                    </a:lnTo>
                    <a:lnTo>
                      <a:pt x="920" y="3366"/>
                    </a:lnTo>
                    <a:lnTo>
                      <a:pt x="913" y="3369"/>
                    </a:lnTo>
                    <a:lnTo>
                      <a:pt x="910" y="3373"/>
                    </a:lnTo>
                    <a:lnTo>
                      <a:pt x="908" y="3379"/>
                    </a:lnTo>
                    <a:lnTo>
                      <a:pt x="908" y="3386"/>
                    </a:lnTo>
                    <a:lnTo>
                      <a:pt x="909" y="3394"/>
                    </a:lnTo>
                    <a:lnTo>
                      <a:pt x="909" y="3401"/>
                    </a:lnTo>
                    <a:lnTo>
                      <a:pt x="909" y="3408"/>
                    </a:lnTo>
                    <a:lnTo>
                      <a:pt x="908" y="3414"/>
                    </a:lnTo>
                    <a:lnTo>
                      <a:pt x="907" y="3418"/>
                    </a:lnTo>
                    <a:lnTo>
                      <a:pt x="905" y="3421"/>
                    </a:lnTo>
                    <a:lnTo>
                      <a:pt x="903" y="3422"/>
                    </a:lnTo>
                    <a:lnTo>
                      <a:pt x="899" y="3423"/>
                    </a:lnTo>
                    <a:lnTo>
                      <a:pt x="895" y="3425"/>
                    </a:lnTo>
                    <a:lnTo>
                      <a:pt x="891" y="3425"/>
                    </a:lnTo>
                    <a:lnTo>
                      <a:pt x="885" y="3425"/>
                    </a:lnTo>
                    <a:lnTo>
                      <a:pt x="879" y="3423"/>
                    </a:lnTo>
                    <a:lnTo>
                      <a:pt x="865" y="3420"/>
                    </a:lnTo>
                    <a:lnTo>
                      <a:pt x="851" y="3413"/>
                    </a:lnTo>
                    <a:lnTo>
                      <a:pt x="822" y="3401"/>
                    </a:lnTo>
                    <a:lnTo>
                      <a:pt x="803" y="3391"/>
                    </a:lnTo>
                    <a:lnTo>
                      <a:pt x="783" y="3381"/>
                    </a:lnTo>
                    <a:lnTo>
                      <a:pt x="764" y="3373"/>
                    </a:lnTo>
                    <a:lnTo>
                      <a:pt x="745" y="3366"/>
                    </a:lnTo>
                    <a:lnTo>
                      <a:pt x="725" y="3360"/>
                    </a:lnTo>
                    <a:lnTo>
                      <a:pt x="685" y="3348"/>
                    </a:lnTo>
                    <a:lnTo>
                      <a:pt x="645" y="3335"/>
                    </a:lnTo>
                    <a:lnTo>
                      <a:pt x="623" y="3337"/>
                    </a:lnTo>
                    <a:lnTo>
                      <a:pt x="600" y="3334"/>
                    </a:lnTo>
                    <a:lnTo>
                      <a:pt x="588" y="3334"/>
                    </a:lnTo>
                    <a:lnTo>
                      <a:pt x="576" y="3333"/>
                    </a:lnTo>
                    <a:lnTo>
                      <a:pt x="565" y="3334"/>
                    </a:lnTo>
                    <a:lnTo>
                      <a:pt x="553" y="3335"/>
                    </a:lnTo>
                    <a:lnTo>
                      <a:pt x="549" y="3337"/>
                    </a:lnTo>
                    <a:lnTo>
                      <a:pt x="546" y="3338"/>
                    </a:lnTo>
                    <a:lnTo>
                      <a:pt x="544" y="3341"/>
                    </a:lnTo>
                    <a:lnTo>
                      <a:pt x="544" y="3342"/>
                    </a:lnTo>
                    <a:lnTo>
                      <a:pt x="545" y="3347"/>
                    </a:lnTo>
                    <a:lnTo>
                      <a:pt x="550" y="3353"/>
                    </a:lnTo>
                    <a:lnTo>
                      <a:pt x="555" y="3360"/>
                    </a:lnTo>
                    <a:lnTo>
                      <a:pt x="559" y="3366"/>
                    </a:lnTo>
                    <a:lnTo>
                      <a:pt x="562" y="3370"/>
                    </a:lnTo>
                    <a:lnTo>
                      <a:pt x="563" y="3374"/>
                    </a:lnTo>
                    <a:lnTo>
                      <a:pt x="563" y="3377"/>
                    </a:lnTo>
                    <a:lnTo>
                      <a:pt x="562" y="3381"/>
                    </a:lnTo>
                    <a:lnTo>
                      <a:pt x="546" y="3378"/>
                    </a:lnTo>
                    <a:lnTo>
                      <a:pt x="533" y="3375"/>
                    </a:lnTo>
                    <a:lnTo>
                      <a:pt x="521" y="3374"/>
                    </a:lnTo>
                    <a:lnTo>
                      <a:pt x="510" y="3375"/>
                    </a:lnTo>
                    <a:lnTo>
                      <a:pt x="500" y="3377"/>
                    </a:lnTo>
                    <a:lnTo>
                      <a:pt x="491" y="3379"/>
                    </a:lnTo>
                    <a:lnTo>
                      <a:pt x="483" y="3383"/>
                    </a:lnTo>
                    <a:lnTo>
                      <a:pt x="475" y="3388"/>
                    </a:lnTo>
                    <a:lnTo>
                      <a:pt x="444" y="3416"/>
                    </a:lnTo>
                    <a:lnTo>
                      <a:pt x="403" y="3452"/>
                    </a:lnTo>
                    <a:lnTo>
                      <a:pt x="383" y="3465"/>
                    </a:lnTo>
                    <a:lnTo>
                      <a:pt x="361" y="3478"/>
                    </a:lnTo>
                    <a:lnTo>
                      <a:pt x="339" y="3489"/>
                    </a:lnTo>
                    <a:lnTo>
                      <a:pt x="316" y="3500"/>
                    </a:lnTo>
                    <a:lnTo>
                      <a:pt x="268" y="3521"/>
                    </a:lnTo>
                    <a:lnTo>
                      <a:pt x="223" y="3540"/>
                    </a:lnTo>
                    <a:lnTo>
                      <a:pt x="210" y="3548"/>
                    </a:lnTo>
                    <a:lnTo>
                      <a:pt x="198" y="3556"/>
                    </a:lnTo>
                    <a:lnTo>
                      <a:pt x="186" y="3565"/>
                    </a:lnTo>
                    <a:lnTo>
                      <a:pt x="176" y="3575"/>
                    </a:lnTo>
                    <a:lnTo>
                      <a:pt x="164" y="3584"/>
                    </a:lnTo>
                    <a:lnTo>
                      <a:pt x="153" y="3593"/>
                    </a:lnTo>
                    <a:lnTo>
                      <a:pt x="141" y="3601"/>
                    </a:lnTo>
                    <a:lnTo>
                      <a:pt x="128" y="3607"/>
                    </a:lnTo>
                    <a:lnTo>
                      <a:pt x="120" y="3610"/>
                    </a:lnTo>
                    <a:lnTo>
                      <a:pt x="112" y="3611"/>
                    </a:lnTo>
                    <a:lnTo>
                      <a:pt x="103" y="3611"/>
                    </a:lnTo>
                    <a:lnTo>
                      <a:pt x="94" y="3611"/>
                    </a:lnTo>
                    <a:lnTo>
                      <a:pt x="75" y="3611"/>
                    </a:lnTo>
                    <a:lnTo>
                      <a:pt x="55" y="3611"/>
                    </a:lnTo>
                    <a:lnTo>
                      <a:pt x="46" y="3611"/>
                    </a:lnTo>
                    <a:lnTo>
                      <a:pt x="39" y="3613"/>
                    </a:lnTo>
                    <a:lnTo>
                      <a:pt x="30" y="3615"/>
                    </a:lnTo>
                    <a:lnTo>
                      <a:pt x="22" y="3619"/>
                    </a:lnTo>
                    <a:lnTo>
                      <a:pt x="15" y="3624"/>
                    </a:lnTo>
                    <a:lnTo>
                      <a:pt x="9" y="3631"/>
                    </a:lnTo>
                    <a:lnTo>
                      <a:pt x="4" y="3638"/>
                    </a:lnTo>
                    <a:lnTo>
                      <a:pt x="0" y="3649"/>
                    </a:lnTo>
                    <a:lnTo>
                      <a:pt x="0" y="3653"/>
                    </a:lnTo>
                    <a:lnTo>
                      <a:pt x="0" y="3655"/>
                    </a:lnTo>
                    <a:lnTo>
                      <a:pt x="2" y="3657"/>
                    </a:lnTo>
                    <a:lnTo>
                      <a:pt x="5" y="3658"/>
                    </a:lnTo>
                    <a:lnTo>
                      <a:pt x="14" y="3658"/>
                    </a:lnTo>
                    <a:lnTo>
                      <a:pt x="24" y="3657"/>
                    </a:lnTo>
                    <a:lnTo>
                      <a:pt x="37" y="3655"/>
                    </a:lnTo>
                    <a:lnTo>
                      <a:pt x="49" y="3654"/>
                    </a:lnTo>
                    <a:lnTo>
                      <a:pt x="54" y="3654"/>
                    </a:lnTo>
                    <a:lnTo>
                      <a:pt x="59" y="3655"/>
                    </a:lnTo>
                    <a:lnTo>
                      <a:pt x="63" y="3657"/>
                    </a:lnTo>
                    <a:lnTo>
                      <a:pt x="67" y="3659"/>
                    </a:lnTo>
                    <a:lnTo>
                      <a:pt x="71" y="3664"/>
                    </a:lnTo>
                    <a:lnTo>
                      <a:pt x="72" y="3672"/>
                    </a:lnTo>
                    <a:lnTo>
                      <a:pt x="74" y="3681"/>
                    </a:lnTo>
                    <a:lnTo>
                      <a:pt x="74" y="3690"/>
                    </a:lnTo>
                    <a:lnTo>
                      <a:pt x="74" y="3699"/>
                    </a:lnTo>
                    <a:lnTo>
                      <a:pt x="74" y="3707"/>
                    </a:lnTo>
                    <a:lnTo>
                      <a:pt x="75" y="3712"/>
                    </a:lnTo>
                    <a:lnTo>
                      <a:pt x="76" y="3715"/>
                    </a:lnTo>
                    <a:lnTo>
                      <a:pt x="77" y="3717"/>
                    </a:lnTo>
                    <a:lnTo>
                      <a:pt x="79" y="3719"/>
                    </a:lnTo>
                    <a:lnTo>
                      <a:pt x="85" y="3720"/>
                    </a:lnTo>
                    <a:lnTo>
                      <a:pt x="93" y="3719"/>
                    </a:lnTo>
                    <a:lnTo>
                      <a:pt x="98" y="3717"/>
                    </a:lnTo>
                    <a:lnTo>
                      <a:pt x="105" y="3715"/>
                    </a:lnTo>
                    <a:lnTo>
                      <a:pt x="115" y="3707"/>
                    </a:lnTo>
                    <a:lnTo>
                      <a:pt x="124" y="3698"/>
                    </a:lnTo>
                    <a:lnTo>
                      <a:pt x="134" y="3688"/>
                    </a:lnTo>
                    <a:lnTo>
                      <a:pt x="145" y="3676"/>
                    </a:lnTo>
                    <a:lnTo>
                      <a:pt x="156" y="3666"/>
                    </a:lnTo>
                    <a:lnTo>
                      <a:pt x="171" y="3655"/>
                    </a:lnTo>
                    <a:lnTo>
                      <a:pt x="182" y="3650"/>
                    </a:lnTo>
                    <a:lnTo>
                      <a:pt x="189" y="3649"/>
                    </a:lnTo>
                    <a:lnTo>
                      <a:pt x="191" y="3650"/>
                    </a:lnTo>
                    <a:lnTo>
                      <a:pt x="193" y="3651"/>
                    </a:lnTo>
                    <a:lnTo>
                      <a:pt x="195" y="3653"/>
                    </a:lnTo>
                    <a:lnTo>
                      <a:pt x="195" y="3655"/>
                    </a:lnTo>
                    <a:lnTo>
                      <a:pt x="197" y="3662"/>
                    </a:lnTo>
                    <a:lnTo>
                      <a:pt x="198" y="3668"/>
                    </a:lnTo>
                    <a:lnTo>
                      <a:pt x="201" y="3675"/>
                    </a:lnTo>
                    <a:lnTo>
                      <a:pt x="204" y="3681"/>
                    </a:lnTo>
                    <a:lnTo>
                      <a:pt x="208" y="3685"/>
                    </a:lnTo>
                    <a:lnTo>
                      <a:pt x="212" y="3686"/>
                    </a:lnTo>
                    <a:lnTo>
                      <a:pt x="219" y="3688"/>
                    </a:lnTo>
                    <a:lnTo>
                      <a:pt x="225" y="3686"/>
                    </a:lnTo>
                    <a:lnTo>
                      <a:pt x="239" y="3683"/>
                    </a:lnTo>
                    <a:lnTo>
                      <a:pt x="256" y="3677"/>
                    </a:lnTo>
                    <a:lnTo>
                      <a:pt x="274" y="3671"/>
                    </a:lnTo>
                    <a:lnTo>
                      <a:pt x="292" y="3667"/>
                    </a:lnTo>
                    <a:lnTo>
                      <a:pt x="302" y="3667"/>
                    </a:lnTo>
                    <a:lnTo>
                      <a:pt x="311" y="3668"/>
                    </a:lnTo>
                    <a:lnTo>
                      <a:pt x="318" y="3670"/>
                    </a:lnTo>
                    <a:lnTo>
                      <a:pt x="326" y="3673"/>
                    </a:lnTo>
                    <a:lnTo>
                      <a:pt x="334" y="3677"/>
                    </a:lnTo>
                    <a:lnTo>
                      <a:pt x="340" y="3680"/>
                    </a:lnTo>
                    <a:lnTo>
                      <a:pt x="347" y="3681"/>
                    </a:lnTo>
                    <a:lnTo>
                      <a:pt x="352" y="3683"/>
                    </a:lnTo>
                    <a:lnTo>
                      <a:pt x="362" y="3683"/>
                    </a:lnTo>
                    <a:lnTo>
                      <a:pt x="373" y="3681"/>
                    </a:lnTo>
                    <a:lnTo>
                      <a:pt x="377" y="3683"/>
                    </a:lnTo>
                    <a:lnTo>
                      <a:pt x="382" y="3683"/>
                    </a:lnTo>
                    <a:lnTo>
                      <a:pt x="387" y="3684"/>
                    </a:lnTo>
                    <a:lnTo>
                      <a:pt x="392" y="3688"/>
                    </a:lnTo>
                    <a:lnTo>
                      <a:pt x="397" y="3692"/>
                    </a:lnTo>
                    <a:lnTo>
                      <a:pt x="403" y="3697"/>
                    </a:lnTo>
                    <a:lnTo>
                      <a:pt x="409" y="3705"/>
                    </a:lnTo>
                    <a:lnTo>
                      <a:pt x="416" y="3714"/>
                    </a:lnTo>
                    <a:lnTo>
                      <a:pt x="419" y="3716"/>
                    </a:lnTo>
                    <a:lnTo>
                      <a:pt x="422" y="3719"/>
                    </a:lnTo>
                    <a:lnTo>
                      <a:pt x="425" y="3717"/>
                    </a:lnTo>
                    <a:lnTo>
                      <a:pt x="429" y="3716"/>
                    </a:lnTo>
                    <a:lnTo>
                      <a:pt x="434" y="3711"/>
                    </a:lnTo>
                    <a:lnTo>
                      <a:pt x="439" y="3702"/>
                    </a:lnTo>
                    <a:lnTo>
                      <a:pt x="443" y="3694"/>
                    </a:lnTo>
                    <a:lnTo>
                      <a:pt x="447" y="3688"/>
                    </a:lnTo>
                    <a:lnTo>
                      <a:pt x="448" y="3686"/>
                    </a:lnTo>
                    <a:lnTo>
                      <a:pt x="449" y="3686"/>
                    </a:lnTo>
                    <a:lnTo>
                      <a:pt x="449" y="3688"/>
                    </a:lnTo>
                    <a:lnTo>
                      <a:pt x="449" y="3690"/>
                    </a:lnTo>
                    <a:lnTo>
                      <a:pt x="451" y="3702"/>
                    </a:lnTo>
                    <a:lnTo>
                      <a:pt x="452" y="3711"/>
                    </a:lnTo>
                    <a:lnTo>
                      <a:pt x="456" y="3720"/>
                    </a:lnTo>
                    <a:lnTo>
                      <a:pt x="460" y="3728"/>
                    </a:lnTo>
                    <a:lnTo>
                      <a:pt x="465" y="3733"/>
                    </a:lnTo>
                    <a:lnTo>
                      <a:pt x="470" y="3740"/>
                    </a:lnTo>
                    <a:lnTo>
                      <a:pt x="476" y="3743"/>
                    </a:lnTo>
                    <a:lnTo>
                      <a:pt x="484" y="3749"/>
                    </a:lnTo>
                    <a:lnTo>
                      <a:pt x="517" y="3763"/>
                    </a:lnTo>
                    <a:lnTo>
                      <a:pt x="550" y="3781"/>
                    </a:lnTo>
                    <a:lnTo>
                      <a:pt x="555" y="3784"/>
                    </a:lnTo>
                    <a:lnTo>
                      <a:pt x="561" y="3785"/>
                    </a:lnTo>
                    <a:lnTo>
                      <a:pt x="566" y="3786"/>
                    </a:lnTo>
                    <a:lnTo>
                      <a:pt x="571" y="3786"/>
                    </a:lnTo>
                    <a:lnTo>
                      <a:pt x="576" y="3785"/>
                    </a:lnTo>
                    <a:lnTo>
                      <a:pt x="583" y="3782"/>
                    </a:lnTo>
                    <a:lnTo>
                      <a:pt x="588" y="3780"/>
                    </a:lnTo>
                    <a:lnTo>
                      <a:pt x="593" y="3776"/>
                    </a:lnTo>
                    <a:lnTo>
                      <a:pt x="603" y="3765"/>
                    </a:lnTo>
                    <a:lnTo>
                      <a:pt x="615" y="3754"/>
                    </a:lnTo>
                    <a:lnTo>
                      <a:pt x="625" y="3740"/>
                    </a:lnTo>
                    <a:lnTo>
                      <a:pt x="635" y="3725"/>
                    </a:lnTo>
                    <a:lnTo>
                      <a:pt x="654" y="3693"/>
                    </a:lnTo>
                    <a:lnTo>
                      <a:pt x="671" y="3662"/>
                    </a:lnTo>
                    <a:lnTo>
                      <a:pt x="684" y="3636"/>
                    </a:lnTo>
                    <a:lnTo>
                      <a:pt x="695" y="3620"/>
                    </a:lnTo>
                    <a:lnTo>
                      <a:pt x="698" y="3618"/>
                    </a:lnTo>
                    <a:lnTo>
                      <a:pt x="701" y="3616"/>
                    </a:lnTo>
                    <a:lnTo>
                      <a:pt x="703" y="3615"/>
                    </a:lnTo>
                    <a:lnTo>
                      <a:pt x="706" y="3615"/>
                    </a:lnTo>
                    <a:lnTo>
                      <a:pt x="710" y="3618"/>
                    </a:lnTo>
                    <a:lnTo>
                      <a:pt x="715" y="3622"/>
                    </a:lnTo>
                    <a:lnTo>
                      <a:pt x="719" y="3627"/>
                    </a:lnTo>
                    <a:lnTo>
                      <a:pt x="724" y="3632"/>
                    </a:lnTo>
                    <a:lnTo>
                      <a:pt x="729" y="3636"/>
                    </a:lnTo>
                    <a:lnTo>
                      <a:pt x="734" y="3638"/>
                    </a:lnTo>
                    <a:lnTo>
                      <a:pt x="746" y="3640"/>
                    </a:lnTo>
                    <a:lnTo>
                      <a:pt x="759" y="3638"/>
                    </a:lnTo>
                    <a:lnTo>
                      <a:pt x="765" y="3638"/>
                    </a:lnTo>
                    <a:lnTo>
                      <a:pt x="771" y="3638"/>
                    </a:lnTo>
                    <a:lnTo>
                      <a:pt x="777" y="3640"/>
                    </a:lnTo>
                    <a:lnTo>
                      <a:pt x="782" y="3641"/>
                    </a:lnTo>
                    <a:lnTo>
                      <a:pt x="790" y="3646"/>
                    </a:lnTo>
                    <a:lnTo>
                      <a:pt x="795" y="3651"/>
                    </a:lnTo>
                    <a:lnTo>
                      <a:pt x="796" y="3655"/>
                    </a:lnTo>
                    <a:lnTo>
                      <a:pt x="799" y="3659"/>
                    </a:lnTo>
                    <a:lnTo>
                      <a:pt x="802" y="3662"/>
                    </a:lnTo>
                    <a:lnTo>
                      <a:pt x="808" y="3663"/>
                    </a:lnTo>
                    <a:lnTo>
                      <a:pt x="818" y="3664"/>
                    </a:lnTo>
                    <a:lnTo>
                      <a:pt x="837" y="3666"/>
                    </a:lnTo>
                    <a:lnTo>
                      <a:pt x="847" y="3666"/>
                    </a:lnTo>
                    <a:lnTo>
                      <a:pt x="857" y="3667"/>
                    </a:lnTo>
                    <a:lnTo>
                      <a:pt x="868" y="3670"/>
                    </a:lnTo>
                    <a:lnTo>
                      <a:pt x="878" y="3673"/>
                    </a:lnTo>
                    <a:lnTo>
                      <a:pt x="888" y="3677"/>
                    </a:lnTo>
                    <a:lnTo>
                      <a:pt x="899" y="3683"/>
                    </a:lnTo>
                    <a:lnTo>
                      <a:pt x="908" y="3688"/>
                    </a:lnTo>
                    <a:lnTo>
                      <a:pt x="916" y="3694"/>
                    </a:lnTo>
                    <a:lnTo>
                      <a:pt x="925" y="3719"/>
                    </a:lnTo>
                    <a:lnTo>
                      <a:pt x="934" y="3745"/>
                    </a:lnTo>
                    <a:lnTo>
                      <a:pt x="936" y="3750"/>
                    </a:lnTo>
                    <a:lnTo>
                      <a:pt x="939" y="3755"/>
                    </a:lnTo>
                    <a:lnTo>
                      <a:pt x="943" y="3759"/>
                    </a:lnTo>
                    <a:lnTo>
                      <a:pt x="947" y="3762"/>
                    </a:lnTo>
                    <a:lnTo>
                      <a:pt x="951" y="3764"/>
                    </a:lnTo>
                    <a:lnTo>
                      <a:pt x="956" y="3765"/>
                    </a:lnTo>
                    <a:lnTo>
                      <a:pt x="961" y="3765"/>
                    </a:lnTo>
                    <a:lnTo>
                      <a:pt x="967" y="3764"/>
                    </a:lnTo>
                    <a:lnTo>
                      <a:pt x="980" y="3760"/>
                    </a:lnTo>
                    <a:lnTo>
                      <a:pt x="992" y="3759"/>
                    </a:lnTo>
                    <a:lnTo>
                      <a:pt x="1004" y="3759"/>
                    </a:lnTo>
                    <a:lnTo>
                      <a:pt x="1014" y="3760"/>
                    </a:lnTo>
                    <a:lnTo>
                      <a:pt x="1024" y="3762"/>
                    </a:lnTo>
                    <a:lnTo>
                      <a:pt x="1034" y="3765"/>
                    </a:lnTo>
                    <a:lnTo>
                      <a:pt x="1044" y="3768"/>
                    </a:lnTo>
                    <a:lnTo>
                      <a:pt x="1053" y="3773"/>
                    </a:lnTo>
                    <a:lnTo>
                      <a:pt x="1071" y="3781"/>
                    </a:lnTo>
                    <a:lnTo>
                      <a:pt x="1089" y="3790"/>
                    </a:lnTo>
                    <a:lnTo>
                      <a:pt x="1098" y="3794"/>
                    </a:lnTo>
                    <a:lnTo>
                      <a:pt x="1107" y="3796"/>
                    </a:lnTo>
                    <a:lnTo>
                      <a:pt x="1118" y="3798"/>
                    </a:lnTo>
                    <a:lnTo>
                      <a:pt x="1128" y="3799"/>
                    </a:lnTo>
                    <a:lnTo>
                      <a:pt x="1133" y="3799"/>
                    </a:lnTo>
                    <a:lnTo>
                      <a:pt x="1136" y="3798"/>
                    </a:lnTo>
                    <a:lnTo>
                      <a:pt x="1137" y="3794"/>
                    </a:lnTo>
                    <a:lnTo>
                      <a:pt x="1137" y="3790"/>
                    </a:lnTo>
                    <a:lnTo>
                      <a:pt x="1133" y="3780"/>
                    </a:lnTo>
                    <a:lnTo>
                      <a:pt x="1125" y="3768"/>
                    </a:lnTo>
                    <a:lnTo>
                      <a:pt x="1106" y="3742"/>
                    </a:lnTo>
                    <a:lnTo>
                      <a:pt x="1093" y="3725"/>
                    </a:lnTo>
                    <a:lnTo>
                      <a:pt x="1092" y="3719"/>
                    </a:lnTo>
                    <a:lnTo>
                      <a:pt x="1092" y="3714"/>
                    </a:lnTo>
                    <a:lnTo>
                      <a:pt x="1093" y="3711"/>
                    </a:lnTo>
                    <a:lnTo>
                      <a:pt x="1096" y="3708"/>
                    </a:lnTo>
                    <a:lnTo>
                      <a:pt x="1098" y="3708"/>
                    </a:lnTo>
                    <a:lnTo>
                      <a:pt x="1103" y="3710"/>
                    </a:lnTo>
                    <a:lnTo>
                      <a:pt x="1109" y="3711"/>
                    </a:lnTo>
                    <a:lnTo>
                      <a:pt x="1115" y="3714"/>
                    </a:lnTo>
                    <a:lnTo>
                      <a:pt x="1140" y="3728"/>
                    </a:lnTo>
                    <a:lnTo>
                      <a:pt x="1157" y="3738"/>
                    </a:lnTo>
                    <a:lnTo>
                      <a:pt x="1166" y="3743"/>
                    </a:lnTo>
                    <a:lnTo>
                      <a:pt x="1175" y="3747"/>
                    </a:lnTo>
                    <a:lnTo>
                      <a:pt x="1184" y="3749"/>
                    </a:lnTo>
                    <a:lnTo>
                      <a:pt x="1192" y="3750"/>
                    </a:lnTo>
                    <a:lnTo>
                      <a:pt x="1199" y="3750"/>
                    </a:lnTo>
                    <a:lnTo>
                      <a:pt x="1207" y="3749"/>
                    </a:lnTo>
                    <a:lnTo>
                      <a:pt x="1215" y="3747"/>
                    </a:lnTo>
                    <a:lnTo>
                      <a:pt x="1221" y="3745"/>
                    </a:lnTo>
                    <a:lnTo>
                      <a:pt x="1236" y="3740"/>
                    </a:lnTo>
                    <a:lnTo>
                      <a:pt x="1249" y="3736"/>
                    </a:lnTo>
                    <a:lnTo>
                      <a:pt x="1255" y="3733"/>
                    </a:lnTo>
                    <a:lnTo>
                      <a:pt x="1262" y="3733"/>
                    </a:lnTo>
                    <a:lnTo>
                      <a:pt x="1268" y="3733"/>
                    </a:lnTo>
                    <a:lnTo>
                      <a:pt x="1274" y="3734"/>
                    </a:lnTo>
                    <a:lnTo>
                      <a:pt x="1287" y="3737"/>
                    </a:lnTo>
                    <a:lnTo>
                      <a:pt x="1297" y="3737"/>
                    </a:lnTo>
                    <a:lnTo>
                      <a:pt x="1304" y="3737"/>
                    </a:lnTo>
                    <a:lnTo>
                      <a:pt x="1308" y="3734"/>
                    </a:lnTo>
                    <a:lnTo>
                      <a:pt x="1312" y="3730"/>
                    </a:lnTo>
                    <a:lnTo>
                      <a:pt x="1315" y="3727"/>
                    </a:lnTo>
                    <a:lnTo>
                      <a:pt x="1315" y="3721"/>
                    </a:lnTo>
                    <a:lnTo>
                      <a:pt x="1315" y="3716"/>
                    </a:lnTo>
                    <a:lnTo>
                      <a:pt x="1313" y="3705"/>
                    </a:lnTo>
                    <a:lnTo>
                      <a:pt x="1313" y="3694"/>
                    </a:lnTo>
                    <a:lnTo>
                      <a:pt x="1313" y="3690"/>
                    </a:lnTo>
                    <a:lnTo>
                      <a:pt x="1315" y="3688"/>
                    </a:lnTo>
                    <a:lnTo>
                      <a:pt x="1319" y="3685"/>
                    </a:lnTo>
                    <a:lnTo>
                      <a:pt x="1322" y="3684"/>
                    </a:lnTo>
                    <a:lnTo>
                      <a:pt x="1325" y="3686"/>
                    </a:lnTo>
                    <a:lnTo>
                      <a:pt x="1325" y="3693"/>
                    </a:lnTo>
                    <a:lnTo>
                      <a:pt x="1326" y="3699"/>
                    </a:lnTo>
                    <a:lnTo>
                      <a:pt x="1329" y="3705"/>
                    </a:lnTo>
                    <a:lnTo>
                      <a:pt x="1333" y="3710"/>
                    </a:lnTo>
                    <a:lnTo>
                      <a:pt x="1337" y="3715"/>
                    </a:lnTo>
                    <a:lnTo>
                      <a:pt x="1342" y="3719"/>
                    </a:lnTo>
                    <a:lnTo>
                      <a:pt x="1347" y="3723"/>
                    </a:lnTo>
                    <a:lnTo>
                      <a:pt x="1354" y="3725"/>
                    </a:lnTo>
                    <a:lnTo>
                      <a:pt x="1366" y="3730"/>
                    </a:lnTo>
                    <a:lnTo>
                      <a:pt x="1382" y="3734"/>
                    </a:lnTo>
                    <a:lnTo>
                      <a:pt x="1399" y="3737"/>
                    </a:lnTo>
                    <a:lnTo>
                      <a:pt x="1416" y="3740"/>
                    </a:lnTo>
                    <a:lnTo>
                      <a:pt x="1448" y="3743"/>
                    </a:lnTo>
                    <a:lnTo>
                      <a:pt x="1478" y="3749"/>
                    </a:lnTo>
                    <a:lnTo>
                      <a:pt x="1490" y="3752"/>
                    </a:lnTo>
                    <a:lnTo>
                      <a:pt x="1499" y="3759"/>
                    </a:lnTo>
                    <a:lnTo>
                      <a:pt x="1501" y="3762"/>
                    </a:lnTo>
                    <a:lnTo>
                      <a:pt x="1504" y="3765"/>
                    </a:lnTo>
                    <a:lnTo>
                      <a:pt x="1505" y="3771"/>
                    </a:lnTo>
                    <a:lnTo>
                      <a:pt x="1506" y="3776"/>
                    </a:lnTo>
                    <a:lnTo>
                      <a:pt x="1490" y="3782"/>
                    </a:lnTo>
                    <a:lnTo>
                      <a:pt x="1474" y="3785"/>
                    </a:lnTo>
                    <a:lnTo>
                      <a:pt x="1469" y="3787"/>
                    </a:lnTo>
                    <a:lnTo>
                      <a:pt x="1465" y="3791"/>
                    </a:lnTo>
                    <a:lnTo>
                      <a:pt x="1464" y="3795"/>
                    </a:lnTo>
                    <a:lnTo>
                      <a:pt x="1464" y="3798"/>
                    </a:lnTo>
                    <a:lnTo>
                      <a:pt x="1464" y="3803"/>
                    </a:lnTo>
                    <a:lnTo>
                      <a:pt x="1465" y="3808"/>
                    </a:lnTo>
                    <a:lnTo>
                      <a:pt x="1468" y="3815"/>
                    </a:lnTo>
                    <a:lnTo>
                      <a:pt x="1471" y="3820"/>
                    </a:lnTo>
                    <a:lnTo>
                      <a:pt x="1477" y="3824"/>
                    </a:lnTo>
                    <a:lnTo>
                      <a:pt x="1483" y="3826"/>
                    </a:lnTo>
                    <a:lnTo>
                      <a:pt x="1491" y="3828"/>
                    </a:lnTo>
                    <a:lnTo>
                      <a:pt x="1499" y="3828"/>
                    </a:lnTo>
                    <a:lnTo>
                      <a:pt x="1508" y="3826"/>
                    </a:lnTo>
                    <a:lnTo>
                      <a:pt x="1518" y="3825"/>
                    </a:lnTo>
                    <a:lnTo>
                      <a:pt x="1537" y="3822"/>
                    </a:lnTo>
                    <a:lnTo>
                      <a:pt x="1558" y="3820"/>
                    </a:lnTo>
                    <a:lnTo>
                      <a:pt x="1569" y="3819"/>
                    </a:lnTo>
                    <a:lnTo>
                      <a:pt x="1579" y="3819"/>
                    </a:lnTo>
                    <a:lnTo>
                      <a:pt x="1588" y="3820"/>
                    </a:lnTo>
                    <a:lnTo>
                      <a:pt x="1597" y="3822"/>
                    </a:lnTo>
                    <a:lnTo>
                      <a:pt x="1606" y="3825"/>
                    </a:lnTo>
                    <a:lnTo>
                      <a:pt x="1616" y="3826"/>
                    </a:lnTo>
                    <a:lnTo>
                      <a:pt x="1627" y="3826"/>
                    </a:lnTo>
                    <a:lnTo>
                      <a:pt x="1639" y="3825"/>
                    </a:lnTo>
                    <a:lnTo>
                      <a:pt x="1648" y="3826"/>
                    </a:lnTo>
                    <a:lnTo>
                      <a:pt x="1657" y="3829"/>
                    </a:lnTo>
                    <a:lnTo>
                      <a:pt x="1661" y="3830"/>
                    </a:lnTo>
                    <a:lnTo>
                      <a:pt x="1664" y="3833"/>
                    </a:lnTo>
                    <a:lnTo>
                      <a:pt x="1668" y="3837"/>
                    </a:lnTo>
                    <a:lnTo>
                      <a:pt x="1671" y="3841"/>
                    </a:lnTo>
                    <a:lnTo>
                      <a:pt x="1680" y="3857"/>
                    </a:lnTo>
                    <a:lnTo>
                      <a:pt x="1692" y="3876"/>
                    </a:lnTo>
                    <a:lnTo>
                      <a:pt x="1698" y="3883"/>
                    </a:lnTo>
                    <a:lnTo>
                      <a:pt x="1706" y="3890"/>
                    </a:lnTo>
                    <a:lnTo>
                      <a:pt x="1714" y="3895"/>
                    </a:lnTo>
                    <a:lnTo>
                      <a:pt x="1721" y="3896"/>
                    </a:lnTo>
                    <a:lnTo>
                      <a:pt x="1728" y="3899"/>
                    </a:lnTo>
                    <a:lnTo>
                      <a:pt x="1734" y="3901"/>
                    </a:lnTo>
                    <a:lnTo>
                      <a:pt x="1742" y="3901"/>
                    </a:lnTo>
                    <a:lnTo>
                      <a:pt x="1751" y="3901"/>
                    </a:lnTo>
                    <a:lnTo>
                      <a:pt x="1771" y="3899"/>
                    </a:lnTo>
                    <a:lnTo>
                      <a:pt x="1790" y="3895"/>
                    </a:lnTo>
                    <a:lnTo>
                      <a:pt x="1812" y="3890"/>
                    </a:lnTo>
                    <a:lnTo>
                      <a:pt x="1833" y="3885"/>
                    </a:lnTo>
                    <a:lnTo>
                      <a:pt x="1851" y="3881"/>
                    </a:lnTo>
                    <a:lnTo>
                      <a:pt x="1867" y="3879"/>
                    </a:lnTo>
                    <a:lnTo>
                      <a:pt x="1889" y="3879"/>
                    </a:lnTo>
                    <a:lnTo>
                      <a:pt x="1911" y="3878"/>
                    </a:lnTo>
                    <a:lnTo>
                      <a:pt x="1933" y="3876"/>
                    </a:lnTo>
                    <a:lnTo>
                      <a:pt x="1955" y="3872"/>
                    </a:lnTo>
                    <a:lnTo>
                      <a:pt x="1977" y="3868"/>
                    </a:lnTo>
                    <a:lnTo>
                      <a:pt x="1999" y="3861"/>
                    </a:lnTo>
                    <a:lnTo>
                      <a:pt x="2019" y="3855"/>
                    </a:lnTo>
                    <a:lnTo>
                      <a:pt x="2039" y="3846"/>
                    </a:lnTo>
                    <a:lnTo>
                      <a:pt x="2058" y="3835"/>
                    </a:lnTo>
                    <a:lnTo>
                      <a:pt x="2076" y="3824"/>
                    </a:lnTo>
                    <a:lnTo>
                      <a:pt x="2092" y="3811"/>
                    </a:lnTo>
                    <a:lnTo>
                      <a:pt x="2106" y="3796"/>
                    </a:lnTo>
                    <a:lnTo>
                      <a:pt x="2113" y="3787"/>
                    </a:lnTo>
                    <a:lnTo>
                      <a:pt x="2118" y="3780"/>
                    </a:lnTo>
                    <a:lnTo>
                      <a:pt x="2123" y="3771"/>
                    </a:lnTo>
                    <a:lnTo>
                      <a:pt x="2128" y="3762"/>
                    </a:lnTo>
                    <a:lnTo>
                      <a:pt x="2132" y="3751"/>
                    </a:lnTo>
                    <a:lnTo>
                      <a:pt x="2135" y="3741"/>
                    </a:lnTo>
                    <a:lnTo>
                      <a:pt x="2137" y="3729"/>
                    </a:lnTo>
                    <a:lnTo>
                      <a:pt x="2140" y="3719"/>
                    </a:lnTo>
                    <a:lnTo>
                      <a:pt x="2140" y="3708"/>
                    </a:lnTo>
                    <a:lnTo>
                      <a:pt x="2137" y="3701"/>
                    </a:lnTo>
                    <a:lnTo>
                      <a:pt x="2133" y="3695"/>
                    </a:lnTo>
                    <a:lnTo>
                      <a:pt x="2128" y="3690"/>
                    </a:lnTo>
                    <a:lnTo>
                      <a:pt x="2120" y="3688"/>
                    </a:lnTo>
                    <a:lnTo>
                      <a:pt x="2111" y="3685"/>
                    </a:lnTo>
                    <a:lnTo>
                      <a:pt x="2101" y="3684"/>
                    </a:lnTo>
                    <a:lnTo>
                      <a:pt x="2091" y="3684"/>
                    </a:lnTo>
                    <a:lnTo>
                      <a:pt x="2067" y="3684"/>
                    </a:lnTo>
                    <a:lnTo>
                      <a:pt x="2044" y="3684"/>
                    </a:lnTo>
                    <a:lnTo>
                      <a:pt x="2032" y="3684"/>
                    </a:lnTo>
                    <a:lnTo>
                      <a:pt x="2022" y="3683"/>
                    </a:lnTo>
                    <a:lnTo>
                      <a:pt x="2012" y="3681"/>
                    </a:lnTo>
                    <a:lnTo>
                      <a:pt x="2003" y="3679"/>
                    </a:lnTo>
                    <a:lnTo>
                      <a:pt x="1996" y="3675"/>
                    </a:lnTo>
                    <a:lnTo>
                      <a:pt x="1991" y="3671"/>
                    </a:lnTo>
                    <a:lnTo>
                      <a:pt x="1986" y="3666"/>
                    </a:lnTo>
                    <a:lnTo>
                      <a:pt x="1981" y="3660"/>
                    </a:lnTo>
                    <a:lnTo>
                      <a:pt x="1977" y="3655"/>
                    </a:lnTo>
                    <a:lnTo>
                      <a:pt x="1971" y="3650"/>
                    </a:lnTo>
                    <a:lnTo>
                      <a:pt x="1966" y="3646"/>
                    </a:lnTo>
                    <a:lnTo>
                      <a:pt x="1960" y="3642"/>
                    </a:lnTo>
                    <a:lnTo>
                      <a:pt x="1946" y="3637"/>
                    </a:lnTo>
                    <a:lnTo>
                      <a:pt x="1933" y="3632"/>
                    </a:lnTo>
                    <a:lnTo>
                      <a:pt x="1926" y="3629"/>
                    </a:lnTo>
                    <a:lnTo>
                      <a:pt x="1921" y="3626"/>
                    </a:lnTo>
                    <a:lnTo>
                      <a:pt x="1914" y="3622"/>
                    </a:lnTo>
                    <a:lnTo>
                      <a:pt x="1908" y="3616"/>
                    </a:lnTo>
                    <a:lnTo>
                      <a:pt x="1908" y="3615"/>
                    </a:lnTo>
                    <a:lnTo>
                      <a:pt x="1909" y="3614"/>
                    </a:lnTo>
                    <a:lnTo>
                      <a:pt x="1924" y="3613"/>
                    </a:lnTo>
                    <a:lnTo>
                      <a:pt x="1934" y="3610"/>
                    </a:lnTo>
                    <a:lnTo>
                      <a:pt x="1944" y="3606"/>
                    </a:lnTo>
                    <a:lnTo>
                      <a:pt x="1953" y="3601"/>
                    </a:lnTo>
                    <a:lnTo>
                      <a:pt x="1961" y="3596"/>
                    </a:lnTo>
                    <a:lnTo>
                      <a:pt x="1970" y="3592"/>
                    </a:lnTo>
                    <a:lnTo>
                      <a:pt x="1981" y="3589"/>
                    </a:lnTo>
                    <a:lnTo>
                      <a:pt x="1995" y="3588"/>
                    </a:lnTo>
                    <a:lnTo>
                      <a:pt x="2014" y="3585"/>
                    </a:lnTo>
                    <a:lnTo>
                      <a:pt x="2034" y="3581"/>
                    </a:lnTo>
                    <a:lnTo>
                      <a:pt x="2041" y="3579"/>
                    </a:lnTo>
                    <a:lnTo>
                      <a:pt x="2050" y="3575"/>
                    </a:lnTo>
                    <a:lnTo>
                      <a:pt x="2058" y="3571"/>
                    </a:lnTo>
                    <a:lnTo>
                      <a:pt x="2065" y="3566"/>
                    </a:lnTo>
                    <a:lnTo>
                      <a:pt x="2070" y="3561"/>
                    </a:lnTo>
                    <a:lnTo>
                      <a:pt x="2075" y="3556"/>
                    </a:lnTo>
                    <a:lnTo>
                      <a:pt x="2079" y="3549"/>
                    </a:lnTo>
                    <a:lnTo>
                      <a:pt x="2083" y="3541"/>
                    </a:lnTo>
                    <a:lnTo>
                      <a:pt x="2084" y="3534"/>
                    </a:lnTo>
                    <a:lnTo>
                      <a:pt x="2084" y="3524"/>
                    </a:lnTo>
                    <a:lnTo>
                      <a:pt x="2083" y="3515"/>
                    </a:lnTo>
                    <a:lnTo>
                      <a:pt x="2082" y="3505"/>
                    </a:lnTo>
                    <a:lnTo>
                      <a:pt x="2079" y="3496"/>
                    </a:lnTo>
                    <a:lnTo>
                      <a:pt x="2079" y="3488"/>
                    </a:lnTo>
                    <a:lnTo>
                      <a:pt x="2082" y="3484"/>
                    </a:lnTo>
                    <a:lnTo>
                      <a:pt x="2085" y="3480"/>
                    </a:lnTo>
                    <a:lnTo>
                      <a:pt x="2092" y="3479"/>
                    </a:lnTo>
                    <a:lnTo>
                      <a:pt x="2098" y="3479"/>
                    </a:lnTo>
                    <a:lnTo>
                      <a:pt x="2105" y="3479"/>
                    </a:lnTo>
                    <a:lnTo>
                      <a:pt x="2113" y="3480"/>
                    </a:lnTo>
                    <a:lnTo>
                      <a:pt x="2128" y="3480"/>
                    </a:lnTo>
                    <a:lnTo>
                      <a:pt x="2144" y="3479"/>
                    </a:lnTo>
                    <a:lnTo>
                      <a:pt x="2158" y="3475"/>
                    </a:lnTo>
                    <a:lnTo>
                      <a:pt x="2172" y="3469"/>
                    </a:lnTo>
                    <a:lnTo>
                      <a:pt x="2185" y="3461"/>
                    </a:lnTo>
                    <a:lnTo>
                      <a:pt x="2197" y="3452"/>
                    </a:lnTo>
                    <a:lnTo>
                      <a:pt x="2209" y="3442"/>
                    </a:lnTo>
                    <a:lnTo>
                      <a:pt x="2219" y="3430"/>
                    </a:lnTo>
                    <a:lnTo>
                      <a:pt x="2216" y="3432"/>
                    </a:lnTo>
                    <a:lnTo>
                      <a:pt x="2216" y="3435"/>
                    </a:lnTo>
                    <a:lnTo>
                      <a:pt x="2223" y="3427"/>
                    </a:lnTo>
                    <a:lnTo>
                      <a:pt x="2229" y="3422"/>
                    </a:lnTo>
                    <a:lnTo>
                      <a:pt x="2236" y="3417"/>
                    </a:lnTo>
                    <a:lnTo>
                      <a:pt x="2244" y="3412"/>
                    </a:lnTo>
                    <a:lnTo>
                      <a:pt x="2256" y="3405"/>
                    </a:lnTo>
                    <a:lnTo>
                      <a:pt x="2271" y="3398"/>
                    </a:lnTo>
                    <a:lnTo>
                      <a:pt x="2284" y="3391"/>
                    </a:lnTo>
                    <a:lnTo>
                      <a:pt x="2297" y="3382"/>
                    </a:lnTo>
                    <a:lnTo>
                      <a:pt x="2303" y="3375"/>
                    </a:lnTo>
                    <a:lnTo>
                      <a:pt x="2308" y="3369"/>
                    </a:lnTo>
                    <a:lnTo>
                      <a:pt x="2313" y="3360"/>
                    </a:lnTo>
                    <a:lnTo>
                      <a:pt x="2319" y="3351"/>
                    </a:lnTo>
                    <a:lnTo>
                      <a:pt x="2332" y="3324"/>
                    </a:lnTo>
                    <a:lnTo>
                      <a:pt x="2343" y="3298"/>
                    </a:lnTo>
                    <a:lnTo>
                      <a:pt x="2354" y="3273"/>
                    </a:lnTo>
                    <a:lnTo>
                      <a:pt x="2363" y="3249"/>
                    </a:lnTo>
                    <a:lnTo>
                      <a:pt x="2365" y="3237"/>
                    </a:lnTo>
                    <a:lnTo>
                      <a:pt x="2369" y="3224"/>
                    </a:lnTo>
                    <a:lnTo>
                      <a:pt x="2372" y="3211"/>
                    </a:lnTo>
                    <a:lnTo>
                      <a:pt x="2373" y="3198"/>
                    </a:lnTo>
                    <a:lnTo>
                      <a:pt x="2373" y="3184"/>
                    </a:lnTo>
                    <a:lnTo>
                      <a:pt x="2373" y="3168"/>
                    </a:lnTo>
                    <a:lnTo>
                      <a:pt x="2373" y="3153"/>
                    </a:lnTo>
                    <a:lnTo>
                      <a:pt x="2370" y="3136"/>
                    </a:lnTo>
                    <a:lnTo>
                      <a:pt x="2369" y="3128"/>
                    </a:lnTo>
                    <a:lnTo>
                      <a:pt x="2367" y="3119"/>
                    </a:lnTo>
                    <a:lnTo>
                      <a:pt x="2363" y="3110"/>
                    </a:lnTo>
                    <a:lnTo>
                      <a:pt x="2359" y="3100"/>
                    </a:lnTo>
                    <a:lnTo>
                      <a:pt x="2347" y="3081"/>
                    </a:lnTo>
                    <a:lnTo>
                      <a:pt x="2333" y="3063"/>
                    </a:lnTo>
                    <a:lnTo>
                      <a:pt x="2316" y="3045"/>
                    </a:lnTo>
                    <a:lnTo>
                      <a:pt x="2298" y="3027"/>
                    </a:lnTo>
                    <a:lnTo>
                      <a:pt x="2278" y="3011"/>
                    </a:lnTo>
                    <a:lnTo>
                      <a:pt x="2256" y="2997"/>
                    </a:lnTo>
                    <a:lnTo>
                      <a:pt x="2234" y="2984"/>
                    </a:lnTo>
                    <a:lnTo>
                      <a:pt x="2212" y="2973"/>
                    </a:lnTo>
                    <a:lnTo>
                      <a:pt x="2190" y="2965"/>
                    </a:lnTo>
                    <a:lnTo>
                      <a:pt x="2167" y="2960"/>
                    </a:lnTo>
                    <a:lnTo>
                      <a:pt x="2157" y="2957"/>
                    </a:lnTo>
                    <a:lnTo>
                      <a:pt x="2146" y="2957"/>
                    </a:lnTo>
                    <a:lnTo>
                      <a:pt x="2136" y="2957"/>
                    </a:lnTo>
                    <a:lnTo>
                      <a:pt x="2126" y="2958"/>
                    </a:lnTo>
                    <a:lnTo>
                      <a:pt x="2117" y="2960"/>
                    </a:lnTo>
                    <a:lnTo>
                      <a:pt x="2107" y="2964"/>
                    </a:lnTo>
                    <a:lnTo>
                      <a:pt x="2098" y="2967"/>
                    </a:lnTo>
                    <a:lnTo>
                      <a:pt x="2091" y="2973"/>
                    </a:lnTo>
                    <a:lnTo>
                      <a:pt x="2079" y="2983"/>
                    </a:lnTo>
                    <a:lnTo>
                      <a:pt x="2066" y="2996"/>
                    </a:lnTo>
                    <a:lnTo>
                      <a:pt x="2058" y="3001"/>
                    </a:lnTo>
                    <a:lnTo>
                      <a:pt x="2050" y="3004"/>
                    </a:lnTo>
                    <a:lnTo>
                      <a:pt x="2047" y="3005"/>
                    </a:lnTo>
                    <a:lnTo>
                      <a:pt x="2043" y="3005"/>
                    </a:lnTo>
                    <a:lnTo>
                      <a:pt x="2038" y="3005"/>
                    </a:lnTo>
                    <a:lnTo>
                      <a:pt x="2032" y="3004"/>
                    </a:lnTo>
                    <a:lnTo>
                      <a:pt x="2026" y="3001"/>
                    </a:lnTo>
                    <a:lnTo>
                      <a:pt x="2021" y="2999"/>
                    </a:lnTo>
                    <a:lnTo>
                      <a:pt x="2017" y="2996"/>
                    </a:lnTo>
                    <a:lnTo>
                      <a:pt x="2013" y="2993"/>
                    </a:lnTo>
                    <a:lnTo>
                      <a:pt x="2008" y="2986"/>
                    </a:lnTo>
                    <a:lnTo>
                      <a:pt x="1999" y="2978"/>
                    </a:lnTo>
                    <a:lnTo>
                      <a:pt x="1992" y="2975"/>
                    </a:lnTo>
                    <a:lnTo>
                      <a:pt x="1986" y="2974"/>
                    </a:lnTo>
                    <a:lnTo>
                      <a:pt x="1977" y="2973"/>
                    </a:lnTo>
                    <a:lnTo>
                      <a:pt x="1969" y="2971"/>
                    </a:lnTo>
                    <a:lnTo>
                      <a:pt x="1961" y="2970"/>
                    </a:lnTo>
                    <a:lnTo>
                      <a:pt x="1953" y="2967"/>
                    </a:lnTo>
                    <a:lnTo>
                      <a:pt x="1951" y="2966"/>
                    </a:lnTo>
                    <a:lnTo>
                      <a:pt x="1949" y="2965"/>
                    </a:lnTo>
                    <a:lnTo>
                      <a:pt x="1948" y="2962"/>
                    </a:lnTo>
                    <a:lnTo>
                      <a:pt x="1947" y="2960"/>
                    </a:lnTo>
                    <a:lnTo>
                      <a:pt x="1947" y="2954"/>
                    </a:lnTo>
                    <a:lnTo>
                      <a:pt x="1948" y="2949"/>
                    </a:lnTo>
                    <a:lnTo>
                      <a:pt x="1951" y="2944"/>
                    </a:lnTo>
                    <a:lnTo>
                      <a:pt x="1955" y="2939"/>
                    </a:lnTo>
                    <a:lnTo>
                      <a:pt x="1964" y="2929"/>
                    </a:lnTo>
                    <a:lnTo>
                      <a:pt x="1975" y="2917"/>
                    </a:lnTo>
                    <a:lnTo>
                      <a:pt x="1999" y="2897"/>
                    </a:lnTo>
                    <a:lnTo>
                      <a:pt x="2017" y="2881"/>
                    </a:lnTo>
                    <a:lnTo>
                      <a:pt x="2034" y="2875"/>
                    </a:lnTo>
                    <a:lnTo>
                      <a:pt x="2056" y="2866"/>
                    </a:lnTo>
                    <a:lnTo>
                      <a:pt x="2067" y="2861"/>
                    </a:lnTo>
                    <a:lnTo>
                      <a:pt x="2078" y="2856"/>
                    </a:lnTo>
                    <a:lnTo>
                      <a:pt x="2084" y="2851"/>
                    </a:lnTo>
                    <a:lnTo>
                      <a:pt x="2089" y="2847"/>
                    </a:lnTo>
                    <a:lnTo>
                      <a:pt x="2089" y="2840"/>
                    </a:lnTo>
                    <a:lnTo>
                      <a:pt x="2087" y="2829"/>
                    </a:lnTo>
                    <a:lnTo>
                      <a:pt x="2083" y="2813"/>
                    </a:lnTo>
                    <a:lnTo>
                      <a:pt x="2078" y="2795"/>
                    </a:lnTo>
                    <a:lnTo>
                      <a:pt x="2067" y="2760"/>
                    </a:lnTo>
                    <a:lnTo>
                      <a:pt x="2061" y="2736"/>
                    </a:lnTo>
                    <a:lnTo>
                      <a:pt x="2058" y="2717"/>
                    </a:lnTo>
                    <a:lnTo>
                      <a:pt x="2053" y="2693"/>
                    </a:lnTo>
                    <a:lnTo>
                      <a:pt x="2044" y="2666"/>
                    </a:lnTo>
                    <a:lnTo>
                      <a:pt x="2034" y="2637"/>
                    </a:lnTo>
                    <a:lnTo>
                      <a:pt x="2021" y="2609"/>
                    </a:lnTo>
                    <a:lnTo>
                      <a:pt x="2008" y="2584"/>
                    </a:lnTo>
                    <a:lnTo>
                      <a:pt x="2001" y="2574"/>
                    </a:lnTo>
                    <a:lnTo>
                      <a:pt x="1993" y="2565"/>
                    </a:lnTo>
                    <a:lnTo>
                      <a:pt x="1987" y="2558"/>
                    </a:lnTo>
                    <a:lnTo>
                      <a:pt x="1981" y="2553"/>
                    </a:lnTo>
                    <a:lnTo>
                      <a:pt x="1966" y="2545"/>
                    </a:lnTo>
                    <a:lnTo>
                      <a:pt x="1949" y="2540"/>
                    </a:lnTo>
                    <a:lnTo>
                      <a:pt x="1931" y="2535"/>
                    </a:lnTo>
                    <a:lnTo>
                      <a:pt x="1913" y="2531"/>
                    </a:lnTo>
                    <a:lnTo>
                      <a:pt x="1896" y="2527"/>
                    </a:lnTo>
                    <a:lnTo>
                      <a:pt x="1879" y="2522"/>
                    </a:lnTo>
                    <a:lnTo>
                      <a:pt x="1864" y="2515"/>
                    </a:lnTo>
                    <a:lnTo>
                      <a:pt x="1850" y="2508"/>
                    </a:lnTo>
                    <a:lnTo>
                      <a:pt x="1864" y="2504"/>
                    </a:lnTo>
                    <a:lnTo>
                      <a:pt x="1879" y="2502"/>
                    </a:lnTo>
                    <a:lnTo>
                      <a:pt x="1896" y="2502"/>
                    </a:lnTo>
                    <a:lnTo>
                      <a:pt x="1912" y="2505"/>
                    </a:lnTo>
                    <a:lnTo>
                      <a:pt x="1929" y="2508"/>
                    </a:lnTo>
                    <a:lnTo>
                      <a:pt x="1944" y="2511"/>
                    </a:lnTo>
                    <a:lnTo>
                      <a:pt x="1960" y="2515"/>
                    </a:lnTo>
                    <a:lnTo>
                      <a:pt x="1974" y="2521"/>
                    </a:lnTo>
                    <a:lnTo>
                      <a:pt x="1992" y="2530"/>
                    </a:lnTo>
                    <a:lnTo>
                      <a:pt x="2014" y="2543"/>
                    </a:lnTo>
                    <a:lnTo>
                      <a:pt x="2036" y="2557"/>
                    </a:lnTo>
                    <a:lnTo>
                      <a:pt x="2057" y="2568"/>
                    </a:lnTo>
                    <a:lnTo>
                      <a:pt x="2065" y="2572"/>
                    </a:lnTo>
                    <a:lnTo>
                      <a:pt x="2071" y="2574"/>
                    </a:lnTo>
                    <a:lnTo>
                      <a:pt x="2074" y="2574"/>
                    </a:lnTo>
                    <a:lnTo>
                      <a:pt x="2076" y="2574"/>
                    </a:lnTo>
                    <a:lnTo>
                      <a:pt x="2078" y="2572"/>
                    </a:lnTo>
                    <a:lnTo>
                      <a:pt x="2079" y="2571"/>
                    </a:lnTo>
                    <a:lnTo>
                      <a:pt x="2080" y="2565"/>
                    </a:lnTo>
                    <a:lnTo>
                      <a:pt x="2078" y="2555"/>
                    </a:lnTo>
                    <a:lnTo>
                      <a:pt x="2073" y="2543"/>
                    </a:lnTo>
                    <a:lnTo>
                      <a:pt x="2063" y="2524"/>
                    </a:lnTo>
                    <a:lnTo>
                      <a:pt x="2058" y="2513"/>
                    </a:lnTo>
                    <a:lnTo>
                      <a:pt x="2053" y="2501"/>
                    </a:lnTo>
                    <a:lnTo>
                      <a:pt x="2049" y="2491"/>
                    </a:lnTo>
                    <a:lnTo>
                      <a:pt x="2047" y="2479"/>
                    </a:lnTo>
                    <a:lnTo>
                      <a:pt x="2045" y="2469"/>
                    </a:lnTo>
                    <a:lnTo>
                      <a:pt x="2045" y="2457"/>
                    </a:lnTo>
                    <a:lnTo>
                      <a:pt x="2048" y="2444"/>
                    </a:lnTo>
                    <a:lnTo>
                      <a:pt x="2053" y="2431"/>
                    </a:lnTo>
                    <a:lnTo>
                      <a:pt x="2057" y="2421"/>
                    </a:lnTo>
                    <a:lnTo>
                      <a:pt x="2060" y="2412"/>
                    </a:lnTo>
                    <a:lnTo>
                      <a:pt x="2061" y="2403"/>
                    </a:lnTo>
                    <a:lnTo>
                      <a:pt x="2062" y="2394"/>
                    </a:lnTo>
                    <a:lnTo>
                      <a:pt x="2062" y="2377"/>
                    </a:lnTo>
                    <a:lnTo>
                      <a:pt x="2060" y="2360"/>
                    </a:lnTo>
                    <a:lnTo>
                      <a:pt x="2054" y="2343"/>
                    </a:lnTo>
                    <a:lnTo>
                      <a:pt x="2048" y="2326"/>
                    </a:lnTo>
                    <a:lnTo>
                      <a:pt x="2041" y="2309"/>
                    </a:lnTo>
                    <a:lnTo>
                      <a:pt x="2034" y="2290"/>
                    </a:lnTo>
                    <a:lnTo>
                      <a:pt x="2028" y="2276"/>
                    </a:lnTo>
                    <a:lnTo>
                      <a:pt x="2023" y="2260"/>
                    </a:lnTo>
                    <a:lnTo>
                      <a:pt x="2021" y="2246"/>
                    </a:lnTo>
                    <a:lnTo>
                      <a:pt x="2018" y="2230"/>
                    </a:lnTo>
                    <a:lnTo>
                      <a:pt x="2016" y="2215"/>
                    </a:lnTo>
                    <a:lnTo>
                      <a:pt x="2012" y="2199"/>
                    </a:lnTo>
                    <a:lnTo>
                      <a:pt x="2008" y="2185"/>
                    </a:lnTo>
                    <a:lnTo>
                      <a:pt x="2003" y="2169"/>
                    </a:lnTo>
                    <a:lnTo>
                      <a:pt x="1997" y="2160"/>
                    </a:lnTo>
                    <a:lnTo>
                      <a:pt x="1992" y="2151"/>
                    </a:lnTo>
                    <a:lnTo>
                      <a:pt x="1986" y="2144"/>
                    </a:lnTo>
                    <a:lnTo>
                      <a:pt x="1977" y="2137"/>
                    </a:lnTo>
                    <a:lnTo>
                      <a:pt x="1960" y="2125"/>
                    </a:lnTo>
                    <a:lnTo>
                      <a:pt x="1940" y="2115"/>
                    </a:lnTo>
                    <a:lnTo>
                      <a:pt x="1920" y="2106"/>
                    </a:lnTo>
                    <a:lnTo>
                      <a:pt x="1900" y="2096"/>
                    </a:lnTo>
                    <a:lnTo>
                      <a:pt x="1891" y="2090"/>
                    </a:lnTo>
                    <a:lnTo>
                      <a:pt x="1883" y="2085"/>
                    </a:lnTo>
                    <a:lnTo>
                      <a:pt x="1876" y="2079"/>
                    </a:lnTo>
                    <a:lnTo>
                      <a:pt x="1869" y="2072"/>
                    </a:lnTo>
                    <a:lnTo>
                      <a:pt x="1864" y="2065"/>
                    </a:lnTo>
                    <a:lnTo>
                      <a:pt x="1860" y="2055"/>
                    </a:lnTo>
                    <a:lnTo>
                      <a:pt x="1857" y="2046"/>
                    </a:lnTo>
                    <a:lnTo>
                      <a:pt x="1855" y="2036"/>
                    </a:lnTo>
                    <a:lnTo>
                      <a:pt x="1854" y="2017"/>
                    </a:lnTo>
                    <a:lnTo>
                      <a:pt x="1852" y="1997"/>
                    </a:lnTo>
                    <a:lnTo>
                      <a:pt x="1852" y="1987"/>
                    </a:lnTo>
                    <a:lnTo>
                      <a:pt x="1854" y="1978"/>
                    </a:lnTo>
                    <a:lnTo>
                      <a:pt x="1854" y="1967"/>
                    </a:lnTo>
                    <a:lnTo>
                      <a:pt x="1855" y="1958"/>
                    </a:lnTo>
                    <a:lnTo>
                      <a:pt x="1852" y="1947"/>
                    </a:lnTo>
                    <a:lnTo>
                      <a:pt x="1850" y="1936"/>
                    </a:lnTo>
                    <a:lnTo>
                      <a:pt x="1846" y="1925"/>
                    </a:lnTo>
                    <a:lnTo>
                      <a:pt x="1843" y="1913"/>
                    </a:lnTo>
                    <a:lnTo>
                      <a:pt x="1845" y="1887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noFill/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50" name="Freeform 197"/>
              <p:cNvSpPr>
                <a:spLocks/>
              </p:cNvSpPr>
              <p:nvPr/>
            </p:nvSpPr>
            <p:spPr bwMode="auto">
              <a:xfrm>
                <a:off x="6012736" y="1777535"/>
                <a:ext cx="61937" cy="61414"/>
              </a:xfrm>
              <a:custGeom>
                <a:avLst/>
                <a:gdLst/>
                <a:ahLst/>
                <a:cxnLst>
                  <a:cxn ang="0">
                    <a:pos x="38" y="94"/>
                  </a:cxn>
                  <a:cxn ang="0">
                    <a:pos x="35" y="76"/>
                  </a:cxn>
                  <a:cxn ang="0">
                    <a:pos x="32" y="65"/>
                  </a:cxn>
                  <a:cxn ang="0">
                    <a:pos x="23" y="63"/>
                  </a:cxn>
                  <a:cxn ang="0">
                    <a:pos x="16" y="63"/>
                  </a:cxn>
                  <a:cxn ang="0">
                    <a:pos x="10" y="63"/>
                  </a:cxn>
                  <a:cxn ang="0">
                    <a:pos x="8" y="61"/>
                  </a:cxn>
                  <a:cxn ang="0">
                    <a:pos x="4" y="58"/>
                  </a:cxn>
                  <a:cxn ang="0">
                    <a:pos x="1" y="54"/>
                  </a:cxn>
                  <a:cxn ang="0">
                    <a:pos x="0" y="46"/>
                  </a:cxn>
                  <a:cxn ang="0">
                    <a:pos x="1" y="39"/>
                  </a:cxn>
                  <a:cxn ang="0">
                    <a:pos x="5" y="30"/>
                  </a:cxn>
                  <a:cxn ang="0">
                    <a:pos x="9" y="22"/>
                  </a:cxn>
                  <a:cxn ang="0">
                    <a:pos x="16" y="14"/>
                  </a:cxn>
                  <a:cxn ang="0">
                    <a:pos x="22" y="8"/>
                  </a:cxn>
                  <a:cxn ang="0">
                    <a:pos x="30" y="2"/>
                  </a:cxn>
                  <a:cxn ang="0">
                    <a:pos x="36" y="0"/>
                  </a:cxn>
                  <a:cxn ang="0">
                    <a:pos x="39" y="0"/>
                  </a:cxn>
                  <a:cxn ang="0">
                    <a:pos x="41" y="1"/>
                  </a:cxn>
                  <a:cxn ang="0">
                    <a:pos x="43" y="2"/>
                  </a:cxn>
                  <a:cxn ang="0">
                    <a:pos x="45" y="4"/>
                  </a:cxn>
                  <a:cxn ang="0">
                    <a:pos x="49" y="10"/>
                  </a:cxn>
                  <a:cxn ang="0">
                    <a:pos x="53" y="17"/>
                  </a:cxn>
                  <a:cxn ang="0">
                    <a:pos x="60" y="32"/>
                  </a:cxn>
                  <a:cxn ang="0">
                    <a:pos x="65" y="44"/>
                  </a:cxn>
                  <a:cxn ang="0">
                    <a:pos x="70" y="53"/>
                  </a:cxn>
                  <a:cxn ang="0">
                    <a:pos x="76" y="61"/>
                  </a:cxn>
                  <a:cxn ang="0">
                    <a:pos x="83" y="66"/>
                  </a:cxn>
                  <a:cxn ang="0">
                    <a:pos x="92" y="72"/>
                  </a:cxn>
                  <a:cxn ang="0">
                    <a:pos x="107" y="80"/>
                  </a:cxn>
                  <a:cxn ang="0">
                    <a:pos x="118" y="85"/>
                  </a:cxn>
                  <a:cxn ang="0">
                    <a:pos x="122" y="89"/>
                  </a:cxn>
                  <a:cxn ang="0">
                    <a:pos x="126" y="96"/>
                  </a:cxn>
                  <a:cxn ang="0">
                    <a:pos x="127" y="102"/>
                  </a:cxn>
                  <a:cxn ang="0">
                    <a:pos x="130" y="111"/>
                  </a:cxn>
                  <a:cxn ang="0">
                    <a:pos x="132" y="123"/>
                  </a:cxn>
                  <a:cxn ang="0">
                    <a:pos x="132" y="134"/>
                  </a:cxn>
                  <a:cxn ang="0">
                    <a:pos x="131" y="136"/>
                  </a:cxn>
                  <a:cxn ang="0">
                    <a:pos x="127" y="136"/>
                  </a:cxn>
                  <a:cxn ang="0">
                    <a:pos x="122" y="136"/>
                  </a:cxn>
                  <a:cxn ang="0">
                    <a:pos x="115" y="134"/>
                  </a:cxn>
                  <a:cxn ang="0">
                    <a:pos x="105" y="133"/>
                  </a:cxn>
                  <a:cxn ang="0">
                    <a:pos x="97" y="131"/>
                  </a:cxn>
                  <a:cxn ang="0">
                    <a:pos x="89" y="123"/>
                  </a:cxn>
                  <a:cxn ang="0">
                    <a:pos x="82" y="118"/>
                  </a:cxn>
                  <a:cxn ang="0">
                    <a:pos x="74" y="112"/>
                  </a:cxn>
                  <a:cxn ang="0">
                    <a:pos x="66" y="110"/>
                  </a:cxn>
                  <a:cxn ang="0">
                    <a:pos x="58" y="107"/>
                  </a:cxn>
                  <a:cxn ang="0">
                    <a:pos x="52" y="103"/>
                  </a:cxn>
                  <a:cxn ang="0">
                    <a:pos x="44" y="99"/>
                  </a:cxn>
                  <a:cxn ang="0">
                    <a:pos x="38" y="94"/>
                  </a:cxn>
                </a:cxnLst>
                <a:rect l="0" t="0" r="r" b="b"/>
                <a:pathLst>
                  <a:path w="132" h="136">
                    <a:moveTo>
                      <a:pt x="38" y="94"/>
                    </a:moveTo>
                    <a:lnTo>
                      <a:pt x="35" y="76"/>
                    </a:lnTo>
                    <a:lnTo>
                      <a:pt x="32" y="65"/>
                    </a:lnTo>
                    <a:lnTo>
                      <a:pt x="23" y="63"/>
                    </a:lnTo>
                    <a:lnTo>
                      <a:pt x="16" y="63"/>
                    </a:lnTo>
                    <a:lnTo>
                      <a:pt x="10" y="63"/>
                    </a:lnTo>
                    <a:lnTo>
                      <a:pt x="8" y="61"/>
                    </a:lnTo>
                    <a:lnTo>
                      <a:pt x="4" y="58"/>
                    </a:lnTo>
                    <a:lnTo>
                      <a:pt x="1" y="54"/>
                    </a:lnTo>
                    <a:lnTo>
                      <a:pt x="0" y="46"/>
                    </a:lnTo>
                    <a:lnTo>
                      <a:pt x="1" y="39"/>
                    </a:lnTo>
                    <a:lnTo>
                      <a:pt x="5" y="30"/>
                    </a:lnTo>
                    <a:lnTo>
                      <a:pt x="9" y="22"/>
                    </a:lnTo>
                    <a:lnTo>
                      <a:pt x="16" y="14"/>
                    </a:lnTo>
                    <a:lnTo>
                      <a:pt x="22" y="8"/>
                    </a:lnTo>
                    <a:lnTo>
                      <a:pt x="30" y="2"/>
                    </a:lnTo>
                    <a:lnTo>
                      <a:pt x="36" y="0"/>
                    </a:lnTo>
                    <a:lnTo>
                      <a:pt x="39" y="0"/>
                    </a:lnTo>
                    <a:lnTo>
                      <a:pt x="41" y="1"/>
                    </a:lnTo>
                    <a:lnTo>
                      <a:pt x="43" y="2"/>
                    </a:lnTo>
                    <a:lnTo>
                      <a:pt x="45" y="4"/>
                    </a:lnTo>
                    <a:lnTo>
                      <a:pt x="49" y="10"/>
                    </a:lnTo>
                    <a:lnTo>
                      <a:pt x="53" y="17"/>
                    </a:lnTo>
                    <a:lnTo>
                      <a:pt x="60" y="32"/>
                    </a:lnTo>
                    <a:lnTo>
                      <a:pt x="65" y="44"/>
                    </a:lnTo>
                    <a:lnTo>
                      <a:pt x="70" y="53"/>
                    </a:lnTo>
                    <a:lnTo>
                      <a:pt x="76" y="61"/>
                    </a:lnTo>
                    <a:lnTo>
                      <a:pt x="83" y="66"/>
                    </a:lnTo>
                    <a:lnTo>
                      <a:pt x="92" y="72"/>
                    </a:lnTo>
                    <a:lnTo>
                      <a:pt x="107" y="80"/>
                    </a:lnTo>
                    <a:lnTo>
                      <a:pt x="118" y="85"/>
                    </a:lnTo>
                    <a:lnTo>
                      <a:pt x="122" y="89"/>
                    </a:lnTo>
                    <a:lnTo>
                      <a:pt x="126" y="96"/>
                    </a:lnTo>
                    <a:lnTo>
                      <a:pt x="127" y="102"/>
                    </a:lnTo>
                    <a:lnTo>
                      <a:pt x="130" y="111"/>
                    </a:lnTo>
                    <a:lnTo>
                      <a:pt x="132" y="123"/>
                    </a:lnTo>
                    <a:lnTo>
                      <a:pt x="132" y="134"/>
                    </a:lnTo>
                    <a:lnTo>
                      <a:pt x="131" y="136"/>
                    </a:lnTo>
                    <a:lnTo>
                      <a:pt x="127" y="136"/>
                    </a:lnTo>
                    <a:lnTo>
                      <a:pt x="122" y="136"/>
                    </a:lnTo>
                    <a:lnTo>
                      <a:pt x="115" y="134"/>
                    </a:lnTo>
                    <a:lnTo>
                      <a:pt x="105" y="133"/>
                    </a:lnTo>
                    <a:lnTo>
                      <a:pt x="97" y="131"/>
                    </a:lnTo>
                    <a:lnTo>
                      <a:pt x="89" y="123"/>
                    </a:lnTo>
                    <a:lnTo>
                      <a:pt x="82" y="118"/>
                    </a:lnTo>
                    <a:lnTo>
                      <a:pt x="74" y="112"/>
                    </a:lnTo>
                    <a:lnTo>
                      <a:pt x="66" y="110"/>
                    </a:lnTo>
                    <a:lnTo>
                      <a:pt x="58" y="107"/>
                    </a:lnTo>
                    <a:lnTo>
                      <a:pt x="52" y="103"/>
                    </a:lnTo>
                    <a:lnTo>
                      <a:pt x="44" y="99"/>
                    </a:lnTo>
                    <a:lnTo>
                      <a:pt x="38" y="94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51" name="Freeform 199"/>
              <p:cNvSpPr>
                <a:spLocks/>
              </p:cNvSpPr>
              <p:nvPr/>
            </p:nvSpPr>
            <p:spPr bwMode="auto">
              <a:xfrm>
                <a:off x="5992696" y="1822692"/>
                <a:ext cx="27326" cy="23483"/>
              </a:xfrm>
              <a:custGeom>
                <a:avLst/>
                <a:gdLst/>
                <a:ahLst/>
                <a:cxnLst>
                  <a:cxn ang="0">
                    <a:pos x="23" y="52"/>
                  </a:cxn>
                  <a:cxn ang="0">
                    <a:pos x="16" y="46"/>
                  </a:cxn>
                  <a:cxn ang="0">
                    <a:pos x="11" y="38"/>
                  </a:cxn>
                  <a:cxn ang="0">
                    <a:pos x="6" y="30"/>
                  </a:cxn>
                  <a:cxn ang="0">
                    <a:pos x="2" y="21"/>
                  </a:cxn>
                  <a:cxn ang="0">
                    <a:pos x="1" y="17"/>
                  </a:cxn>
                  <a:cxn ang="0">
                    <a:pos x="0" y="14"/>
                  </a:cxn>
                  <a:cxn ang="0">
                    <a:pos x="1" y="11"/>
                  </a:cxn>
                  <a:cxn ang="0">
                    <a:pos x="4" y="7"/>
                  </a:cxn>
                  <a:cxn ang="0">
                    <a:pos x="7" y="3"/>
                  </a:cxn>
                  <a:cxn ang="0">
                    <a:pos x="13" y="0"/>
                  </a:cxn>
                  <a:cxn ang="0">
                    <a:pos x="19" y="0"/>
                  </a:cxn>
                  <a:cxn ang="0">
                    <a:pos x="24" y="1"/>
                  </a:cxn>
                  <a:cxn ang="0">
                    <a:pos x="33" y="5"/>
                  </a:cxn>
                  <a:cxn ang="0">
                    <a:pos x="42" y="8"/>
                  </a:cxn>
                  <a:cxn ang="0">
                    <a:pos x="46" y="13"/>
                  </a:cxn>
                  <a:cxn ang="0">
                    <a:pos x="50" y="21"/>
                  </a:cxn>
                  <a:cxn ang="0">
                    <a:pos x="54" y="29"/>
                  </a:cxn>
                  <a:cxn ang="0">
                    <a:pos x="57" y="35"/>
                  </a:cxn>
                  <a:cxn ang="0">
                    <a:pos x="58" y="40"/>
                  </a:cxn>
                  <a:cxn ang="0">
                    <a:pos x="58" y="44"/>
                  </a:cxn>
                  <a:cxn ang="0">
                    <a:pos x="57" y="48"/>
                  </a:cxn>
                  <a:cxn ang="0">
                    <a:pos x="54" y="49"/>
                  </a:cxn>
                  <a:cxn ang="0">
                    <a:pos x="48" y="53"/>
                  </a:cxn>
                  <a:cxn ang="0">
                    <a:pos x="38" y="53"/>
                  </a:cxn>
                  <a:cxn ang="0">
                    <a:pos x="23" y="52"/>
                  </a:cxn>
                </a:cxnLst>
                <a:rect l="0" t="0" r="r" b="b"/>
                <a:pathLst>
                  <a:path w="58" h="53">
                    <a:moveTo>
                      <a:pt x="23" y="52"/>
                    </a:moveTo>
                    <a:lnTo>
                      <a:pt x="16" y="46"/>
                    </a:lnTo>
                    <a:lnTo>
                      <a:pt x="11" y="38"/>
                    </a:lnTo>
                    <a:lnTo>
                      <a:pt x="6" y="30"/>
                    </a:lnTo>
                    <a:lnTo>
                      <a:pt x="2" y="21"/>
                    </a:lnTo>
                    <a:lnTo>
                      <a:pt x="1" y="17"/>
                    </a:lnTo>
                    <a:lnTo>
                      <a:pt x="0" y="14"/>
                    </a:lnTo>
                    <a:lnTo>
                      <a:pt x="1" y="11"/>
                    </a:lnTo>
                    <a:lnTo>
                      <a:pt x="4" y="7"/>
                    </a:lnTo>
                    <a:lnTo>
                      <a:pt x="7" y="3"/>
                    </a:lnTo>
                    <a:lnTo>
                      <a:pt x="13" y="0"/>
                    </a:lnTo>
                    <a:lnTo>
                      <a:pt x="19" y="0"/>
                    </a:lnTo>
                    <a:lnTo>
                      <a:pt x="24" y="1"/>
                    </a:lnTo>
                    <a:lnTo>
                      <a:pt x="33" y="5"/>
                    </a:lnTo>
                    <a:lnTo>
                      <a:pt x="42" y="8"/>
                    </a:lnTo>
                    <a:lnTo>
                      <a:pt x="46" y="13"/>
                    </a:lnTo>
                    <a:lnTo>
                      <a:pt x="50" y="21"/>
                    </a:lnTo>
                    <a:lnTo>
                      <a:pt x="54" y="29"/>
                    </a:lnTo>
                    <a:lnTo>
                      <a:pt x="57" y="35"/>
                    </a:lnTo>
                    <a:lnTo>
                      <a:pt x="58" y="40"/>
                    </a:lnTo>
                    <a:lnTo>
                      <a:pt x="58" y="44"/>
                    </a:lnTo>
                    <a:lnTo>
                      <a:pt x="57" y="48"/>
                    </a:lnTo>
                    <a:lnTo>
                      <a:pt x="54" y="49"/>
                    </a:lnTo>
                    <a:lnTo>
                      <a:pt x="48" y="53"/>
                    </a:lnTo>
                    <a:lnTo>
                      <a:pt x="38" y="53"/>
                    </a:lnTo>
                    <a:lnTo>
                      <a:pt x="23" y="52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52" name="Freeform 201"/>
              <p:cNvSpPr>
                <a:spLocks/>
              </p:cNvSpPr>
              <p:nvPr/>
            </p:nvSpPr>
            <p:spPr bwMode="auto">
              <a:xfrm>
                <a:off x="5160184" y="2346520"/>
                <a:ext cx="289649" cy="319717"/>
              </a:xfrm>
              <a:custGeom>
                <a:avLst/>
                <a:gdLst/>
                <a:ahLst/>
                <a:cxnLst>
                  <a:cxn ang="0">
                    <a:pos x="398" y="696"/>
                  </a:cxn>
                  <a:cxn ang="0">
                    <a:pos x="444" y="709"/>
                  </a:cxn>
                  <a:cxn ang="0">
                    <a:pos x="476" y="701"/>
                  </a:cxn>
                  <a:cxn ang="0">
                    <a:pos x="504" y="660"/>
                  </a:cxn>
                  <a:cxn ang="0">
                    <a:pos x="529" y="671"/>
                  </a:cxn>
                  <a:cxn ang="0">
                    <a:pos x="549" y="675"/>
                  </a:cxn>
                  <a:cxn ang="0">
                    <a:pos x="571" y="651"/>
                  </a:cxn>
                  <a:cxn ang="0">
                    <a:pos x="564" y="634"/>
                  </a:cxn>
                  <a:cxn ang="0">
                    <a:pos x="555" y="613"/>
                  </a:cxn>
                  <a:cxn ang="0">
                    <a:pos x="571" y="592"/>
                  </a:cxn>
                  <a:cxn ang="0">
                    <a:pos x="583" y="557"/>
                  </a:cxn>
                  <a:cxn ang="0">
                    <a:pos x="591" y="538"/>
                  </a:cxn>
                  <a:cxn ang="0">
                    <a:pos x="610" y="596"/>
                  </a:cxn>
                  <a:cxn ang="0">
                    <a:pos x="627" y="618"/>
                  </a:cxn>
                  <a:cxn ang="0">
                    <a:pos x="634" y="600"/>
                  </a:cxn>
                  <a:cxn ang="0">
                    <a:pos x="639" y="516"/>
                  </a:cxn>
                  <a:cxn ang="0">
                    <a:pos x="595" y="467"/>
                  </a:cxn>
                  <a:cxn ang="0">
                    <a:pos x="566" y="455"/>
                  </a:cxn>
                  <a:cxn ang="0">
                    <a:pos x="571" y="437"/>
                  </a:cxn>
                  <a:cxn ang="0">
                    <a:pos x="597" y="412"/>
                  </a:cxn>
                  <a:cxn ang="0">
                    <a:pos x="595" y="364"/>
                  </a:cxn>
                  <a:cxn ang="0">
                    <a:pos x="573" y="275"/>
                  </a:cxn>
                  <a:cxn ang="0">
                    <a:pos x="568" y="206"/>
                  </a:cxn>
                  <a:cxn ang="0">
                    <a:pos x="492" y="171"/>
                  </a:cxn>
                  <a:cxn ang="0">
                    <a:pos x="385" y="165"/>
                  </a:cxn>
                  <a:cxn ang="0">
                    <a:pos x="338" y="158"/>
                  </a:cxn>
                  <a:cxn ang="0">
                    <a:pos x="288" y="169"/>
                  </a:cxn>
                  <a:cxn ang="0">
                    <a:pos x="284" y="141"/>
                  </a:cxn>
                  <a:cxn ang="0">
                    <a:pos x="338" y="104"/>
                  </a:cxn>
                  <a:cxn ang="0">
                    <a:pos x="351" y="70"/>
                  </a:cxn>
                  <a:cxn ang="0">
                    <a:pos x="310" y="0"/>
                  </a:cxn>
                  <a:cxn ang="0">
                    <a:pos x="229" y="121"/>
                  </a:cxn>
                  <a:cxn ang="0">
                    <a:pos x="194" y="151"/>
                  </a:cxn>
                  <a:cxn ang="0">
                    <a:pos x="165" y="197"/>
                  </a:cxn>
                  <a:cxn ang="0">
                    <a:pos x="136" y="215"/>
                  </a:cxn>
                  <a:cxn ang="0">
                    <a:pos x="73" y="227"/>
                  </a:cxn>
                  <a:cxn ang="0">
                    <a:pos x="65" y="248"/>
                  </a:cxn>
                  <a:cxn ang="0">
                    <a:pos x="86" y="292"/>
                  </a:cxn>
                  <a:cxn ang="0">
                    <a:pos x="84" y="310"/>
                  </a:cxn>
                  <a:cxn ang="0">
                    <a:pos x="32" y="323"/>
                  </a:cxn>
                  <a:cxn ang="0">
                    <a:pos x="7" y="354"/>
                  </a:cxn>
                  <a:cxn ang="0">
                    <a:pos x="3" y="421"/>
                  </a:cxn>
                  <a:cxn ang="0">
                    <a:pos x="30" y="480"/>
                  </a:cxn>
                  <a:cxn ang="0">
                    <a:pos x="77" y="530"/>
                  </a:cxn>
                  <a:cxn ang="0">
                    <a:pos x="134" y="557"/>
                  </a:cxn>
                  <a:cxn ang="0">
                    <a:pos x="176" y="551"/>
                  </a:cxn>
                  <a:cxn ang="0">
                    <a:pos x="235" y="513"/>
                  </a:cxn>
                  <a:cxn ang="0">
                    <a:pos x="271" y="507"/>
                  </a:cxn>
                  <a:cxn ang="0">
                    <a:pos x="294" y="540"/>
                  </a:cxn>
                  <a:cxn ang="0">
                    <a:pos x="323" y="609"/>
                  </a:cxn>
                  <a:cxn ang="0">
                    <a:pos x="367" y="626"/>
                  </a:cxn>
                  <a:cxn ang="0">
                    <a:pos x="380" y="669"/>
                  </a:cxn>
                </a:cxnLst>
                <a:rect l="0" t="0" r="r" b="b"/>
                <a:pathLst>
                  <a:path w="639" h="709">
                    <a:moveTo>
                      <a:pt x="381" y="682"/>
                    </a:moveTo>
                    <a:lnTo>
                      <a:pt x="382" y="680"/>
                    </a:lnTo>
                    <a:lnTo>
                      <a:pt x="384" y="680"/>
                    </a:lnTo>
                    <a:lnTo>
                      <a:pt x="390" y="689"/>
                    </a:lnTo>
                    <a:lnTo>
                      <a:pt x="398" y="696"/>
                    </a:lnTo>
                    <a:lnTo>
                      <a:pt x="406" y="701"/>
                    </a:lnTo>
                    <a:lnTo>
                      <a:pt x="415" y="704"/>
                    </a:lnTo>
                    <a:lnTo>
                      <a:pt x="424" y="706"/>
                    </a:lnTo>
                    <a:lnTo>
                      <a:pt x="434" y="708"/>
                    </a:lnTo>
                    <a:lnTo>
                      <a:pt x="444" y="709"/>
                    </a:lnTo>
                    <a:lnTo>
                      <a:pt x="455" y="709"/>
                    </a:lnTo>
                    <a:lnTo>
                      <a:pt x="461" y="708"/>
                    </a:lnTo>
                    <a:lnTo>
                      <a:pt x="466" y="706"/>
                    </a:lnTo>
                    <a:lnTo>
                      <a:pt x="470" y="704"/>
                    </a:lnTo>
                    <a:lnTo>
                      <a:pt x="476" y="701"/>
                    </a:lnTo>
                    <a:lnTo>
                      <a:pt x="483" y="692"/>
                    </a:lnTo>
                    <a:lnTo>
                      <a:pt x="490" y="683"/>
                    </a:lnTo>
                    <a:lnTo>
                      <a:pt x="495" y="674"/>
                    </a:lnTo>
                    <a:lnTo>
                      <a:pt x="500" y="666"/>
                    </a:lnTo>
                    <a:lnTo>
                      <a:pt x="504" y="660"/>
                    </a:lnTo>
                    <a:lnTo>
                      <a:pt x="509" y="657"/>
                    </a:lnTo>
                    <a:lnTo>
                      <a:pt x="514" y="658"/>
                    </a:lnTo>
                    <a:lnTo>
                      <a:pt x="520" y="662"/>
                    </a:lnTo>
                    <a:lnTo>
                      <a:pt x="523" y="666"/>
                    </a:lnTo>
                    <a:lnTo>
                      <a:pt x="529" y="671"/>
                    </a:lnTo>
                    <a:lnTo>
                      <a:pt x="534" y="676"/>
                    </a:lnTo>
                    <a:lnTo>
                      <a:pt x="539" y="678"/>
                    </a:lnTo>
                    <a:lnTo>
                      <a:pt x="542" y="678"/>
                    </a:lnTo>
                    <a:lnTo>
                      <a:pt x="545" y="678"/>
                    </a:lnTo>
                    <a:lnTo>
                      <a:pt x="549" y="675"/>
                    </a:lnTo>
                    <a:lnTo>
                      <a:pt x="553" y="673"/>
                    </a:lnTo>
                    <a:lnTo>
                      <a:pt x="560" y="666"/>
                    </a:lnTo>
                    <a:lnTo>
                      <a:pt x="566" y="660"/>
                    </a:lnTo>
                    <a:lnTo>
                      <a:pt x="570" y="654"/>
                    </a:lnTo>
                    <a:lnTo>
                      <a:pt x="571" y="651"/>
                    </a:lnTo>
                    <a:lnTo>
                      <a:pt x="573" y="647"/>
                    </a:lnTo>
                    <a:lnTo>
                      <a:pt x="573" y="644"/>
                    </a:lnTo>
                    <a:lnTo>
                      <a:pt x="571" y="642"/>
                    </a:lnTo>
                    <a:lnTo>
                      <a:pt x="569" y="639"/>
                    </a:lnTo>
                    <a:lnTo>
                      <a:pt x="564" y="634"/>
                    </a:lnTo>
                    <a:lnTo>
                      <a:pt x="558" y="629"/>
                    </a:lnTo>
                    <a:lnTo>
                      <a:pt x="556" y="626"/>
                    </a:lnTo>
                    <a:lnTo>
                      <a:pt x="555" y="622"/>
                    </a:lnTo>
                    <a:lnTo>
                      <a:pt x="555" y="618"/>
                    </a:lnTo>
                    <a:lnTo>
                      <a:pt x="555" y="613"/>
                    </a:lnTo>
                    <a:lnTo>
                      <a:pt x="556" y="607"/>
                    </a:lnTo>
                    <a:lnTo>
                      <a:pt x="560" y="601"/>
                    </a:lnTo>
                    <a:lnTo>
                      <a:pt x="562" y="597"/>
                    </a:lnTo>
                    <a:lnTo>
                      <a:pt x="568" y="595"/>
                    </a:lnTo>
                    <a:lnTo>
                      <a:pt x="571" y="592"/>
                    </a:lnTo>
                    <a:lnTo>
                      <a:pt x="575" y="590"/>
                    </a:lnTo>
                    <a:lnTo>
                      <a:pt x="578" y="586"/>
                    </a:lnTo>
                    <a:lnTo>
                      <a:pt x="580" y="581"/>
                    </a:lnTo>
                    <a:lnTo>
                      <a:pt x="583" y="570"/>
                    </a:lnTo>
                    <a:lnTo>
                      <a:pt x="583" y="557"/>
                    </a:lnTo>
                    <a:lnTo>
                      <a:pt x="583" y="546"/>
                    </a:lnTo>
                    <a:lnTo>
                      <a:pt x="584" y="534"/>
                    </a:lnTo>
                    <a:lnTo>
                      <a:pt x="587" y="534"/>
                    </a:lnTo>
                    <a:lnTo>
                      <a:pt x="590" y="535"/>
                    </a:lnTo>
                    <a:lnTo>
                      <a:pt x="591" y="538"/>
                    </a:lnTo>
                    <a:lnTo>
                      <a:pt x="593" y="542"/>
                    </a:lnTo>
                    <a:lnTo>
                      <a:pt x="597" y="550"/>
                    </a:lnTo>
                    <a:lnTo>
                      <a:pt x="601" y="560"/>
                    </a:lnTo>
                    <a:lnTo>
                      <a:pt x="606" y="581"/>
                    </a:lnTo>
                    <a:lnTo>
                      <a:pt x="610" y="596"/>
                    </a:lnTo>
                    <a:lnTo>
                      <a:pt x="613" y="604"/>
                    </a:lnTo>
                    <a:lnTo>
                      <a:pt x="617" y="610"/>
                    </a:lnTo>
                    <a:lnTo>
                      <a:pt x="621" y="616"/>
                    </a:lnTo>
                    <a:lnTo>
                      <a:pt x="625" y="618"/>
                    </a:lnTo>
                    <a:lnTo>
                      <a:pt x="627" y="618"/>
                    </a:lnTo>
                    <a:lnTo>
                      <a:pt x="628" y="618"/>
                    </a:lnTo>
                    <a:lnTo>
                      <a:pt x="631" y="617"/>
                    </a:lnTo>
                    <a:lnTo>
                      <a:pt x="632" y="616"/>
                    </a:lnTo>
                    <a:lnTo>
                      <a:pt x="634" y="609"/>
                    </a:lnTo>
                    <a:lnTo>
                      <a:pt x="634" y="600"/>
                    </a:lnTo>
                    <a:lnTo>
                      <a:pt x="634" y="585"/>
                    </a:lnTo>
                    <a:lnTo>
                      <a:pt x="634" y="568"/>
                    </a:lnTo>
                    <a:lnTo>
                      <a:pt x="635" y="550"/>
                    </a:lnTo>
                    <a:lnTo>
                      <a:pt x="637" y="533"/>
                    </a:lnTo>
                    <a:lnTo>
                      <a:pt x="639" y="516"/>
                    </a:lnTo>
                    <a:lnTo>
                      <a:pt x="639" y="498"/>
                    </a:lnTo>
                    <a:lnTo>
                      <a:pt x="637" y="481"/>
                    </a:lnTo>
                    <a:lnTo>
                      <a:pt x="635" y="465"/>
                    </a:lnTo>
                    <a:lnTo>
                      <a:pt x="618" y="467"/>
                    </a:lnTo>
                    <a:lnTo>
                      <a:pt x="595" y="467"/>
                    </a:lnTo>
                    <a:lnTo>
                      <a:pt x="583" y="465"/>
                    </a:lnTo>
                    <a:lnTo>
                      <a:pt x="574" y="463"/>
                    </a:lnTo>
                    <a:lnTo>
                      <a:pt x="570" y="460"/>
                    </a:lnTo>
                    <a:lnTo>
                      <a:pt x="568" y="458"/>
                    </a:lnTo>
                    <a:lnTo>
                      <a:pt x="566" y="455"/>
                    </a:lnTo>
                    <a:lnTo>
                      <a:pt x="566" y="451"/>
                    </a:lnTo>
                    <a:lnTo>
                      <a:pt x="566" y="447"/>
                    </a:lnTo>
                    <a:lnTo>
                      <a:pt x="568" y="443"/>
                    </a:lnTo>
                    <a:lnTo>
                      <a:pt x="570" y="439"/>
                    </a:lnTo>
                    <a:lnTo>
                      <a:pt x="571" y="437"/>
                    </a:lnTo>
                    <a:lnTo>
                      <a:pt x="577" y="432"/>
                    </a:lnTo>
                    <a:lnTo>
                      <a:pt x="583" y="426"/>
                    </a:lnTo>
                    <a:lnTo>
                      <a:pt x="590" y="421"/>
                    </a:lnTo>
                    <a:lnTo>
                      <a:pt x="595" y="415"/>
                    </a:lnTo>
                    <a:lnTo>
                      <a:pt x="597" y="412"/>
                    </a:lnTo>
                    <a:lnTo>
                      <a:pt x="599" y="408"/>
                    </a:lnTo>
                    <a:lnTo>
                      <a:pt x="600" y="404"/>
                    </a:lnTo>
                    <a:lnTo>
                      <a:pt x="600" y="399"/>
                    </a:lnTo>
                    <a:lnTo>
                      <a:pt x="599" y="381"/>
                    </a:lnTo>
                    <a:lnTo>
                      <a:pt x="595" y="364"/>
                    </a:lnTo>
                    <a:lnTo>
                      <a:pt x="591" y="346"/>
                    </a:lnTo>
                    <a:lnTo>
                      <a:pt x="586" y="328"/>
                    </a:lnTo>
                    <a:lnTo>
                      <a:pt x="580" y="310"/>
                    </a:lnTo>
                    <a:lnTo>
                      <a:pt x="577" y="292"/>
                    </a:lnTo>
                    <a:lnTo>
                      <a:pt x="573" y="275"/>
                    </a:lnTo>
                    <a:lnTo>
                      <a:pt x="573" y="258"/>
                    </a:lnTo>
                    <a:lnTo>
                      <a:pt x="573" y="240"/>
                    </a:lnTo>
                    <a:lnTo>
                      <a:pt x="573" y="226"/>
                    </a:lnTo>
                    <a:lnTo>
                      <a:pt x="570" y="215"/>
                    </a:lnTo>
                    <a:lnTo>
                      <a:pt x="568" y="206"/>
                    </a:lnTo>
                    <a:lnTo>
                      <a:pt x="561" y="198"/>
                    </a:lnTo>
                    <a:lnTo>
                      <a:pt x="553" y="189"/>
                    </a:lnTo>
                    <a:lnTo>
                      <a:pt x="542" y="182"/>
                    </a:lnTo>
                    <a:lnTo>
                      <a:pt x="526" y="171"/>
                    </a:lnTo>
                    <a:lnTo>
                      <a:pt x="492" y="171"/>
                    </a:lnTo>
                    <a:lnTo>
                      <a:pt x="454" y="173"/>
                    </a:lnTo>
                    <a:lnTo>
                      <a:pt x="433" y="173"/>
                    </a:lnTo>
                    <a:lnTo>
                      <a:pt x="415" y="171"/>
                    </a:lnTo>
                    <a:lnTo>
                      <a:pt x="398" y="169"/>
                    </a:lnTo>
                    <a:lnTo>
                      <a:pt x="385" y="165"/>
                    </a:lnTo>
                    <a:lnTo>
                      <a:pt x="376" y="161"/>
                    </a:lnTo>
                    <a:lnTo>
                      <a:pt x="368" y="158"/>
                    </a:lnTo>
                    <a:lnTo>
                      <a:pt x="359" y="157"/>
                    </a:lnTo>
                    <a:lnTo>
                      <a:pt x="352" y="157"/>
                    </a:lnTo>
                    <a:lnTo>
                      <a:pt x="338" y="158"/>
                    </a:lnTo>
                    <a:lnTo>
                      <a:pt x="325" y="161"/>
                    </a:lnTo>
                    <a:lnTo>
                      <a:pt x="314" y="165"/>
                    </a:lnTo>
                    <a:lnTo>
                      <a:pt x="301" y="167"/>
                    </a:lnTo>
                    <a:lnTo>
                      <a:pt x="294" y="169"/>
                    </a:lnTo>
                    <a:lnTo>
                      <a:pt x="288" y="169"/>
                    </a:lnTo>
                    <a:lnTo>
                      <a:pt x="281" y="169"/>
                    </a:lnTo>
                    <a:lnTo>
                      <a:pt x="275" y="167"/>
                    </a:lnTo>
                    <a:lnTo>
                      <a:pt x="276" y="157"/>
                    </a:lnTo>
                    <a:lnTo>
                      <a:pt x="279" y="149"/>
                    </a:lnTo>
                    <a:lnTo>
                      <a:pt x="284" y="141"/>
                    </a:lnTo>
                    <a:lnTo>
                      <a:pt x="290" y="135"/>
                    </a:lnTo>
                    <a:lnTo>
                      <a:pt x="306" y="123"/>
                    </a:lnTo>
                    <a:lnTo>
                      <a:pt x="323" y="114"/>
                    </a:lnTo>
                    <a:lnTo>
                      <a:pt x="330" y="109"/>
                    </a:lnTo>
                    <a:lnTo>
                      <a:pt x="338" y="104"/>
                    </a:lnTo>
                    <a:lnTo>
                      <a:pt x="345" y="99"/>
                    </a:lnTo>
                    <a:lnTo>
                      <a:pt x="349" y="94"/>
                    </a:lnTo>
                    <a:lnTo>
                      <a:pt x="352" y="87"/>
                    </a:lnTo>
                    <a:lnTo>
                      <a:pt x="352" y="79"/>
                    </a:lnTo>
                    <a:lnTo>
                      <a:pt x="351" y="70"/>
                    </a:lnTo>
                    <a:lnTo>
                      <a:pt x="346" y="60"/>
                    </a:lnTo>
                    <a:lnTo>
                      <a:pt x="338" y="47"/>
                    </a:lnTo>
                    <a:lnTo>
                      <a:pt x="329" y="29"/>
                    </a:lnTo>
                    <a:lnTo>
                      <a:pt x="319" y="12"/>
                    </a:lnTo>
                    <a:lnTo>
                      <a:pt x="310" y="0"/>
                    </a:lnTo>
                    <a:lnTo>
                      <a:pt x="302" y="11"/>
                    </a:lnTo>
                    <a:lnTo>
                      <a:pt x="289" y="31"/>
                    </a:lnTo>
                    <a:lnTo>
                      <a:pt x="271" y="61"/>
                    </a:lnTo>
                    <a:lnTo>
                      <a:pt x="250" y="91"/>
                    </a:lnTo>
                    <a:lnTo>
                      <a:pt x="229" y="121"/>
                    </a:lnTo>
                    <a:lnTo>
                      <a:pt x="213" y="141"/>
                    </a:lnTo>
                    <a:lnTo>
                      <a:pt x="205" y="148"/>
                    </a:lnTo>
                    <a:lnTo>
                      <a:pt x="198" y="152"/>
                    </a:lnTo>
                    <a:lnTo>
                      <a:pt x="196" y="152"/>
                    </a:lnTo>
                    <a:lnTo>
                      <a:pt x="194" y="151"/>
                    </a:lnTo>
                    <a:lnTo>
                      <a:pt x="193" y="148"/>
                    </a:lnTo>
                    <a:lnTo>
                      <a:pt x="192" y="145"/>
                    </a:lnTo>
                    <a:lnTo>
                      <a:pt x="193" y="149"/>
                    </a:lnTo>
                    <a:lnTo>
                      <a:pt x="165" y="191"/>
                    </a:lnTo>
                    <a:lnTo>
                      <a:pt x="165" y="197"/>
                    </a:lnTo>
                    <a:lnTo>
                      <a:pt x="163" y="201"/>
                    </a:lnTo>
                    <a:lnTo>
                      <a:pt x="161" y="205"/>
                    </a:lnTo>
                    <a:lnTo>
                      <a:pt x="158" y="209"/>
                    </a:lnTo>
                    <a:lnTo>
                      <a:pt x="148" y="213"/>
                    </a:lnTo>
                    <a:lnTo>
                      <a:pt x="136" y="215"/>
                    </a:lnTo>
                    <a:lnTo>
                      <a:pt x="110" y="218"/>
                    </a:lnTo>
                    <a:lnTo>
                      <a:pt x="88" y="219"/>
                    </a:lnTo>
                    <a:lnTo>
                      <a:pt x="82" y="222"/>
                    </a:lnTo>
                    <a:lnTo>
                      <a:pt x="77" y="224"/>
                    </a:lnTo>
                    <a:lnTo>
                      <a:pt x="73" y="227"/>
                    </a:lnTo>
                    <a:lnTo>
                      <a:pt x="69" y="231"/>
                    </a:lnTo>
                    <a:lnTo>
                      <a:pt x="66" y="235"/>
                    </a:lnTo>
                    <a:lnTo>
                      <a:pt x="65" y="239"/>
                    </a:lnTo>
                    <a:lnTo>
                      <a:pt x="65" y="243"/>
                    </a:lnTo>
                    <a:lnTo>
                      <a:pt x="65" y="248"/>
                    </a:lnTo>
                    <a:lnTo>
                      <a:pt x="67" y="257"/>
                    </a:lnTo>
                    <a:lnTo>
                      <a:pt x="71" y="267"/>
                    </a:lnTo>
                    <a:lnTo>
                      <a:pt x="77" y="276"/>
                    </a:lnTo>
                    <a:lnTo>
                      <a:pt x="82" y="285"/>
                    </a:lnTo>
                    <a:lnTo>
                      <a:pt x="86" y="292"/>
                    </a:lnTo>
                    <a:lnTo>
                      <a:pt x="88" y="297"/>
                    </a:lnTo>
                    <a:lnTo>
                      <a:pt x="88" y="301"/>
                    </a:lnTo>
                    <a:lnTo>
                      <a:pt x="88" y="305"/>
                    </a:lnTo>
                    <a:lnTo>
                      <a:pt x="87" y="307"/>
                    </a:lnTo>
                    <a:lnTo>
                      <a:pt x="84" y="310"/>
                    </a:lnTo>
                    <a:lnTo>
                      <a:pt x="82" y="311"/>
                    </a:lnTo>
                    <a:lnTo>
                      <a:pt x="78" y="312"/>
                    </a:lnTo>
                    <a:lnTo>
                      <a:pt x="58" y="315"/>
                    </a:lnTo>
                    <a:lnTo>
                      <a:pt x="40" y="319"/>
                    </a:lnTo>
                    <a:lnTo>
                      <a:pt x="32" y="323"/>
                    </a:lnTo>
                    <a:lnTo>
                      <a:pt x="26" y="328"/>
                    </a:lnTo>
                    <a:lnTo>
                      <a:pt x="20" y="333"/>
                    </a:lnTo>
                    <a:lnTo>
                      <a:pt x="14" y="340"/>
                    </a:lnTo>
                    <a:lnTo>
                      <a:pt x="10" y="346"/>
                    </a:lnTo>
                    <a:lnTo>
                      <a:pt x="7" y="354"/>
                    </a:lnTo>
                    <a:lnTo>
                      <a:pt x="4" y="362"/>
                    </a:lnTo>
                    <a:lnTo>
                      <a:pt x="3" y="371"/>
                    </a:lnTo>
                    <a:lnTo>
                      <a:pt x="0" y="388"/>
                    </a:lnTo>
                    <a:lnTo>
                      <a:pt x="0" y="404"/>
                    </a:lnTo>
                    <a:lnTo>
                      <a:pt x="3" y="421"/>
                    </a:lnTo>
                    <a:lnTo>
                      <a:pt x="8" y="437"/>
                    </a:lnTo>
                    <a:lnTo>
                      <a:pt x="12" y="447"/>
                    </a:lnTo>
                    <a:lnTo>
                      <a:pt x="17" y="458"/>
                    </a:lnTo>
                    <a:lnTo>
                      <a:pt x="22" y="469"/>
                    </a:lnTo>
                    <a:lnTo>
                      <a:pt x="30" y="480"/>
                    </a:lnTo>
                    <a:lnTo>
                      <a:pt x="38" y="491"/>
                    </a:lnTo>
                    <a:lnTo>
                      <a:pt x="47" y="502"/>
                    </a:lnTo>
                    <a:lnTo>
                      <a:pt x="56" y="512"/>
                    </a:lnTo>
                    <a:lnTo>
                      <a:pt x="66" y="522"/>
                    </a:lnTo>
                    <a:lnTo>
                      <a:pt x="77" y="530"/>
                    </a:lnTo>
                    <a:lnTo>
                      <a:pt x="87" y="539"/>
                    </a:lnTo>
                    <a:lnTo>
                      <a:pt x="99" y="546"/>
                    </a:lnTo>
                    <a:lnTo>
                      <a:pt x="110" y="551"/>
                    </a:lnTo>
                    <a:lnTo>
                      <a:pt x="122" y="555"/>
                    </a:lnTo>
                    <a:lnTo>
                      <a:pt x="134" y="557"/>
                    </a:lnTo>
                    <a:lnTo>
                      <a:pt x="145" y="559"/>
                    </a:lnTo>
                    <a:lnTo>
                      <a:pt x="157" y="557"/>
                    </a:lnTo>
                    <a:lnTo>
                      <a:pt x="163" y="556"/>
                    </a:lnTo>
                    <a:lnTo>
                      <a:pt x="170" y="553"/>
                    </a:lnTo>
                    <a:lnTo>
                      <a:pt x="176" y="551"/>
                    </a:lnTo>
                    <a:lnTo>
                      <a:pt x="183" y="547"/>
                    </a:lnTo>
                    <a:lnTo>
                      <a:pt x="196" y="538"/>
                    </a:lnTo>
                    <a:lnTo>
                      <a:pt x="207" y="530"/>
                    </a:lnTo>
                    <a:lnTo>
                      <a:pt x="220" y="521"/>
                    </a:lnTo>
                    <a:lnTo>
                      <a:pt x="235" y="513"/>
                    </a:lnTo>
                    <a:lnTo>
                      <a:pt x="242" y="511"/>
                    </a:lnTo>
                    <a:lnTo>
                      <a:pt x="250" y="508"/>
                    </a:lnTo>
                    <a:lnTo>
                      <a:pt x="258" y="507"/>
                    </a:lnTo>
                    <a:lnTo>
                      <a:pt x="267" y="507"/>
                    </a:lnTo>
                    <a:lnTo>
                      <a:pt x="271" y="507"/>
                    </a:lnTo>
                    <a:lnTo>
                      <a:pt x="275" y="509"/>
                    </a:lnTo>
                    <a:lnTo>
                      <a:pt x="279" y="512"/>
                    </a:lnTo>
                    <a:lnTo>
                      <a:pt x="282" y="517"/>
                    </a:lnTo>
                    <a:lnTo>
                      <a:pt x="288" y="528"/>
                    </a:lnTo>
                    <a:lnTo>
                      <a:pt x="294" y="540"/>
                    </a:lnTo>
                    <a:lnTo>
                      <a:pt x="302" y="569"/>
                    </a:lnTo>
                    <a:lnTo>
                      <a:pt x="308" y="590"/>
                    </a:lnTo>
                    <a:lnTo>
                      <a:pt x="312" y="599"/>
                    </a:lnTo>
                    <a:lnTo>
                      <a:pt x="317" y="605"/>
                    </a:lnTo>
                    <a:lnTo>
                      <a:pt x="323" y="609"/>
                    </a:lnTo>
                    <a:lnTo>
                      <a:pt x="333" y="613"/>
                    </a:lnTo>
                    <a:lnTo>
                      <a:pt x="342" y="616"/>
                    </a:lnTo>
                    <a:lnTo>
                      <a:pt x="351" y="618"/>
                    </a:lnTo>
                    <a:lnTo>
                      <a:pt x="360" y="621"/>
                    </a:lnTo>
                    <a:lnTo>
                      <a:pt x="367" y="626"/>
                    </a:lnTo>
                    <a:lnTo>
                      <a:pt x="371" y="631"/>
                    </a:lnTo>
                    <a:lnTo>
                      <a:pt x="373" y="636"/>
                    </a:lnTo>
                    <a:lnTo>
                      <a:pt x="374" y="644"/>
                    </a:lnTo>
                    <a:lnTo>
                      <a:pt x="377" y="652"/>
                    </a:lnTo>
                    <a:lnTo>
                      <a:pt x="380" y="669"/>
                    </a:lnTo>
                    <a:lnTo>
                      <a:pt x="384" y="680"/>
                    </a:lnTo>
                    <a:lnTo>
                      <a:pt x="381" y="682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53" name="Freeform 202"/>
              <p:cNvSpPr>
                <a:spLocks/>
              </p:cNvSpPr>
              <p:nvPr/>
            </p:nvSpPr>
            <p:spPr bwMode="auto">
              <a:xfrm>
                <a:off x="5508127" y="2673462"/>
                <a:ext cx="71047" cy="59609"/>
              </a:xfrm>
              <a:custGeom>
                <a:avLst/>
                <a:gdLst/>
                <a:ahLst/>
                <a:cxnLst>
                  <a:cxn ang="0">
                    <a:pos x="17" y="79"/>
                  </a:cxn>
                  <a:cxn ang="0">
                    <a:pos x="29" y="69"/>
                  </a:cxn>
                  <a:cxn ang="0">
                    <a:pos x="42" y="57"/>
                  </a:cxn>
                  <a:cxn ang="0">
                    <a:pos x="54" y="50"/>
                  </a:cxn>
                  <a:cxn ang="0">
                    <a:pos x="65" y="41"/>
                  </a:cxn>
                  <a:cxn ang="0">
                    <a:pos x="76" y="30"/>
                  </a:cxn>
                  <a:cxn ang="0">
                    <a:pos x="85" y="19"/>
                  </a:cxn>
                  <a:cxn ang="0">
                    <a:pos x="89" y="15"/>
                  </a:cxn>
                  <a:cxn ang="0">
                    <a:pos x="95" y="9"/>
                  </a:cxn>
                  <a:cxn ang="0">
                    <a:pos x="100" y="6"/>
                  </a:cxn>
                  <a:cxn ang="0">
                    <a:pos x="107" y="3"/>
                  </a:cxn>
                  <a:cxn ang="0">
                    <a:pos x="117" y="0"/>
                  </a:cxn>
                  <a:cxn ang="0">
                    <a:pos x="126" y="0"/>
                  </a:cxn>
                  <a:cxn ang="0">
                    <a:pos x="135" y="2"/>
                  </a:cxn>
                  <a:cxn ang="0">
                    <a:pos x="146" y="2"/>
                  </a:cxn>
                  <a:cxn ang="0">
                    <a:pos x="149" y="3"/>
                  </a:cxn>
                  <a:cxn ang="0">
                    <a:pos x="153" y="4"/>
                  </a:cxn>
                  <a:cxn ang="0">
                    <a:pos x="156" y="6"/>
                  </a:cxn>
                  <a:cxn ang="0">
                    <a:pos x="157" y="7"/>
                  </a:cxn>
                  <a:cxn ang="0">
                    <a:pos x="157" y="9"/>
                  </a:cxn>
                  <a:cxn ang="0">
                    <a:pos x="156" y="11"/>
                  </a:cxn>
                  <a:cxn ang="0">
                    <a:pos x="153" y="13"/>
                  </a:cxn>
                  <a:cxn ang="0">
                    <a:pos x="149" y="16"/>
                  </a:cxn>
                  <a:cxn ang="0">
                    <a:pos x="142" y="21"/>
                  </a:cxn>
                  <a:cxn ang="0">
                    <a:pos x="136" y="28"/>
                  </a:cxn>
                  <a:cxn ang="0">
                    <a:pos x="135" y="33"/>
                  </a:cxn>
                  <a:cxn ang="0">
                    <a:pos x="135" y="39"/>
                  </a:cxn>
                  <a:cxn ang="0">
                    <a:pos x="139" y="54"/>
                  </a:cxn>
                  <a:cxn ang="0">
                    <a:pos x="143" y="69"/>
                  </a:cxn>
                  <a:cxn ang="0">
                    <a:pos x="143" y="76"/>
                  </a:cxn>
                  <a:cxn ang="0">
                    <a:pos x="143" y="82"/>
                  </a:cxn>
                  <a:cxn ang="0">
                    <a:pos x="140" y="86"/>
                  </a:cxn>
                  <a:cxn ang="0">
                    <a:pos x="138" y="90"/>
                  </a:cxn>
                  <a:cxn ang="0">
                    <a:pos x="127" y="95"/>
                  </a:cxn>
                  <a:cxn ang="0">
                    <a:pos x="116" y="99"/>
                  </a:cxn>
                  <a:cxn ang="0">
                    <a:pos x="105" y="104"/>
                  </a:cxn>
                  <a:cxn ang="0">
                    <a:pos x="94" y="109"/>
                  </a:cxn>
                  <a:cxn ang="0">
                    <a:pos x="83" y="116"/>
                  </a:cxn>
                  <a:cxn ang="0">
                    <a:pos x="73" y="121"/>
                  </a:cxn>
                  <a:cxn ang="0">
                    <a:pos x="60" y="125"/>
                  </a:cxn>
                  <a:cxn ang="0">
                    <a:pos x="48" y="127"/>
                  </a:cxn>
                  <a:cxn ang="0">
                    <a:pos x="35" y="129"/>
                  </a:cxn>
                  <a:cxn ang="0">
                    <a:pos x="22" y="131"/>
                  </a:cxn>
                  <a:cxn ang="0">
                    <a:pos x="17" y="133"/>
                  </a:cxn>
                  <a:cxn ang="0">
                    <a:pos x="13" y="133"/>
                  </a:cxn>
                  <a:cxn ang="0">
                    <a:pos x="11" y="133"/>
                  </a:cxn>
                  <a:cxn ang="0">
                    <a:pos x="7" y="133"/>
                  </a:cxn>
                  <a:cxn ang="0">
                    <a:pos x="3" y="129"/>
                  </a:cxn>
                  <a:cxn ang="0">
                    <a:pos x="2" y="123"/>
                  </a:cxn>
                  <a:cxn ang="0">
                    <a:pos x="0" y="109"/>
                  </a:cxn>
                  <a:cxn ang="0">
                    <a:pos x="0" y="96"/>
                  </a:cxn>
                  <a:cxn ang="0">
                    <a:pos x="17" y="79"/>
                  </a:cxn>
                </a:cxnLst>
                <a:rect l="0" t="0" r="r" b="b"/>
                <a:pathLst>
                  <a:path w="157" h="133">
                    <a:moveTo>
                      <a:pt x="17" y="79"/>
                    </a:moveTo>
                    <a:lnTo>
                      <a:pt x="29" y="69"/>
                    </a:lnTo>
                    <a:lnTo>
                      <a:pt x="42" y="57"/>
                    </a:lnTo>
                    <a:lnTo>
                      <a:pt x="54" y="50"/>
                    </a:lnTo>
                    <a:lnTo>
                      <a:pt x="65" y="41"/>
                    </a:lnTo>
                    <a:lnTo>
                      <a:pt x="76" y="30"/>
                    </a:lnTo>
                    <a:lnTo>
                      <a:pt x="85" y="19"/>
                    </a:lnTo>
                    <a:lnTo>
                      <a:pt x="89" y="15"/>
                    </a:lnTo>
                    <a:lnTo>
                      <a:pt x="95" y="9"/>
                    </a:lnTo>
                    <a:lnTo>
                      <a:pt x="100" y="6"/>
                    </a:lnTo>
                    <a:lnTo>
                      <a:pt x="107" y="3"/>
                    </a:lnTo>
                    <a:lnTo>
                      <a:pt x="117" y="0"/>
                    </a:lnTo>
                    <a:lnTo>
                      <a:pt x="126" y="0"/>
                    </a:lnTo>
                    <a:lnTo>
                      <a:pt x="135" y="2"/>
                    </a:lnTo>
                    <a:lnTo>
                      <a:pt x="146" y="2"/>
                    </a:lnTo>
                    <a:lnTo>
                      <a:pt x="149" y="3"/>
                    </a:lnTo>
                    <a:lnTo>
                      <a:pt x="153" y="4"/>
                    </a:lnTo>
                    <a:lnTo>
                      <a:pt x="156" y="6"/>
                    </a:lnTo>
                    <a:lnTo>
                      <a:pt x="157" y="7"/>
                    </a:lnTo>
                    <a:lnTo>
                      <a:pt x="157" y="9"/>
                    </a:lnTo>
                    <a:lnTo>
                      <a:pt x="156" y="11"/>
                    </a:lnTo>
                    <a:lnTo>
                      <a:pt x="153" y="13"/>
                    </a:lnTo>
                    <a:lnTo>
                      <a:pt x="149" y="16"/>
                    </a:lnTo>
                    <a:lnTo>
                      <a:pt x="142" y="21"/>
                    </a:lnTo>
                    <a:lnTo>
                      <a:pt x="136" y="28"/>
                    </a:lnTo>
                    <a:lnTo>
                      <a:pt x="135" y="33"/>
                    </a:lnTo>
                    <a:lnTo>
                      <a:pt x="135" y="39"/>
                    </a:lnTo>
                    <a:lnTo>
                      <a:pt x="139" y="54"/>
                    </a:lnTo>
                    <a:lnTo>
                      <a:pt x="143" y="69"/>
                    </a:lnTo>
                    <a:lnTo>
                      <a:pt x="143" y="76"/>
                    </a:lnTo>
                    <a:lnTo>
                      <a:pt x="143" y="82"/>
                    </a:lnTo>
                    <a:lnTo>
                      <a:pt x="140" y="86"/>
                    </a:lnTo>
                    <a:lnTo>
                      <a:pt x="138" y="90"/>
                    </a:lnTo>
                    <a:lnTo>
                      <a:pt x="127" y="95"/>
                    </a:lnTo>
                    <a:lnTo>
                      <a:pt x="116" y="99"/>
                    </a:lnTo>
                    <a:lnTo>
                      <a:pt x="105" y="104"/>
                    </a:lnTo>
                    <a:lnTo>
                      <a:pt x="94" y="109"/>
                    </a:lnTo>
                    <a:lnTo>
                      <a:pt x="83" y="116"/>
                    </a:lnTo>
                    <a:lnTo>
                      <a:pt x="73" y="121"/>
                    </a:lnTo>
                    <a:lnTo>
                      <a:pt x="60" y="125"/>
                    </a:lnTo>
                    <a:lnTo>
                      <a:pt x="48" y="127"/>
                    </a:lnTo>
                    <a:lnTo>
                      <a:pt x="35" y="129"/>
                    </a:lnTo>
                    <a:lnTo>
                      <a:pt x="22" y="131"/>
                    </a:lnTo>
                    <a:lnTo>
                      <a:pt x="17" y="133"/>
                    </a:lnTo>
                    <a:lnTo>
                      <a:pt x="13" y="133"/>
                    </a:lnTo>
                    <a:lnTo>
                      <a:pt x="11" y="133"/>
                    </a:lnTo>
                    <a:lnTo>
                      <a:pt x="7" y="133"/>
                    </a:lnTo>
                    <a:lnTo>
                      <a:pt x="3" y="129"/>
                    </a:lnTo>
                    <a:lnTo>
                      <a:pt x="2" y="123"/>
                    </a:lnTo>
                    <a:lnTo>
                      <a:pt x="0" y="109"/>
                    </a:lnTo>
                    <a:lnTo>
                      <a:pt x="0" y="96"/>
                    </a:lnTo>
                    <a:lnTo>
                      <a:pt x="17" y="79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54" name="Freeform 203"/>
              <p:cNvSpPr>
                <a:spLocks/>
              </p:cNvSpPr>
              <p:nvPr/>
            </p:nvSpPr>
            <p:spPr bwMode="auto">
              <a:xfrm>
                <a:off x="5519057" y="1791985"/>
                <a:ext cx="154844" cy="122829"/>
              </a:xfrm>
              <a:custGeom>
                <a:avLst/>
                <a:gdLst/>
                <a:ahLst/>
                <a:cxnLst>
                  <a:cxn ang="0">
                    <a:pos x="62" y="210"/>
                  </a:cxn>
                  <a:cxn ang="0">
                    <a:pos x="82" y="191"/>
                  </a:cxn>
                  <a:cxn ang="0">
                    <a:pos x="84" y="182"/>
                  </a:cxn>
                  <a:cxn ang="0">
                    <a:pos x="53" y="162"/>
                  </a:cxn>
                  <a:cxn ang="0">
                    <a:pos x="69" y="134"/>
                  </a:cxn>
                  <a:cxn ang="0">
                    <a:pos x="69" y="123"/>
                  </a:cxn>
                  <a:cxn ang="0">
                    <a:pos x="60" y="108"/>
                  </a:cxn>
                  <a:cxn ang="0">
                    <a:pos x="47" y="87"/>
                  </a:cxn>
                  <a:cxn ang="0">
                    <a:pos x="47" y="74"/>
                  </a:cxn>
                  <a:cxn ang="0">
                    <a:pos x="58" y="65"/>
                  </a:cxn>
                  <a:cxn ang="0">
                    <a:pos x="97" y="57"/>
                  </a:cxn>
                  <a:cxn ang="0">
                    <a:pos x="98" y="91"/>
                  </a:cxn>
                  <a:cxn ang="0">
                    <a:pos x="110" y="108"/>
                  </a:cxn>
                  <a:cxn ang="0">
                    <a:pos x="144" y="119"/>
                  </a:cxn>
                  <a:cxn ang="0">
                    <a:pos x="162" y="112"/>
                  </a:cxn>
                  <a:cxn ang="0">
                    <a:pos x="175" y="84"/>
                  </a:cxn>
                  <a:cxn ang="0">
                    <a:pos x="188" y="53"/>
                  </a:cxn>
                  <a:cxn ang="0">
                    <a:pos x="224" y="31"/>
                  </a:cxn>
                  <a:cxn ang="0">
                    <a:pos x="275" y="12"/>
                  </a:cxn>
                  <a:cxn ang="0">
                    <a:pos x="321" y="3"/>
                  </a:cxn>
                  <a:cxn ang="0">
                    <a:pos x="339" y="3"/>
                  </a:cxn>
                  <a:cxn ang="0">
                    <a:pos x="341" y="17"/>
                  </a:cxn>
                  <a:cxn ang="0">
                    <a:pos x="332" y="51"/>
                  </a:cxn>
                  <a:cxn ang="0">
                    <a:pos x="317" y="74"/>
                  </a:cxn>
                  <a:cxn ang="0">
                    <a:pos x="294" y="95"/>
                  </a:cxn>
                  <a:cxn ang="0">
                    <a:pos x="268" y="110"/>
                  </a:cxn>
                  <a:cxn ang="0">
                    <a:pos x="279" y="121"/>
                  </a:cxn>
                  <a:cxn ang="0">
                    <a:pos x="295" y="130"/>
                  </a:cxn>
                  <a:cxn ang="0">
                    <a:pos x="289" y="138"/>
                  </a:cxn>
                  <a:cxn ang="0">
                    <a:pos x="242" y="145"/>
                  </a:cxn>
                  <a:cxn ang="0">
                    <a:pos x="202" y="152"/>
                  </a:cxn>
                  <a:cxn ang="0">
                    <a:pos x="201" y="163"/>
                  </a:cxn>
                  <a:cxn ang="0">
                    <a:pos x="214" y="179"/>
                  </a:cxn>
                  <a:cxn ang="0">
                    <a:pos x="216" y="193"/>
                  </a:cxn>
                  <a:cxn ang="0">
                    <a:pos x="202" y="210"/>
                  </a:cxn>
                  <a:cxn ang="0">
                    <a:pos x="174" y="219"/>
                  </a:cxn>
                  <a:cxn ang="0">
                    <a:pos x="123" y="211"/>
                  </a:cxn>
                  <a:cxn ang="0">
                    <a:pos x="109" y="214"/>
                  </a:cxn>
                  <a:cxn ang="0">
                    <a:pos x="95" y="235"/>
                  </a:cxn>
                  <a:cxn ang="0">
                    <a:pos x="78" y="258"/>
                  </a:cxn>
                  <a:cxn ang="0">
                    <a:pos x="60" y="266"/>
                  </a:cxn>
                  <a:cxn ang="0">
                    <a:pos x="22" y="275"/>
                  </a:cxn>
                  <a:cxn ang="0">
                    <a:pos x="7" y="263"/>
                  </a:cxn>
                  <a:cxn ang="0">
                    <a:pos x="0" y="245"/>
                  </a:cxn>
                </a:cxnLst>
                <a:rect l="0" t="0" r="r" b="b"/>
                <a:pathLst>
                  <a:path w="341" h="275">
                    <a:moveTo>
                      <a:pt x="30" y="233"/>
                    </a:moveTo>
                    <a:lnTo>
                      <a:pt x="43" y="224"/>
                    </a:lnTo>
                    <a:lnTo>
                      <a:pt x="62" y="210"/>
                    </a:lnTo>
                    <a:lnTo>
                      <a:pt x="71" y="202"/>
                    </a:lnTo>
                    <a:lnTo>
                      <a:pt x="79" y="195"/>
                    </a:lnTo>
                    <a:lnTo>
                      <a:pt x="82" y="191"/>
                    </a:lnTo>
                    <a:lnTo>
                      <a:pt x="83" y="188"/>
                    </a:lnTo>
                    <a:lnTo>
                      <a:pt x="84" y="184"/>
                    </a:lnTo>
                    <a:lnTo>
                      <a:pt x="84" y="182"/>
                    </a:lnTo>
                    <a:lnTo>
                      <a:pt x="78" y="176"/>
                    </a:lnTo>
                    <a:lnTo>
                      <a:pt x="66" y="170"/>
                    </a:lnTo>
                    <a:lnTo>
                      <a:pt x="53" y="162"/>
                    </a:lnTo>
                    <a:lnTo>
                      <a:pt x="44" y="157"/>
                    </a:lnTo>
                    <a:lnTo>
                      <a:pt x="53" y="147"/>
                    </a:lnTo>
                    <a:lnTo>
                      <a:pt x="69" y="134"/>
                    </a:lnTo>
                    <a:lnTo>
                      <a:pt x="70" y="131"/>
                    </a:lnTo>
                    <a:lnTo>
                      <a:pt x="70" y="127"/>
                    </a:lnTo>
                    <a:lnTo>
                      <a:pt x="69" y="123"/>
                    </a:lnTo>
                    <a:lnTo>
                      <a:pt x="69" y="121"/>
                    </a:lnTo>
                    <a:lnTo>
                      <a:pt x="65" y="114"/>
                    </a:lnTo>
                    <a:lnTo>
                      <a:pt x="60" y="108"/>
                    </a:lnTo>
                    <a:lnTo>
                      <a:pt x="56" y="100"/>
                    </a:lnTo>
                    <a:lnTo>
                      <a:pt x="51" y="93"/>
                    </a:lnTo>
                    <a:lnTo>
                      <a:pt x="47" y="87"/>
                    </a:lnTo>
                    <a:lnTo>
                      <a:pt x="45" y="81"/>
                    </a:lnTo>
                    <a:lnTo>
                      <a:pt x="45" y="77"/>
                    </a:lnTo>
                    <a:lnTo>
                      <a:pt x="47" y="74"/>
                    </a:lnTo>
                    <a:lnTo>
                      <a:pt x="49" y="71"/>
                    </a:lnTo>
                    <a:lnTo>
                      <a:pt x="52" y="69"/>
                    </a:lnTo>
                    <a:lnTo>
                      <a:pt x="58" y="65"/>
                    </a:lnTo>
                    <a:lnTo>
                      <a:pt x="66" y="61"/>
                    </a:lnTo>
                    <a:lnTo>
                      <a:pt x="83" y="59"/>
                    </a:lnTo>
                    <a:lnTo>
                      <a:pt x="97" y="57"/>
                    </a:lnTo>
                    <a:lnTo>
                      <a:pt x="97" y="70"/>
                    </a:lnTo>
                    <a:lnTo>
                      <a:pt x="97" y="84"/>
                    </a:lnTo>
                    <a:lnTo>
                      <a:pt x="98" y="91"/>
                    </a:lnTo>
                    <a:lnTo>
                      <a:pt x="101" y="97"/>
                    </a:lnTo>
                    <a:lnTo>
                      <a:pt x="105" y="103"/>
                    </a:lnTo>
                    <a:lnTo>
                      <a:pt x="110" y="108"/>
                    </a:lnTo>
                    <a:lnTo>
                      <a:pt x="124" y="114"/>
                    </a:lnTo>
                    <a:lnTo>
                      <a:pt x="135" y="118"/>
                    </a:lnTo>
                    <a:lnTo>
                      <a:pt x="144" y="119"/>
                    </a:lnTo>
                    <a:lnTo>
                      <a:pt x="152" y="119"/>
                    </a:lnTo>
                    <a:lnTo>
                      <a:pt x="157" y="117"/>
                    </a:lnTo>
                    <a:lnTo>
                      <a:pt x="162" y="112"/>
                    </a:lnTo>
                    <a:lnTo>
                      <a:pt x="166" y="106"/>
                    </a:lnTo>
                    <a:lnTo>
                      <a:pt x="170" y="100"/>
                    </a:lnTo>
                    <a:lnTo>
                      <a:pt x="175" y="84"/>
                    </a:lnTo>
                    <a:lnTo>
                      <a:pt x="180" y="68"/>
                    </a:lnTo>
                    <a:lnTo>
                      <a:pt x="184" y="60"/>
                    </a:lnTo>
                    <a:lnTo>
                      <a:pt x="188" y="53"/>
                    </a:lnTo>
                    <a:lnTo>
                      <a:pt x="194" y="47"/>
                    </a:lnTo>
                    <a:lnTo>
                      <a:pt x="201" y="43"/>
                    </a:lnTo>
                    <a:lnTo>
                      <a:pt x="224" y="31"/>
                    </a:lnTo>
                    <a:lnTo>
                      <a:pt x="249" y="21"/>
                    </a:lnTo>
                    <a:lnTo>
                      <a:pt x="262" y="16"/>
                    </a:lnTo>
                    <a:lnTo>
                      <a:pt x="275" y="12"/>
                    </a:lnTo>
                    <a:lnTo>
                      <a:pt x="288" y="9"/>
                    </a:lnTo>
                    <a:lnTo>
                      <a:pt x="301" y="7"/>
                    </a:lnTo>
                    <a:lnTo>
                      <a:pt x="321" y="3"/>
                    </a:lnTo>
                    <a:lnTo>
                      <a:pt x="334" y="0"/>
                    </a:lnTo>
                    <a:lnTo>
                      <a:pt x="337" y="2"/>
                    </a:lnTo>
                    <a:lnTo>
                      <a:pt x="339" y="3"/>
                    </a:lnTo>
                    <a:lnTo>
                      <a:pt x="341" y="4"/>
                    </a:lnTo>
                    <a:lnTo>
                      <a:pt x="341" y="7"/>
                    </a:lnTo>
                    <a:lnTo>
                      <a:pt x="341" y="17"/>
                    </a:lnTo>
                    <a:lnTo>
                      <a:pt x="338" y="31"/>
                    </a:lnTo>
                    <a:lnTo>
                      <a:pt x="336" y="42"/>
                    </a:lnTo>
                    <a:lnTo>
                      <a:pt x="332" y="51"/>
                    </a:lnTo>
                    <a:lnTo>
                      <a:pt x="328" y="60"/>
                    </a:lnTo>
                    <a:lnTo>
                      <a:pt x="323" y="68"/>
                    </a:lnTo>
                    <a:lnTo>
                      <a:pt x="317" y="74"/>
                    </a:lnTo>
                    <a:lnTo>
                      <a:pt x="311" y="81"/>
                    </a:lnTo>
                    <a:lnTo>
                      <a:pt x="303" y="88"/>
                    </a:lnTo>
                    <a:lnTo>
                      <a:pt x="294" y="95"/>
                    </a:lnTo>
                    <a:lnTo>
                      <a:pt x="284" y="101"/>
                    </a:lnTo>
                    <a:lnTo>
                      <a:pt x="272" y="106"/>
                    </a:lnTo>
                    <a:lnTo>
                      <a:pt x="268" y="110"/>
                    </a:lnTo>
                    <a:lnTo>
                      <a:pt x="267" y="113"/>
                    </a:lnTo>
                    <a:lnTo>
                      <a:pt x="271" y="117"/>
                    </a:lnTo>
                    <a:lnTo>
                      <a:pt x="279" y="121"/>
                    </a:lnTo>
                    <a:lnTo>
                      <a:pt x="288" y="125"/>
                    </a:lnTo>
                    <a:lnTo>
                      <a:pt x="293" y="127"/>
                    </a:lnTo>
                    <a:lnTo>
                      <a:pt x="295" y="130"/>
                    </a:lnTo>
                    <a:lnTo>
                      <a:pt x="295" y="134"/>
                    </a:lnTo>
                    <a:lnTo>
                      <a:pt x="293" y="135"/>
                    </a:lnTo>
                    <a:lnTo>
                      <a:pt x="289" y="138"/>
                    </a:lnTo>
                    <a:lnTo>
                      <a:pt x="282" y="139"/>
                    </a:lnTo>
                    <a:lnTo>
                      <a:pt x="275" y="140"/>
                    </a:lnTo>
                    <a:lnTo>
                      <a:pt x="242" y="145"/>
                    </a:lnTo>
                    <a:lnTo>
                      <a:pt x="218" y="148"/>
                    </a:lnTo>
                    <a:lnTo>
                      <a:pt x="209" y="150"/>
                    </a:lnTo>
                    <a:lnTo>
                      <a:pt x="202" y="152"/>
                    </a:lnTo>
                    <a:lnTo>
                      <a:pt x="200" y="154"/>
                    </a:lnTo>
                    <a:lnTo>
                      <a:pt x="198" y="157"/>
                    </a:lnTo>
                    <a:lnTo>
                      <a:pt x="201" y="163"/>
                    </a:lnTo>
                    <a:lnTo>
                      <a:pt x="207" y="170"/>
                    </a:lnTo>
                    <a:lnTo>
                      <a:pt x="210" y="174"/>
                    </a:lnTo>
                    <a:lnTo>
                      <a:pt x="214" y="179"/>
                    </a:lnTo>
                    <a:lnTo>
                      <a:pt x="216" y="183"/>
                    </a:lnTo>
                    <a:lnTo>
                      <a:pt x="216" y="188"/>
                    </a:lnTo>
                    <a:lnTo>
                      <a:pt x="216" y="193"/>
                    </a:lnTo>
                    <a:lnTo>
                      <a:pt x="214" y="198"/>
                    </a:lnTo>
                    <a:lnTo>
                      <a:pt x="210" y="204"/>
                    </a:lnTo>
                    <a:lnTo>
                      <a:pt x="202" y="210"/>
                    </a:lnTo>
                    <a:lnTo>
                      <a:pt x="193" y="215"/>
                    </a:lnTo>
                    <a:lnTo>
                      <a:pt x="183" y="218"/>
                    </a:lnTo>
                    <a:lnTo>
                      <a:pt x="174" y="219"/>
                    </a:lnTo>
                    <a:lnTo>
                      <a:pt x="163" y="219"/>
                    </a:lnTo>
                    <a:lnTo>
                      <a:pt x="144" y="215"/>
                    </a:lnTo>
                    <a:lnTo>
                      <a:pt x="123" y="211"/>
                    </a:lnTo>
                    <a:lnTo>
                      <a:pt x="118" y="211"/>
                    </a:lnTo>
                    <a:lnTo>
                      <a:pt x="113" y="213"/>
                    </a:lnTo>
                    <a:lnTo>
                      <a:pt x="109" y="214"/>
                    </a:lnTo>
                    <a:lnTo>
                      <a:pt x="105" y="217"/>
                    </a:lnTo>
                    <a:lnTo>
                      <a:pt x="100" y="224"/>
                    </a:lnTo>
                    <a:lnTo>
                      <a:pt x="95" y="235"/>
                    </a:lnTo>
                    <a:lnTo>
                      <a:pt x="89" y="244"/>
                    </a:lnTo>
                    <a:lnTo>
                      <a:pt x="83" y="254"/>
                    </a:lnTo>
                    <a:lnTo>
                      <a:pt x="78" y="258"/>
                    </a:lnTo>
                    <a:lnTo>
                      <a:pt x="73" y="261"/>
                    </a:lnTo>
                    <a:lnTo>
                      <a:pt x="66" y="263"/>
                    </a:lnTo>
                    <a:lnTo>
                      <a:pt x="60" y="266"/>
                    </a:lnTo>
                    <a:lnTo>
                      <a:pt x="43" y="270"/>
                    </a:lnTo>
                    <a:lnTo>
                      <a:pt x="29" y="275"/>
                    </a:lnTo>
                    <a:lnTo>
                      <a:pt x="22" y="275"/>
                    </a:lnTo>
                    <a:lnTo>
                      <a:pt x="17" y="272"/>
                    </a:lnTo>
                    <a:lnTo>
                      <a:pt x="12" y="268"/>
                    </a:lnTo>
                    <a:lnTo>
                      <a:pt x="7" y="263"/>
                    </a:lnTo>
                    <a:lnTo>
                      <a:pt x="3" y="257"/>
                    </a:lnTo>
                    <a:lnTo>
                      <a:pt x="0" y="252"/>
                    </a:lnTo>
                    <a:lnTo>
                      <a:pt x="0" y="245"/>
                    </a:lnTo>
                    <a:lnTo>
                      <a:pt x="1" y="240"/>
                    </a:lnTo>
                    <a:lnTo>
                      <a:pt x="30" y="233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55" name="Freeform 204"/>
              <p:cNvSpPr>
                <a:spLocks/>
              </p:cNvSpPr>
              <p:nvPr/>
            </p:nvSpPr>
            <p:spPr bwMode="auto">
              <a:xfrm>
                <a:off x="5462585" y="1909394"/>
                <a:ext cx="41899" cy="30708"/>
              </a:xfrm>
              <a:custGeom>
                <a:avLst/>
                <a:gdLst/>
                <a:ahLst/>
                <a:cxnLst>
                  <a:cxn ang="0">
                    <a:pos x="42" y="67"/>
                  </a:cxn>
                  <a:cxn ang="0">
                    <a:pos x="31" y="58"/>
                  </a:cxn>
                  <a:cxn ang="0">
                    <a:pos x="22" y="48"/>
                  </a:cxn>
                  <a:cxn ang="0">
                    <a:pos x="15" y="38"/>
                  </a:cxn>
                  <a:cxn ang="0">
                    <a:pos x="5" y="26"/>
                  </a:cxn>
                  <a:cxn ang="0">
                    <a:pos x="2" y="19"/>
                  </a:cxn>
                  <a:cxn ang="0">
                    <a:pos x="0" y="13"/>
                  </a:cxn>
                  <a:cxn ang="0">
                    <a:pos x="0" y="9"/>
                  </a:cxn>
                  <a:cxn ang="0">
                    <a:pos x="2" y="6"/>
                  </a:cxn>
                  <a:cxn ang="0">
                    <a:pos x="3" y="3"/>
                  </a:cxn>
                  <a:cxn ang="0">
                    <a:pos x="5" y="2"/>
                  </a:cxn>
                  <a:cxn ang="0">
                    <a:pos x="15" y="2"/>
                  </a:cxn>
                  <a:cxn ang="0">
                    <a:pos x="24" y="5"/>
                  </a:cxn>
                  <a:cxn ang="0">
                    <a:pos x="37" y="3"/>
                  </a:cxn>
                  <a:cxn ang="0">
                    <a:pos x="48" y="1"/>
                  </a:cxn>
                  <a:cxn ang="0">
                    <a:pos x="53" y="0"/>
                  </a:cxn>
                  <a:cxn ang="0">
                    <a:pos x="60" y="0"/>
                  </a:cxn>
                  <a:cxn ang="0">
                    <a:pos x="65" y="0"/>
                  </a:cxn>
                  <a:cxn ang="0">
                    <a:pos x="72" y="0"/>
                  </a:cxn>
                  <a:cxn ang="0">
                    <a:pos x="78" y="2"/>
                  </a:cxn>
                  <a:cxn ang="0">
                    <a:pos x="82" y="7"/>
                  </a:cxn>
                  <a:cxn ang="0">
                    <a:pos x="84" y="13"/>
                  </a:cxn>
                  <a:cxn ang="0">
                    <a:pos x="87" y="19"/>
                  </a:cxn>
                  <a:cxn ang="0">
                    <a:pos x="88" y="32"/>
                  </a:cxn>
                  <a:cxn ang="0">
                    <a:pos x="91" y="45"/>
                  </a:cxn>
                  <a:cxn ang="0">
                    <a:pos x="92" y="49"/>
                  </a:cxn>
                  <a:cxn ang="0">
                    <a:pos x="92" y="51"/>
                  </a:cxn>
                  <a:cxn ang="0">
                    <a:pos x="92" y="54"/>
                  </a:cxn>
                  <a:cxn ang="0">
                    <a:pos x="91" y="58"/>
                  </a:cxn>
                  <a:cxn ang="0">
                    <a:pos x="88" y="62"/>
                  </a:cxn>
                  <a:cxn ang="0">
                    <a:pos x="83" y="66"/>
                  </a:cxn>
                  <a:cxn ang="0">
                    <a:pos x="77" y="68"/>
                  </a:cxn>
                  <a:cxn ang="0">
                    <a:pos x="70" y="70"/>
                  </a:cxn>
                  <a:cxn ang="0">
                    <a:pos x="64" y="71"/>
                  </a:cxn>
                  <a:cxn ang="0">
                    <a:pos x="57" y="71"/>
                  </a:cxn>
                  <a:cxn ang="0">
                    <a:pos x="42" y="67"/>
                  </a:cxn>
                </a:cxnLst>
                <a:rect l="0" t="0" r="r" b="b"/>
                <a:pathLst>
                  <a:path w="92" h="71">
                    <a:moveTo>
                      <a:pt x="42" y="67"/>
                    </a:moveTo>
                    <a:lnTo>
                      <a:pt x="31" y="58"/>
                    </a:lnTo>
                    <a:lnTo>
                      <a:pt x="22" y="48"/>
                    </a:lnTo>
                    <a:lnTo>
                      <a:pt x="15" y="38"/>
                    </a:lnTo>
                    <a:lnTo>
                      <a:pt x="5" y="26"/>
                    </a:lnTo>
                    <a:lnTo>
                      <a:pt x="2" y="19"/>
                    </a:lnTo>
                    <a:lnTo>
                      <a:pt x="0" y="13"/>
                    </a:lnTo>
                    <a:lnTo>
                      <a:pt x="0" y="9"/>
                    </a:lnTo>
                    <a:lnTo>
                      <a:pt x="2" y="6"/>
                    </a:lnTo>
                    <a:lnTo>
                      <a:pt x="3" y="3"/>
                    </a:lnTo>
                    <a:lnTo>
                      <a:pt x="5" y="2"/>
                    </a:lnTo>
                    <a:lnTo>
                      <a:pt x="15" y="2"/>
                    </a:lnTo>
                    <a:lnTo>
                      <a:pt x="24" y="5"/>
                    </a:lnTo>
                    <a:lnTo>
                      <a:pt x="37" y="3"/>
                    </a:lnTo>
                    <a:lnTo>
                      <a:pt x="48" y="1"/>
                    </a:lnTo>
                    <a:lnTo>
                      <a:pt x="53" y="0"/>
                    </a:lnTo>
                    <a:lnTo>
                      <a:pt x="60" y="0"/>
                    </a:lnTo>
                    <a:lnTo>
                      <a:pt x="65" y="0"/>
                    </a:lnTo>
                    <a:lnTo>
                      <a:pt x="72" y="0"/>
                    </a:lnTo>
                    <a:lnTo>
                      <a:pt x="78" y="2"/>
                    </a:lnTo>
                    <a:lnTo>
                      <a:pt x="82" y="7"/>
                    </a:lnTo>
                    <a:lnTo>
                      <a:pt x="84" y="13"/>
                    </a:lnTo>
                    <a:lnTo>
                      <a:pt x="87" y="19"/>
                    </a:lnTo>
                    <a:lnTo>
                      <a:pt x="88" y="32"/>
                    </a:lnTo>
                    <a:lnTo>
                      <a:pt x="91" y="45"/>
                    </a:lnTo>
                    <a:lnTo>
                      <a:pt x="92" y="49"/>
                    </a:lnTo>
                    <a:lnTo>
                      <a:pt x="92" y="51"/>
                    </a:lnTo>
                    <a:lnTo>
                      <a:pt x="92" y="54"/>
                    </a:lnTo>
                    <a:lnTo>
                      <a:pt x="91" y="58"/>
                    </a:lnTo>
                    <a:lnTo>
                      <a:pt x="88" y="62"/>
                    </a:lnTo>
                    <a:lnTo>
                      <a:pt x="83" y="66"/>
                    </a:lnTo>
                    <a:lnTo>
                      <a:pt x="77" y="68"/>
                    </a:lnTo>
                    <a:lnTo>
                      <a:pt x="70" y="70"/>
                    </a:lnTo>
                    <a:lnTo>
                      <a:pt x="64" y="71"/>
                    </a:lnTo>
                    <a:lnTo>
                      <a:pt x="57" y="71"/>
                    </a:lnTo>
                    <a:lnTo>
                      <a:pt x="42" y="67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56" name="Freeform 206"/>
              <p:cNvSpPr>
                <a:spLocks/>
              </p:cNvSpPr>
              <p:nvPr/>
            </p:nvSpPr>
            <p:spPr bwMode="auto">
              <a:xfrm>
                <a:off x="5453476" y="1949133"/>
                <a:ext cx="30969" cy="21676"/>
              </a:xfrm>
              <a:custGeom>
                <a:avLst/>
                <a:gdLst/>
                <a:ahLst/>
                <a:cxnLst>
                  <a:cxn ang="0">
                    <a:pos x="26" y="44"/>
                  </a:cxn>
                  <a:cxn ang="0">
                    <a:pos x="18" y="39"/>
                  </a:cxn>
                  <a:cxn ang="0">
                    <a:pos x="13" y="34"/>
                  </a:cxn>
                  <a:cxn ang="0">
                    <a:pos x="9" y="28"/>
                  </a:cxn>
                  <a:cxn ang="0">
                    <a:pos x="4" y="21"/>
                  </a:cxn>
                  <a:cxn ang="0">
                    <a:pos x="1" y="14"/>
                  </a:cxn>
                  <a:cxn ang="0">
                    <a:pos x="0" y="6"/>
                  </a:cxn>
                  <a:cxn ang="0">
                    <a:pos x="1" y="4"/>
                  </a:cxn>
                  <a:cxn ang="0">
                    <a:pos x="2" y="1"/>
                  </a:cxn>
                  <a:cxn ang="0">
                    <a:pos x="6" y="0"/>
                  </a:cxn>
                  <a:cxn ang="0">
                    <a:pos x="10" y="0"/>
                  </a:cxn>
                  <a:cxn ang="0">
                    <a:pos x="24" y="0"/>
                  </a:cxn>
                  <a:cxn ang="0">
                    <a:pos x="40" y="3"/>
                  </a:cxn>
                  <a:cxn ang="0">
                    <a:pos x="43" y="3"/>
                  </a:cxn>
                  <a:cxn ang="0">
                    <a:pos x="46" y="3"/>
                  </a:cxn>
                  <a:cxn ang="0">
                    <a:pos x="49" y="4"/>
                  </a:cxn>
                  <a:cxn ang="0">
                    <a:pos x="50" y="6"/>
                  </a:cxn>
                  <a:cxn ang="0">
                    <a:pos x="58" y="18"/>
                  </a:cxn>
                  <a:cxn ang="0">
                    <a:pos x="63" y="30"/>
                  </a:cxn>
                  <a:cxn ang="0">
                    <a:pos x="65" y="34"/>
                  </a:cxn>
                  <a:cxn ang="0">
                    <a:pos x="63" y="36"/>
                  </a:cxn>
                  <a:cxn ang="0">
                    <a:pos x="62" y="40"/>
                  </a:cxn>
                  <a:cxn ang="0">
                    <a:pos x="58" y="41"/>
                  </a:cxn>
                  <a:cxn ang="0">
                    <a:pos x="52" y="45"/>
                  </a:cxn>
                  <a:cxn ang="0">
                    <a:pos x="45" y="48"/>
                  </a:cxn>
                  <a:cxn ang="0">
                    <a:pos x="26" y="44"/>
                  </a:cxn>
                </a:cxnLst>
                <a:rect l="0" t="0" r="r" b="b"/>
                <a:pathLst>
                  <a:path w="65" h="48">
                    <a:moveTo>
                      <a:pt x="26" y="44"/>
                    </a:moveTo>
                    <a:lnTo>
                      <a:pt x="18" y="39"/>
                    </a:lnTo>
                    <a:lnTo>
                      <a:pt x="13" y="34"/>
                    </a:lnTo>
                    <a:lnTo>
                      <a:pt x="9" y="28"/>
                    </a:lnTo>
                    <a:lnTo>
                      <a:pt x="4" y="21"/>
                    </a:lnTo>
                    <a:lnTo>
                      <a:pt x="1" y="14"/>
                    </a:lnTo>
                    <a:lnTo>
                      <a:pt x="0" y="6"/>
                    </a:lnTo>
                    <a:lnTo>
                      <a:pt x="1" y="4"/>
                    </a:lnTo>
                    <a:lnTo>
                      <a:pt x="2" y="1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24" y="0"/>
                    </a:lnTo>
                    <a:lnTo>
                      <a:pt x="40" y="3"/>
                    </a:lnTo>
                    <a:lnTo>
                      <a:pt x="43" y="3"/>
                    </a:lnTo>
                    <a:lnTo>
                      <a:pt x="46" y="3"/>
                    </a:lnTo>
                    <a:lnTo>
                      <a:pt x="49" y="4"/>
                    </a:lnTo>
                    <a:lnTo>
                      <a:pt x="50" y="6"/>
                    </a:lnTo>
                    <a:lnTo>
                      <a:pt x="58" y="18"/>
                    </a:lnTo>
                    <a:lnTo>
                      <a:pt x="63" y="30"/>
                    </a:lnTo>
                    <a:lnTo>
                      <a:pt x="65" y="34"/>
                    </a:lnTo>
                    <a:lnTo>
                      <a:pt x="63" y="36"/>
                    </a:lnTo>
                    <a:lnTo>
                      <a:pt x="62" y="40"/>
                    </a:lnTo>
                    <a:lnTo>
                      <a:pt x="58" y="41"/>
                    </a:lnTo>
                    <a:lnTo>
                      <a:pt x="52" y="45"/>
                    </a:lnTo>
                    <a:lnTo>
                      <a:pt x="45" y="48"/>
                    </a:lnTo>
                    <a:lnTo>
                      <a:pt x="26" y="44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57" name="Freeform 207"/>
              <p:cNvSpPr>
                <a:spLocks/>
              </p:cNvSpPr>
              <p:nvPr/>
            </p:nvSpPr>
            <p:spPr bwMode="auto">
              <a:xfrm>
                <a:off x="5438902" y="1979841"/>
                <a:ext cx="20039" cy="43351"/>
              </a:xfrm>
              <a:custGeom>
                <a:avLst/>
                <a:gdLst/>
                <a:ahLst/>
                <a:cxnLst>
                  <a:cxn ang="0">
                    <a:pos x="0" y="61"/>
                  </a:cxn>
                  <a:cxn ang="0">
                    <a:pos x="1" y="48"/>
                  </a:cxn>
                  <a:cxn ang="0">
                    <a:pos x="4" y="29"/>
                  </a:cxn>
                  <a:cxn ang="0">
                    <a:pos x="6" y="20"/>
                  </a:cxn>
                  <a:cxn ang="0">
                    <a:pos x="9" y="11"/>
                  </a:cxn>
                  <a:cxn ang="0">
                    <a:pos x="12" y="6"/>
                  </a:cxn>
                  <a:cxn ang="0">
                    <a:pos x="15" y="2"/>
                  </a:cxn>
                  <a:cxn ang="0">
                    <a:pos x="22" y="0"/>
                  </a:cxn>
                  <a:cxn ang="0">
                    <a:pos x="32" y="0"/>
                  </a:cxn>
                  <a:cxn ang="0">
                    <a:pos x="43" y="2"/>
                  </a:cxn>
                  <a:cxn ang="0">
                    <a:pos x="46" y="3"/>
                  </a:cxn>
                  <a:cxn ang="0">
                    <a:pos x="45" y="12"/>
                  </a:cxn>
                  <a:cxn ang="0">
                    <a:pos x="43" y="21"/>
                  </a:cxn>
                  <a:cxn ang="0">
                    <a:pos x="40" y="30"/>
                  </a:cxn>
                  <a:cxn ang="0">
                    <a:pos x="36" y="38"/>
                  </a:cxn>
                  <a:cxn ang="0">
                    <a:pos x="34" y="50"/>
                  </a:cxn>
                  <a:cxn ang="0">
                    <a:pos x="32" y="61"/>
                  </a:cxn>
                  <a:cxn ang="0">
                    <a:pos x="30" y="73"/>
                  </a:cxn>
                  <a:cxn ang="0">
                    <a:pos x="27" y="85"/>
                  </a:cxn>
                  <a:cxn ang="0">
                    <a:pos x="27" y="90"/>
                  </a:cxn>
                  <a:cxn ang="0">
                    <a:pos x="24" y="94"/>
                  </a:cxn>
                  <a:cxn ang="0">
                    <a:pos x="22" y="96"/>
                  </a:cxn>
                  <a:cxn ang="0">
                    <a:pos x="18" y="99"/>
                  </a:cxn>
                  <a:cxn ang="0">
                    <a:pos x="14" y="99"/>
                  </a:cxn>
                  <a:cxn ang="0">
                    <a:pos x="12" y="98"/>
                  </a:cxn>
                  <a:cxn ang="0">
                    <a:pos x="10" y="95"/>
                  </a:cxn>
                  <a:cxn ang="0">
                    <a:pos x="9" y="92"/>
                  </a:cxn>
                  <a:cxn ang="0">
                    <a:pos x="8" y="85"/>
                  </a:cxn>
                  <a:cxn ang="0">
                    <a:pos x="8" y="78"/>
                  </a:cxn>
                  <a:cxn ang="0">
                    <a:pos x="0" y="61"/>
                  </a:cxn>
                </a:cxnLst>
                <a:rect l="0" t="0" r="r" b="b"/>
                <a:pathLst>
                  <a:path w="46" h="99">
                    <a:moveTo>
                      <a:pt x="0" y="61"/>
                    </a:moveTo>
                    <a:lnTo>
                      <a:pt x="1" y="48"/>
                    </a:lnTo>
                    <a:lnTo>
                      <a:pt x="4" y="29"/>
                    </a:lnTo>
                    <a:lnTo>
                      <a:pt x="6" y="20"/>
                    </a:lnTo>
                    <a:lnTo>
                      <a:pt x="9" y="11"/>
                    </a:lnTo>
                    <a:lnTo>
                      <a:pt x="12" y="6"/>
                    </a:lnTo>
                    <a:lnTo>
                      <a:pt x="15" y="2"/>
                    </a:lnTo>
                    <a:lnTo>
                      <a:pt x="22" y="0"/>
                    </a:lnTo>
                    <a:lnTo>
                      <a:pt x="32" y="0"/>
                    </a:lnTo>
                    <a:lnTo>
                      <a:pt x="43" y="2"/>
                    </a:lnTo>
                    <a:lnTo>
                      <a:pt x="46" y="3"/>
                    </a:lnTo>
                    <a:lnTo>
                      <a:pt x="45" y="12"/>
                    </a:lnTo>
                    <a:lnTo>
                      <a:pt x="43" y="21"/>
                    </a:lnTo>
                    <a:lnTo>
                      <a:pt x="40" y="30"/>
                    </a:lnTo>
                    <a:lnTo>
                      <a:pt x="36" y="38"/>
                    </a:lnTo>
                    <a:lnTo>
                      <a:pt x="34" y="50"/>
                    </a:lnTo>
                    <a:lnTo>
                      <a:pt x="32" y="61"/>
                    </a:lnTo>
                    <a:lnTo>
                      <a:pt x="30" y="73"/>
                    </a:lnTo>
                    <a:lnTo>
                      <a:pt x="27" y="85"/>
                    </a:lnTo>
                    <a:lnTo>
                      <a:pt x="27" y="90"/>
                    </a:lnTo>
                    <a:lnTo>
                      <a:pt x="24" y="94"/>
                    </a:lnTo>
                    <a:lnTo>
                      <a:pt x="22" y="96"/>
                    </a:lnTo>
                    <a:lnTo>
                      <a:pt x="18" y="99"/>
                    </a:lnTo>
                    <a:lnTo>
                      <a:pt x="14" y="99"/>
                    </a:lnTo>
                    <a:lnTo>
                      <a:pt x="12" y="98"/>
                    </a:lnTo>
                    <a:lnTo>
                      <a:pt x="10" y="95"/>
                    </a:lnTo>
                    <a:lnTo>
                      <a:pt x="9" y="92"/>
                    </a:lnTo>
                    <a:lnTo>
                      <a:pt x="8" y="85"/>
                    </a:lnTo>
                    <a:lnTo>
                      <a:pt x="8" y="78"/>
                    </a:lnTo>
                    <a:lnTo>
                      <a:pt x="0" y="61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58" name="Freeform 208"/>
              <p:cNvSpPr>
                <a:spLocks/>
              </p:cNvSpPr>
              <p:nvPr/>
            </p:nvSpPr>
            <p:spPr bwMode="auto">
              <a:xfrm>
                <a:off x="5531809" y="1945520"/>
                <a:ext cx="92907" cy="146311"/>
              </a:xfrm>
              <a:custGeom>
                <a:avLst/>
                <a:gdLst/>
                <a:ahLst/>
                <a:cxnLst>
                  <a:cxn ang="0">
                    <a:pos x="71" y="180"/>
                  </a:cxn>
                  <a:cxn ang="0">
                    <a:pos x="73" y="161"/>
                  </a:cxn>
                  <a:cxn ang="0">
                    <a:pos x="69" y="143"/>
                  </a:cxn>
                  <a:cxn ang="0">
                    <a:pos x="61" y="135"/>
                  </a:cxn>
                  <a:cxn ang="0">
                    <a:pos x="55" y="134"/>
                  </a:cxn>
                  <a:cxn ang="0">
                    <a:pos x="40" y="138"/>
                  </a:cxn>
                  <a:cxn ang="0">
                    <a:pos x="25" y="136"/>
                  </a:cxn>
                  <a:cxn ang="0">
                    <a:pos x="13" y="130"/>
                  </a:cxn>
                  <a:cxn ang="0">
                    <a:pos x="5" y="119"/>
                  </a:cxn>
                  <a:cxn ang="0">
                    <a:pos x="0" y="101"/>
                  </a:cxn>
                  <a:cxn ang="0">
                    <a:pos x="2" y="87"/>
                  </a:cxn>
                  <a:cxn ang="0">
                    <a:pos x="4" y="82"/>
                  </a:cxn>
                  <a:cxn ang="0">
                    <a:pos x="13" y="84"/>
                  </a:cxn>
                  <a:cxn ang="0">
                    <a:pos x="30" y="88"/>
                  </a:cxn>
                  <a:cxn ang="0">
                    <a:pos x="42" y="88"/>
                  </a:cxn>
                  <a:cxn ang="0">
                    <a:pos x="49" y="84"/>
                  </a:cxn>
                  <a:cxn ang="0">
                    <a:pos x="53" y="79"/>
                  </a:cxn>
                  <a:cxn ang="0">
                    <a:pos x="57" y="71"/>
                  </a:cxn>
                  <a:cxn ang="0">
                    <a:pos x="57" y="55"/>
                  </a:cxn>
                  <a:cxn ang="0">
                    <a:pos x="57" y="33"/>
                  </a:cxn>
                  <a:cxn ang="0">
                    <a:pos x="62" y="22"/>
                  </a:cxn>
                  <a:cxn ang="0">
                    <a:pos x="73" y="31"/>
                  </a:cxn>
                  <a:cxn ang="0">
                    <a:pos x="95" y="66"/>
                  </a:cxn>
                  <a:cxn ang="0">
                    <a:pos x="104" y="73"/>
                  </a:cxn>
                  <a:cxn ang="0">
                    <a:pos x="109" y="68"/>
                  </a:cxn>
                  <a:cxn ang="0">
                    <a:pos x="112" y="53"/>
                  </a:cxn>
                  <a:cxn ang="0">
                    <a:pos x="123" y="33"/>
                  </a:cxn>
                  <a:cxn ang="0">
                    <a:pos x="140" y="12"/>
                  </a:cxn>
                  <a:cxn ang="0">
                    <a:pos x="154" y="2"/>
                  </a:cxn>
                  <a:cxn ang="0">
                    <a:pos x="163" y="0"/>
                  </a:cxn>
                  <a:cxn ang="0">
                    <a:pos x="170" y="13"/>
                  </a:cxn>
                  <a:cxn ang="0">
                    <a:pos x="170" y="35"/>
                  </a:cxn>
                  <a:cxn ang="0">
                    <a:pos x="162" y="66"/>
                  </a:cxn>
                  <a:cxn ang="0">
                    <a:pos x="147" y="106"/>
                  </a:cxn>
                  <a:cxn ang="0">
                    <a:pos x="135" y="136"/>
                  </a:cxn>
                  <a:cxn ang="0">
                    <a:pos x="131" y="157"/>
                  </a:cxn>
                  <a:cxn ang="0">
                    <a:pos x="132" y="184"/>
                  </a:cxn>
                  <a:cxn ang="0">
                    <a:pos x="140" y="214"/>
                  </a:cxn>
                  <a:cxn ang="0">
                    <a:pos x="147" y="232"/>
                  </a:cxn>
                  <a:cxn ang="0">
                    <a:pos x="160" y="245"/>
                  </a:cxn>
                  <a:cxn ang="0">
                    <a:pos x="173" y="252"/>
                  </a:cxn>
                  <a:cxn ang="0">
                    <a:pos x="185" y="252"/>
                  </a:cxn>
                  <a:cxn ang="0">
                    <a:pos x="198" y="253"/>
                  </a:cxn>
                  <a:cxn ang="0">
                    <a:pos x="206" y="266"/>
                  </a:cxn>
                  <a:cxn ang="0">
                    <a:pos x="202" y="279"/>
                  </a:cxn>
                  <a:cxn ang="0">
                    <a:pos x="188" y="288"/>
                  </a:cxn>
                  <a:cxn ang="0">
                    <a:pos x="163" y="305"/>
                  </a:cxn>
                  <a:cxn ang="0">
                    <a:pos x="151" y="320"/>
                  </a:cxn>
                  <a:cxn ang="0">
                    <a:pos x="140" y="324"/>
                  </a:cxn>
                  <a:cxn ang="0">
                    <a:pos x="123" y="325"/>
                  </a:cxn>
                  <a:cxn ang="0">
                    <a:pos x="113" y="321"/>
                  </a:cxn>
                  <a:cxn ang="0">
                    <a:pos x="119" y="312"/>
                  </a:cxn>
                  <a:cxn ang="0">
                    <a:pos x="130" y="301"/>
                  </a:cxn>
                  <a:cxn ang="0">
                    <a:pos x="138" y="289"/>
                  </a:cxn>
                  <a:cxn ang="0">
                    <a:pos x="139" y="280"/>
                  </a:cxn>
                  <a:cxn ang="0">
                    <a:pos x="135" y="274"/>
                  </a:cxn>
                  <a:cxn ang="0">
                    <a:pos x="125" y="267"/>
                  </a:cxn>
                  <a:cxn ang="0">
                    <a:pos x="97" y="259"/>
                  </a:cxn>
                  <a:cxn ang="0">
                    <a:pos x="69" y="254"/>
                  </a:cxn>
                  <a:cxn ang="0">
                    <a:pos x="57" y="249"/>
                  </a:cxn>
                  <a:cxn ang="0">
                    <a:pos x="52" y="245"/>
                  </a:cxn>
                  <a:cxn ang="0">
                    <a:pos x="52" y="228"/>
                  </a:cxn>
                  <a:cxn ang="0">
                    <a:pos x="70" y="188"/>
                  </a:cxn>
                </a:cxnLst>
                <a:rect l="0" t="0" r="r" b="b"/>
                <a:pathLst>
                  <a:path w="206" h="325">
                    <a:moveTo>
                      <a:pt x="70" y="188"/>
                    </a:moveTo>
                    <a:lnTo>
                      <a:pt x="71" y="180"/>
                    </a:lnTo>
                    <a:lnTo>
                      <a:pt x="73" y="171"/>
                    </a:lnTo>
                    <a:lnTo>
                      <a:pt x="73" y="161"/>
                    </a:lnTo>
                    <a:lnTo>
                      <a:pt x="71" y="152"/>
                    </a:lnTo>
                    <a:lnTo>
                      <a:pt x="69" y="143"/>
                    </a:lnTo>
                    <a:lnTo>
                      <a:pt x="65" y="136"/>
                    </a:lnTo>
                    <a:lnTo>
                      <a:pt x="61" y="135"/>
                    </a:lnTo>
                    <a:lnTo>
                      <a:pt x="59" y="134"/>
                    </a:lnTo>
                    <a:lnTo>
                      <a:pt x="55" y="134"/>
                    </a:lnTo>
                    <a:lnTo>
                      <a:pt x="49" y="135"/>
                    </a:lnTo>
                    <a:lnTo>
                      <a:pt x="40" y="138"/>
                    </a:lnTo>
                    <a:lnTo>
                      <a:pt x="31" y="138"/>
                    </a:lnTo>
                    <a:lnTo>
                      <a:pt x="25" y="136"/>
                    </a:lnTo>
                    <a:lnTo>
                      <a:pt x="18" y="134"/>
                    </a:lnTo>
                    <a:lnTo>
                      <a:pt x="13" y="130"/>
                    </a:lnTo>
                    <a:lnTo>
                      <a:pt x="9" y="126"/>
                    </a:lnTo>
                    <a:lnTo>
                      <a:pt x="5" y="119"/>
                    </a:lnTo>
                    <a:lnTo>
                      <a:pt x="3" y="114"/>
                    </a:lnTo>
                    <a:lnTo>
                      <a:pt x="0" y="101"/>
                    </a:lnTo>
                    <a:lnTo>
                      <a:pt x="0" y="91"/>
                    </a:lnTo>
                    <a:lnTo>
                      <a:pt x="2" y="87"/>
                    </a:lnTo>
                    <a:lnTo>
                      <a:pt x="2" y="83"/>
                    </a:lnTo>
                    <a:lnTo>
                      <a:pt x="4" y="82"/>
                    </a:lnTo>
                    <a:lnTo>
                      <a:pt x="5" y="82"/>
                    </a:lnTo>
                    <a:lnTo>
                      <a:pt x="13" y="84"/>
                    </a:lnTo>
                    <a:lnTo>
                      <a:pt x="21" y="87"/>
                    </a:lnTo>
                    <a:lnTo>
                      <a:pt x="30" y="88"/>
                    </a:lnTo>
                    <a:lnTo>
                      <a:pt x="38" y="88"/>
                    </a:lnTo>
                    <a:lnTo>
                      <a:pt x="42" y="88"/>
                    </a:lnTo>
                    <a:lnTo>
                      <a:pt x="46" y="87"/>
                    </a:lnTo>
                    <a:lnTo>
                      <a:pt x="49" y="84"/>
                    </a:lnTo>
                    <a:lnTo>
                      <a:pt x="52" y="83"/>
                    </a:lnTo>
                    <a:lnTo>
                      <a:pt x="53" y="79"/>
                    </a:lnTo>
                    <a:lnTo>
                      <a:pt x="56" y="77"/>
                    </a:lnTo>
                    <a:lnTo>
                      <a:pt x="57" y="71"/>
                    </a:lnTo>
                    <a:lnTo>
                      <a:pt x="57" y="66"/>
                    </a:lnTo>
                    <a:lnTo>
                      <a:pt x="57" y="55"/>
                    </a:lnTo>
                    <a:lnTo>
                      <a:pt x="57" y="40"/>
                    </a:lnTo>
                    <a:lnTo>
                      <a:pt x="57" y="33"/>
                    </a:lnTo>
                    <a:lnTo>
                      <a:pt x="60" y="27"/>
                    </a:lnTo>
                    <a:lnTo>
                      <a:pt x="62" y="22"/>
                    </a:lnTo>
                    <a:lnTo>
                      <a:pt x="66" y="18"/>
                    </a:lnTo>
                    <a:lnTo>
                      <a:pt x="73" y="31"/>
                    </a:lnTo>
                    <a:lnTo>
                      <a:pt x="87" y="56"/>
                    </a:lnTo>
                    <a:lnTo>
                      <a:pt x="95" y="66"/>
                    </a:lnTo>
                    <a:lnTo>
                      <a:pt x="101" y="73"/>
                    </a:lnTo>
                    <a:lnTo>
                      <a:pt x="104" y="73"/>
                    </a:lnTo>
                    <a:lnTo>
                      <a:pt x="106" y="71"/>
                    </a:lnTo>
                    <a:lnTo>
                      <a:pt x="109" y="68"/>
                    </a:lnTo>
                    <a:lnTo>
                      <a:pt x="109" y="62"/>
                    </a:lnTo>
                    <a:lnTo>
                      <a:pt x="112" y="53"/>
                    </a:lnTo>
                    <a:lnTo>
                      <a:pt x="116" y="44"/>
                    </a:lnTo>
                    <a:lnTo>
                      <a:pt x="123" y="33"/>
                    </a:lnTo>
                    <a:lnTo>
                      <a:pt x="131" y="21"/>
                    </a:lnTo>
                    <a:lnTo>
                      <a:pt x="140" y="12"/>
                    </a:lnTo>
                    <a:lnTo>
                      <a:pt x="151" y="4"/>
                    </a:lnTo>
                    <a:lnTo>
                      <a:pt x="154" y="2"/>
                    </a:lnTo>
                    <a:lnTo>
                      <a:pt x="160" y="0"/>
                    </a:lnTo>
                    <a:lnTo>
                      <a:pt x="163" y="0"/>
                    </a:lnTo>
                    <a:lnTo>
                      <a:pt x="167" y="2"/>
                    </a:lnTo>
                    <a:lnTo>
                      <a:pt x="170" y="13"/>
                    </a:lnTo>
                    <a:lnTo>
                      <a:pt x="170" y="24"/>
                    </a:lnTo>
                    <a:lnTo>
                      <a:pt x="170" y="35"/>
                    </a:lnTo>
                    <a:lnTo>
                      <a:pt x="169" y="46"/>
                    </a:lnTo>
                    <a:lnTo>
                      <a:pt x="162" y="66"/>
                    </a:lnTo>
                    <a:lnTo>
                      <a:pt x="154" y="86"/>
                    </a:lnTo>
                    <a:lnTo>
                      <a:pt x="147" y="106"/>
                    </a:lnTo>
                    <a:lnTo>
                      <a:pt x="139" y="126"/>
                    </a:lnTo>
                    <a:lnTo>
                      <a:pt x="135" y="136"/>
                    </a:lnTo>
                    <a:lnTo>
                      <a:pt x="132" y="147"/>
                    </a:lnTo>
                    <a:lnTo>
                      <a:pt x="131" y="157"/>
                    </a:lnTo>
                    <a:lnTo>
                      <a:pt x="131" y="169"/>
                    </a:lnTo>
                    <a:lnTo>
                      <a:pt x="132" y="184"/>
                    </a:lnTo>
                    <a:lnTo>
                      <a:pt x="136" y="205"/>
                    </a:lnTo>
                    <a:lnTo>
                      <a:pt x="140" y="214"/>
                    </a:lnTo>
                    <a:lnTo>
                      <a:pt x="144" y="224"/>
                    </a:lnTo>
                    <a:lnTo>
                      <a:pt x="147" y="232"/>
                    </a:lnTo>
                    <a:lnTo>
                      <a:pt x="151" y="237"/>
                    </a:lnTo>
                    <a:lnTo>
                      <a:pt x="160" y="245"/>
                    </a:lnTo>
                    <a:lnTo>
                      <a:pt x="166" y="250"/>
                    </a:lnTo>
                    <a:lnTo>
                      <a:pt x="173" y="252"/>
                    </a:lnTo>
                    <a:lnTo>
                      <a:pt x="179" y="253"/>
                    </a:lnTo>
                    <a:lnTo>
                      <a:pt x="185" y="252"/>
                    </a:lnTo>
                    <a:lnTo>
                      <a:pt x="192" y="252"/>
                    </a:lnTo>
                    <a:lnTo>
                      <a:pt x="198" y="253"/>
                    </a:lnTo>
                    <a:lnTo>
                      <a:pt x="205" y="255"/>
                    </a:lnTo>
                    <a:lnTo>
                      <a:pt x="206" y="266"/>
                    </a:lnTo>
                    <a:lnTo>
                      <a:pt x="205" y="274"/>
                    </a:lnTo>
                    <a:lnTo>
                      <a:pt x="202" y="279"/>
                    </a:lnTo>
                    <a:lnTo>
                      <a:pt x="200" y="283"/>
                    </a:lnTo>
                    <a:lnTo>
                      <a:pt x="188" y="288"/>
                    </a:lnTo>
                    <a:lnTo>
                      <a:pt x="173" y="294"/>
                    </a:lnTo>
                    <a:lnTo>
                      <a:pt x="163" y="305"/>
                    </a:lnTo>
                    <a:lnTo>
                      <a:pt x="154" y="318"/>
                    </a:lnTo>
                    <a:lnTo>
                      <a:pt x="151" y="320"/>
                    </a:lnTo>
                    <a:lnTo>
                      <a:pt x="145" y="323"/>
                    </a:lnTo>
                    <a:lnTo>
                      <a:pt x="140" y="324"/>
                    </a:lnTo>
                    <a:lnTo>
                      <a:pt x="135" y="325"/>
                    </a:lnTo>
                    <a:lnTo>
                      <a:pt x="123" y="325"/>
                    </a:lnTo>
                    <a:lnTo>
                      <a:pt x="113" y="324"/>
                    </a:lnTo>
                    <a:lnTo>
                      <a:pt x="113" y="321"/>
                    </a:lnTo>
                    <a:lnTo>
                      <a:pt x="116" y="318"/>
                    </a:lnTo>
                    <a:lnTo>
                      <a:pt x="119" y="312"/>
                    </a:lnTo>
                    <a:lnTo>
                      <a:pt x="125" y="307"/>
                    </a:lnTo>
                    <a:lnTo>
                      <a:pt x="130" y="301"/>
                    </a:lnTo>
                    <a:lnTo>
                      <a:pt x="135" y="296"/>
                    </a:lnTo>
                    <a:lnTo>
                      <a:pt x="138" y="289"/>
                    </a:lnTo>
                    <a:lnTo>
                      <a:pt x="139" y="284"/>
                    </a:lnTo>
                    <a:lnTo>
                      <a:pt x="139" y="280"/>
                    </a:lnTo>
                    <a:lnTo>
                      <a:pt x="138" y="277"/>
                    </a:lnTo>
                    <a:lnTo>
                      <a:pt x="135" y="274"/>
                    </a:lnTo>
                    <a:lnTo>
                      <a:pt x="132" y="271"/>
                    </a:lnTo>
                    <a:lnTo>
                      <a:pt x="125" y="267"/>
                    </a:lnTo>
                    <a:lnTo>
                      <a:pt x="116" y="264"/>
                    </a:lnTo>
                    <a:lnTo>
                      <a:pt x="97" y="259"/>
                    </a:lnTo>
                    <a:lnTo>
                      <a:pt x="82" y="258"/>
                    </a:lnTo>
                    <a:lnTo>
                      <a:pt x="69" y="254"/>
                    </a:lnTo>
                    <a:lnTo>
                      <a:pt x="60" y="252"/>
                    </a:lnTo>
                    <a:lnTo>
                      <a:pt x="57" y="249"/>
                    </a:lnTo>
                    <a:lnTo>
                      <a:pt x="55" y="248"/>
                    </a:lnTo>
                    <a:lnTo>
                      <a:pt x="52" y="245"/>
                    </a:lnTo>
                    <a:lnTo>
                      <a:pt x="52" y="242"/>
                    </a:lnTo>
                    <a:lnTo>
                      <a:pt x="52" y="228"/>
                    </a:lnTo>
                    <a:lnTo>
                      <a:pt x="55" y="206"/>
                    </a:lnTo>
                    <a:lnTo>
                      <a:pt x="70" y="188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59" name="Freeform 209"/>
              <p:cNvSpPr>
                <a:spLocks/>
              </p:cNvSpPr>
              <p:nvPr/>
            </p:nvSpPr>
            <p:spPr bwMode="auto">
              <a:xfrm>
                <a:off x="5484445" y="2149633"/>
                <a:ext cx="80154" cy="86703"/>
              </a:xfrm>
              <a:custGeom>
                <a:avLst/>
                <a:gdLst/>
                <a:ahLst/>
                <a:cxnLst>
                  <a:cxn ang="0">
                    <a:pos x="55" y="154"/>
                  </a:cxn>
                  <a:cxn ang="0">
                    <a:pos x="83" y="152"/>
                  </a:cxn>
                  <a:cxn ang="0">
                    <a:pos x="85" y="136"/>
                  </a:cxn>
                  <a:cxn ang="0">
                    <a:pos x="89" y="111"/>
                  </a:cxn>
                  <a:cxn ang="0">
                    <a:pos x="105" y="101"/>
                  </a:cxn>
                  <a:cxn ang="0">
                    <a:pos x="106" y="97"/>
                  </a:cxn>
                  <a:cxn ang="0">
                    <a:pos x="105" y="92"/>
                  </a:cxn>
                  <a:cxn ang="0">
                    <a:pos x="98" y="86"/>
                  </a:cxn>
                  <a:cxn ang="0">
                    <a:pos x="80" y="80"/>
                  </a:cxn>
                  <a:cxn ang="0">
                    <a:pos x="59" y="71"/>
                  </a:cxn>
                  <a:cxn ang="0">
                    <a:pos x="53" y="63"/>
                  </a:cxn>
                  <a:cxn ang="0">
                    <a:pos x="51" y="57"/>
                  </a:cxn>
                  <a:cxn ang="0">
                    <a:pos x="58" y="44"/>
                  </a:cxn>
                  <a:cxn ang="0">
                    <a:pos x="83" y="20"/>
                  </a:cxn>
                  <a:cxn ang="0">
                    <a:pos x="98" y="7"/>
                  </a:cxn>
                  <a:cxn ang="0">
                    <a:pos x="108" y="1"/>
                  </a:cxn>
                  <a:cxn ang="0">
                    <a:pos x="117" y="1"/>
                  </a:cxn>
                  <a:cxn ang="0">
                    <a:pos x="124" y="9"/>
                  </a:cxn>
                  <a:cxn ang="0">
                    <a:pos x="134" y="41"/>
                  </a:cxn>
                  <a:cxn ang="0">
                    <a:pos x="155" y="85"/>
                  </a:cxn>
                  <a:cxn ang="0">
                    <a:pos x="171" y="123"/>
                  </a:cxn>
                  <a:cxn ang="0">
                    <a:pos x="178" y="146"/>
                  </a:cxn>
                  <a:cxn ang="0">
                    <a:pos x="177" y="162"/>
                  </a:cxn>
                  <a:cxn ang="0">
                    <a:pos x="171" y="177"/>
                  </a:cxn>
                  <a:cxn ang="0">
                    <a:pos x="160" y="186"/>
                  </a:cxn>
                  <a:cxn ang="0">
                    <a:pos x="149" y="190"/>
                  </a:cxn>
                  <a:cxn ang="0">
                    <a:pos x="134" y="191"/>
                  </a:cxn>
                  <a:cxn ang="0">
                    <a:pos x="97" y="185"/>
                  </a:cxn>
                  <a:cxn ang="0">
                    <a:pos x="50" y="180"/>
                  </a:cxn>
                  <a:cxn ang="0">
                    <a:pos x="14" y="173"/>
                  </a:cxn>
                  <a:cxn ang="0">
                    <a:pos x="3" y="168"/>
                  </a:cxn>
                  <a:cxn ang="0">
                    <a:pos x="0" y="162"/>
                  </a:cxn>
                  <a:cxn ang="0">
                    <a:pos x="3" y="152"/>
                  </a:cxn>
                  <a:cxn ang="0">
                    <a:pos x="44" y="151"/>
                  </a:cxn>
                </a:cxnLst>
                <a:rect l="0" t="0" r="r" b="b"/>
                <a:pathLst>
                  <a:path w="178" h="191">
                    <a:moveTo>
                      <a:pt x="44" y="151"/>
                    </a:moveTo>
                    <a:lnTo>
                      <a:pt x="55" y="154"/>
                    </a:lnTo>
                    <a:lnTo>
                      <a:pt x="70" y="154"/>
                    </a:lnTo>
                    <a:lnTo>
                      <a:pt x="83" y="152"/>
                    </a:lnTo>
                    <a:lnTo>
                      <a:pt x="94" y="149"/>
                    </a:lnTo>
                    <a:lnTo>
                      <a:pt x="85" y="136"/>
                    </a:lnTo>
                    <a:lnTo>
                      <a:pt x="75" y="117"/>
                    </a:lnTo>
                    <a:lnTo>
                      <a:pt x="89" y="111"/>
                    </a:lnTo>
                    <a:lnTo>
                      <a:pt x="102" y="103"/>
                    </a:lnTo>
                    <a:lnTo>
                      <a:pt x="105" y="101"/>
                    </a:lnTo>
                    <a:lnTo>
                      <a:pt x="106" y="98"/>
                    </a:lnTo>
                    <a:lnTo>
                      <a:pt x="106" y="97"/>
                    </a:lnTo>
                    <a:lnTo>
                      <a:pt x="106" y="94"/>
                    </a:lnTo>
                    <a:lnTo>
                      <a:pt x="105" y="92"/>
                    </a:lnTo>
                    <a:lnTo>
                      <a:pt x="102" y="89"/>
                    </a:lnTo>
                    <a:lnTo>
                      <a:pt x="98" y="86"/>
                    </a:lnTo>
                    <a:lnTo>
                      <a:pt x="93" y="84"/>
                    </a:lnTo>
                    <a:lnTo>
                      <a:pt x="80" y="80"/>
                    </a:lnTo>
                    <a:lnTo>
                      <a:pt x="66" y="73"/>
                    </a:lnTo>
                    <a:lnTo>
                      <a:pt x="59" y="71"/>
                    </a:lnTo>
                    <a:lnTo>
                      <a:pt x="54" y="66"/>
                    </a:lnTo>
                    <a:lnTo>
                      <a:pt x="53" y="63"/>
                    </a:lnTo>
                    <a:lnTo>
                      <a:pt x="51" y="60"/>
                    </a:lnTo>
                    <a:lnTo>
                      <a:pt x="51" y="57"/>
                    </a:lnTo>
                    <a:lnTo>
                      <a:pt x="51" y="54"/>
                    </a:lnTo>
                    <a:lnTo>
                      <a:pt x="58" y="44"/>
                    </a:lnTo>
                    <a:lnTo>
                      <a:pt x="70" y="32"/>
                    </a:lnTo>
                    <a:lnTo>
                      <a:pt x="83" y="20"/>
                    </a:lnTo>
                    <a:lnTo>
                      <a:pt x="92" y="13"/>
                    </a:lnTo>
                    <a:lnTo>
                      <a:pt x="98" y="7"/>
                    </a:lnTo>
                    <a:lnTo>
                      <a:pt x="105" y="4"/>
                    </a:lnTo>
                    <a:lnTo>
                      <a:pt x="108" y="1"/>
                    </a:lnTo>
                    <a:lnTo>
                      <a:pt x="114" y="0"/>
                    </a:lnTo>
                    <a:lnTo>
                      <a:pt x="117" y="1"/>
                    </a:lnTo>
                    <a:lnTo>
                      <a:pt x="121" y="4"/>
                    </a:lnTo>
                    <a:lnTo>
                      <a:pt x="124" y="9"/>
                    </a:lnTo>
                    <a:lnTo>
                      <a:pt x="127" y="18"/>
                    </a:lnTo>
                    <a:lnTo>
                      <a:pt x="134" y="41"/>
                    </a:lnTo>
                    <a:lnTo>
                      <a:pt x="145" y="63"/>
                    </a:lnTo>
                    <a:lnTo>
                      <a:pt x="155" y="85"/>
                    </a:lnTo>
                    <a:lnTo>
                      <a:pt x="164" y="107"/>
                    </a:lnTo>
                    <a:lnTo>
                      <a:pt x="171" y="123"/>
                    </a:lnTo>
                    <a:lnTo>
                      <a:pt x="176" y="138"/>
                    </a:lnTo>
                    <a:lnTo>
                      <a:pt x="178" y="146"/>
                    </a:lnTo>
                    <a:lnTo>
                      <a:pt x="178" y="154"/>
                    </a:lnTo>
                    <a:lnTo>
                      <a:pt x="177" y="162"/>
                    </a:lnTo>
                    <a:lnTo>
                      <a:pt x="174" y="171"/>
                    </a:lnTo>
                    <a:lnTo>
                      <a:pt x="171" y="177"/>
                    </a:lnTo>
                    <a:lnTo>
                      <a:pt x="165" y="182"/>
                    </a:lnTo>
                    <a:lnTo>
                      <a:pt x="160" y="186"/>
                    </a:lnTo>
                    <a:lnTo>
                      <a:pt x="154" y="189"/>
                    </a:lnTo>
                    <a:lnTo>
                      <a:pt x="149" y="190"/>
                    </a:lnTo>
                    <a:lnTo>
                      <a:pt x="141" y="191"/>
                    </a:lnTo>
                    <a:lnTo>
                      <a:pt x="134" y="191"/>
                    </a:lnTo>
                    <a:lnTo>
                      <a:pt x="127" y="190"/>
                    </a:lnTo>
                    <a:lnTo>
                      <a:pt x="97" y="185"/>
                    </a:lnTo>
                    <a:lnTo>
                      <a:pt x="71" y="180"/>
                    </a:lnTo>
                    <a:lnTo>
                      <a:pt x="50" y="180"/>
                    </a:lnTo>
                    <a:lnTo>
                      <a:pt x="20" y="174"/>
                    </a:lnTo>
                    <a:lnTo>
                      <a:pt x="14" y="173"/>
                    </a:lnTo>
                    <a:lnTo>
                      <a:pt x="9" y="171"/>
                    </a:lnTo>
                    <a:lnTo>
                      <a:pt x="3" y="168"/>
                    </a:lnTo>
                    <a:lnTo>
                      <a:pt x="1" y="165"/>
                    </a:lnTo>
                    <a:lnTo>
                      <a:pt x="0" y="162"/>
                    </a:lnTo>
                    <a:lnTo>
                      <a:pt x="0" y="158"/>
                    </a:lnTo>
                    <a:lnTo>
                      <a:pt x="3" y="152"/>
                    </a:lnTo>
                    <a:lnTo>
                      <a:pt x="9" y="147"/>
                    </a:lnTo>
                    <a:lnTo>
                      <a:pt x="44" y="151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60" name="Freeform 210"/>
              <p:cNvSpPr>
                <a:spLocks/>
              </p:cNvSpPr>
              <p:nvPr/>
            </p:nvSpPr>
            <p:spPr bwMode="auto">
              <a:xfrm>
                <a:off x="5417042" y="2297750"/>
                <a:ext cx="58294" cy="59609"/>
              </a:xfrm>
              <a:custGeom>
                <a:avLst/>
                <a:gdLst/>
                <a:ahLst/>
                <a:cxnLst>
                  <a:cxn ang="0">
                    <a:pos x="66" y="79"/>
                  </a:cxn>
                  <a:cxn ang="0">
                    <a:pos x="68" y="66"/>
                  </a:cxn>
                  <a:cxn ang="0">
                    <a:pos x="68" y="53"/>
                  </a:cxn>
                  <a:cxn ang="0">
                    <a:pos x="62" y="46"/>
                  </a:cxn>
                  <a:cxn ang="0">
                    <a:pos x="59" y="45"/>
                  </a:cxn>
                  <a:cxn ang="0">
                    <a:pos x="48" y="52"/>
                  </a:cxn>
                  <a:cxn ang="0">
                    <a:pos x="33" y="63"/>
                  </a:cxn>
                  <a:cxn ang="0">
                    <a:pos x="13" y="70"/>
                  </a:cxn>
                  <a:cxn ang="0">
                    <a:pos x="5" y="71"/>
                  </a:cxn>
                  <a:cxn ang="0">
                    <a:pos x="2" y="68"/>
                  </a:cxn>
                  <a:cxn ang="0">
                    <a:pos x="13" y="50"/>
                  </a:cxn>
                  <a:cxn ang="0">
                    <a:pos x="33" y="23"/>
                  </a:cxn>
                  <a:cxn ang="0">
                    <a:pos x="43" y="6"/>
                  </a:cxn>
                  <a:cxn ang="0">
                    <a:pos x="49" y="1"/>
                  </a:cxn>
                  <a:cxn ang="0">
                    <a:pos x="53" y="0"/>
                  </a:cxn>
                  <a:cxn ang="0">
                    <a:pos x="62" y="6"/>
                  </a:cxn>
                  <a:cxn ang="0">
                    <a:pos x="74" y="13"/>
                  </a:cxn>
                  <a:cxn ang="0">
                    <a:pos x="90" y="17"/>
                  </a:cxn>
                  <a:cxn ang="0">
                    <a:pos x="101" y="26"/>
                  </a:cxn>
                  <a:cxn ang="0">
                    <a:pos x="112" y="43"/>
                  </a:cxn>
                  <a:cxn ang="0">
                    <a:pos x="125" y="67"/>
                  </a:cxn>
                  <a:cxn ang="0">
                    <a:pos x="128" y="83"/>
                  </a:cxn>
                  <a:cxn ang="0">
                    <a:pos x="127" y="92"/>
                  </a:cxn>
                  <a:cxn ang="0">
                    <a:pos x="125" y="100"/>
                  </a:cxn>
                  <a:cxn ang="0">
                    <a:pos x="118" y="106"/>
                  </a:cxn>
                  <a:cxn ang="0">
                    <a:pos x="103" y="112"/>
                  </a:cxn>
                  <a:cxn ang="0">
                    <a:pos x="73" y="123"/>
                  </a:cxn>
                  <a:cxn ang="0">
                    <a:pos x="49" y="132"/>
                  </a:cxn>
                  <a:cxn ang="0">
                    <a:pos x="40" y="131"/>
                  </a:cxn>
                  <a:cxn ang="0">
                    <a:pos x="39" y="123"/>
                  </a:cxn>
                  <a:cxn ang="0">
                    <a:pos x="44" y="114"/>
                  </a:cxn>
                  <a:cxn ang="0">
                    <a:pos x="64" y="84"/>
                  </a:cxn>
                </a:cxnLst>
                <a:rect l="0" t="0" r="r" b="b"/>
                <a:pathLst>
                  <a:path w="128" h="132">
                    <a:moveTo>
                      <a:pt x="64" y="84"/>
                    </a:moveTo>
                    <a:lnTo>
                      <a:pt x="66" y="79"/>
                    </a:lnTo>
                    <a:lnTo>
                      <a:pt x="68" y="74"/>
                    </a:lnTo>
                    <a:lnTo>
                      <a:pt x="68" y="66"/>
                    </a:lnTo>
                    <a:lnTo>
                      <a:pt x="68" y="59"/>
                    </a:lnTo>
                    <a:lnTo>
                      <a:pt x="68" y="53"/>
                    </a:lnTo>
                    <a:lnTo>
                      <a:pt x="65" y="48"/>
                    </a:lnTo>
                    <a:lnTo>
                      <a:pt x="62" y="46"/>
                    </a:lnTo>
                    <a:lnTo>
                      <a:pt x="61" y="45"/>
                    </a:lnTo>
                    <a:lnTo>
                      <a:pt x="59" y="45"/>
                    </a:lnTo>
                    <a:lnTo>
                      <a:pt x="55" y="46"/>
                    </a:lnTo>
                    <a:lnTo>
                      <a:pt x="48" y="52"/>
                    </a:lnTo>
                    <a:lnTo>
                      <a:pt x="40" y="59"/>
                    </a:lnTo>
                    <a:lnTo>
                      <a:pt x="33" y="63"/>
                    </a:lnTo>
                    <a:lnTo>
                      <a:pt x="20" y="68"/>
                    </a:lnTo>
                    <a:lnTo>
                      <a:pt x="13" y="70"/>
                    </a:lnTo>
                    <a:lnTo>
                      <a:pt x="8" y="71"/>
                    </a:lnTo>
                    <a:lnTo>
                      <a:pt x="5" y="71"/>
                    </a:lnTo>
                    <a:lnTo>
                      <a:pt x="3" y="70"/>
                    </a:lnTo>
                    <a:lnTo>
                      <a:pt x="2" y="68"/>
                    </a:lnTo>
                    <a:lnTo>
                      <a:pt x="0" y="67"/>
                    </a:lnTo>
                    <a:lnTo>
                      <a:pt x="13" y="50"/>
                    </a:lnTo>
                    <a:lnTo>
                      <a:pt x="29" y="31"/>
                    </a:lnTo>
                    <a:lnTo>
                      <a:pt x="33" y="23"/>
                    </a:lnTo>
                    <a:lnTo>
                      <a:pt x="39" y="11"/>
                    </a:lnTo>
                    <a:lnTo>
                      <a:pt x="43" y="6"/>
                    </a:lnTo>
                    <a:lnTo>
                      <a:pt x="47" y="2"/>
                    </a:lnTo>
                    <a:lnTo>
                      <a:pt x="49" y="1"/>
                    </a:lnTo>
                    <a:lnTo>
                      <a:pt x="51" y="0"/>
                    </a:lnTo>
                    <a:lnTo>
                      <a:pt x="53" y="0"/>
                    </a:lnTo>
                    <a:lnTo>
                      <a:pt x="55" y="1"/>
                    </a:lnTo>
                    <a:lnTo>
                      <a:pt x="62" y="6"/>
                    </a:lnTo>
                    <a:lnTo>
                      <a:pt x="68" y="10"/>
                    </a:lnTo>
                    <a:lnTo>
                      <a:pt x="74" y="13"/>
                    </a:lnTo>
                    <a:lnTo>
                      <a:pt x="83" y="15"/>
                    </a:lnTo>
                    <a:lnTo>
                      <a:pt x="90" y="17"/>
                    </a:lnTo>
                    <a:lnTo>
                      <a:pt x="96" y="20"/>
                    </a:lnTo>
                    <a:lnTo>
                      <a:pt x="101" y="26"/>
                    </a:lnTo>
                    <a:lnTo>
                      <a:pt x="105" y="31"/>
                    </a:lnTo>
                    <a:lnTo>
                      <a:pt x="112" y="43"/>
                    </a:lnTo>
                    <a:lnTo>
                      <a:pt x="118" y="55"/>
                    </a:lnTo>
                    <a:lnTo>
                      <a:pt x="125" y="67"/>
                    </a:lnTo>
                    <a:lnTo>
                      <a:pt x="127" y="79"/>
                    </a:lnTo>
                    <a:lnTo>
                      <a:pt x="128" y="83"/>
                    </a:lnTo>
                    <a:lnTo>
                      <a:pt x="128" y="88"/>
                    </a:lnTo>
                    <a:lnTo>
                      <a:pt x="127" y="92"/>
                    </a:lnTo>
                    <a:lnTo>
                      <a:pt x="126" y="96"/>
                    </a:lnTo>
                    <a:lnTo>
                      <a:pt x="125" y="100"/>
                    </a:lnTo>
                    <a:lnTo>
                      <a:pt x="122" y="103"/>
                    </a:lnTo>
                    <a:lnTo>
                      <a:pt x="118" y="106"/>
                    </a:lnTo>
                    <a:lnTo>
                      <a:pt x="114" y="109"/>
                    </a:lnTo>
                    <a:lnTo>
                      <a:pt x="103" y="112"/>
                    </a:lnTo>
                    <a:lnTo>
                      <a:pt x="90" y="116"/>
                    </a:lnTo>
                    <a:lnTo>
                      <a:pt x="73" y="123"/>
                    </a:lnTo>
                    <a:lnTo>
                      <a:pt x="56" y="131"/>
                    </a:lnTo>
                    <a:lnTo>
                      <a:pt x="49" y="132"/>
                    </a:lnTo>
                    <a:lnTo>
                      <a:pt x="43" y="132"/>
                    </a:lnTo>
                    <a:lnTo>
                      <a:pt x="40" y="131"/>
                    </a:lnTo>
                    <a:lnTo>
                      <a:pt x="39" y="127"/>
                    </a:lnTo>
                    <a:lnTo>
                      <a:pt x="39" y="123"/>
                    </a:lnTo>
                    <a:lnTo>
                      <a:pt x="40" y="118"/>
                    </a:lnTo>
                    <a:lnTo>
                      <a:pt x="44" y="114"/>
                    </a:lnTo>
                    <a:lnTo>
                      <a:pt x="48" y="109"/>
                    </a:lnTo>
                    <a:lnTo>
                      <a:pt x="64" y="84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61" name="Freeform 211"/>
              <p:cNvSpPr>
                <a:spLocks/>
              </p:cNvSpPr>
              <p:nvPr/>
            </p:nvSpPr>
            <p:spPr bwMode="auto">
              <a:xfrm>
                <a:off x="5488089" y="2279687"/>
                <a:ext cx="43721" cy="52383"/>
              </a:xfrm>
              <a:custGeom>
                <a:avLst/>
                <a:gdLst/>
                <a:ahLst/>
                <a:cxnLst>
                  <a:cxn ang="0">
                    <a:pos x="18" y="61"/>
                  </a:cxn>
                  <a:cxn ang="0">
                    <a:pos x="29" y="56"/>
                  </a:cxn>
                  <a:cxn ang="0">
                    <a:pos x="39" y="51"/>
                  </a:cxn>
                  <a:cxn ang="0">
                    <a:pos x="46" y="43"/>
                  </a:cxn>
                  <a:cxn ang="0">
                    <a:pos x="53" y="34"/>
                  </a:cxn>
                  <a:cxn ang="0">
                    <a:pos x="59" y="25"/>
                  </a:cxn>
                  <a:cxn ang="0">
                    <a:pos x="72" y="11"/>
                  </a:cxn>
                  <a:cxn ang="0">
                    <a:pos x="77" y="5"/>
                  </a:cxn>
                  <a:cxn ang="0">
                    <a:pos x="84" y="1"/>
                  </a:cxn>
                  <a:cxn ang="0">
                    <a:pos x="85" y="0"/>
                  </a:cxn>
                  <a:cxn ang="0">
                    <a:pos x="88" y="1"/>
                  </a:cxn>
                  <a:cxn ang="0">
                    <a:pos x="89" y="3"/>
                  </a:cxn>
                  <a:cxn ang="0">
                    <a:pos x="90" y="5"/>
                  </a:cxn>
                  <a:cxn ang="0">
                    <a:pos x="93" y="17"/>
                  </a:cxn>
                  <a:cxn ang="0">
                    <a:pos x="94" y="27"/>
                  </a:cxn>
                  <a:cxn ang="0">
                    <a:pos x="94" y="31"/>
                  </a:cxn>
                  <a:cxn ang="0">
                    <a:pos x="93" y="36"/>
                  </a:cxn>
                  <a:cxn ang="0">
                    <a:pos x="90" y="40"/>
                  </a:cxn>
                  <a:cxn ang="0">
                    <a:pos x="85" y="46"/>
                  </a:cxn>
                  <a:cxn ang="0">
                    <a:pos x="71" y="57"/>
                  </a:cxn>
                  <a:cxn ang="0">
                    <a:pos x="57" y="70"/>
                  </a:cxn>
                  <a:cxn ang="0">
                    <a:pos x="50" y="77"/>
                  </a:cxn>
                  <a:cxn ang="0">
                    <a:pos x="44" y="83"/>
                  </a:cxn>
                  <a:cxn ang="0">
                    <a:pos x="39" y="90"/>
                  </a:cxn>
                  <a:cxn ang="0">
                    <a:pos x="33" y="97"/>
                  </a:cxn>
                  <a:cxn ang="0">
                    <a:pos x="29" y="103"/>
                  </a:cxn>
                  <a:cxn ang="0">
                    <a:pos x="24" y="108"/>
                  </a:cxn>
                  <a:cxn ang="0">
                    <a:pos x="18" y="112"/>
                  </a:cxn>
                  <a:cxn ang="0">
                    <a:pos x="13" y="114"/>
                  </a:cxn>
                  <a:cxn ang="0">
                    <a:pos x="6" y="114"/>
                  </a:cxn>
                  <a:cxn ang="0">
                    <a:pos x="2" y="112"/>
                  </a:cxn>
                  <a:cxn ang="0">
                    <a:pos x="1" y="108"/>
                  </a:cxn>
                  <a:cxn ang="0">
                    <a:pos x="0" y="104"/>
                  </a:cxn>
                  <a:cxn ang="0">
                    <a:pos x="1" y="93"/>
                  </a:cxn>
                  <a:cxn ang="0">
                    <a:pos x="2" y="84"/>
                  </a:cxn>
                  <a:cxn ang="0">
                    <a:pos x="18" y="61"/>
                  </a:cxn>
                </a:cxnLst>
                <a:rect l="0" t="0" r="r" b="b"/>
                <a:pathLst>
                  <a:path w="94" h="114">
                    <a:moveTo>
                      <a:pt x="18" y="61"/>
                    </a:moveTo>
                    <a:lnTo>
                      <a:pt x="29" y="56"/>
                    </a:lnTo>
                    <a:lnTo>
                      <a:pt x="39" y="51"/>
                    </a:lnTo>
                    <a:lnTo>
                      <a:pt x="46" y="43"/>
                    </a:lnTo>
                    <a:lnTo>
                      <a:pt x="53" y="34"/>
                    </a:lnTo>
                    <a:lnTo>
                      <a:pt x="59" y="25"/>
                    </a:lnTo>
                    <a:lnTo>
                      <a:pt x="72" y="11"/>
                    </a:lnTo>
                    <a:lnTo>
                      <a:pt x="77" y="5"/>
                    </a:lnTo>
                    <a:lnTo>
                      <a:pt x="84" y="1"/>
                    </a:lnTo>
                    <a:lnTo>
                      <a:pt x="85" y="0"/>
                    </a:lnTo>
                    <a:lnTo>
                      <a:pt x="88" y="1"/>
                    </a:lnTo>
                    <a:lnTo>
                      <a:pt x="89" y="3"/>
                    </a:lnTo>
                    <a:lnTo>
                      <a:pt x="90" y="5"/>
                    </a:lnTo>
                    <a:lnTo>
                      <a:pt x="93" y="17"/>
                    </a:lnTo>
                    <a:lnTo>
                      <a:pt x="94" y="27"/>
                    </a:lnTo>
                    <a:lnTo>
                      <a:pt x="94" y="31"/>
                    </a:lnTo>
                    <a:lnTo>
                      <a:pt x="93" y="36"/>
                    </a:lnTo>
                    <a:lnTo>
                      <a:pt x="90" y="40"/>
                    </a:lnTo>
                    <a:lnTo>
                      <a:pt x="85" y="46"/>
                    </a:lnTo>
                    <a:lnTo>
                      <a:pt x="71" y="57"/>
                    </a:lnTo>
                    <a:lnTo>
                      <a:pt x="57" y="70"/>
                    </a:lnTo>
                    <a:lnTo>
                      <a:pt x="50" y="77"/>
                    </a:lnTo>
                    <a:lnTo>
                      <a:pt x="44" y="83"/>
                    </a:lnTo>
                    <a:lnTo>
                      <a:pt x="39" y="90"/>
                    </a:lnTo>
                    <a:lnTo>
                      <a:pt x="33" y="97"/>
                    </a:lnTo>
                    <a:lnTo>
                      <a:pt x="29" y="103"/>
                    </a:lnTo>
                    <a:lnTo>
                      <a:pt x="24" y="108"/>
                    </a:lnTo>
                    <a:lnTo>
                      <a:pt x="18" y="112"/>
                    </a:lnTo>
                    <a:lnTo>
                      <a:pt x="13" y="114"/>
                    </a:lnTo>
                    <a:lnTo>
                      <a:pt x="6" y="114"/>
                    </a:lnTo>
                    <a:lnTo>
                      <a:pt x="2" y="112"/>
                    </a:lnTo>
                    <a:lnTo>
                      <a:pt x="1" y="108"/>
                    </a:lnTo>
                    <a:lnTo>
                      <a:pt x="0" y="104"/>
                    </a:lnTo>
                    <a:lnTo>
                      <a:pt x="1" y="93"/>
                    </a:lnTo>
                    <a:lnTo>
                      <a:pt x="2" y="84"/>
                    </a:lnTo>
                    <a:lnTo>
                      <a:pt x="18" y="61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62" name="Freeform 212"/>
              <p:cNvSpPr>
                <a:spLocks/>
              </p:cNvSpPr>
              <p:nvPr/>
            </p:nvSpPr>
            <p:spPr bwMode="auto">
              <a:xfrm>
                <a:off x="5477159" y="2301363"/>
                <a:ext cx="87441" cy="133667"/>
              </a:xfrm>
              <a:custGeom>
                <a:avLst/>
                <a:gdLst/>
                <a:ahLst/>
                <a:cxnLst>
                  <a:cxn ang="0">
                    <a:pos x="111" y="204"/>
                  </a:cxn>
                  <a:cxn ang="0">
                    <a:pos x="129" y="172"/>
                  </a:cxn>
                  <a:cxn ang="0">
                    <a:pos x="142" y="155"/>
                  </a:cxn>
                  <a:cxn ang="0">
                    <a:pos x="154" y="147"/>
                  </a:cxn>
                  <a:cxn ang="0">
                    <a:pos x="162" y="142"/>
                  </a:cxn>
                  <a:cxn ang="0">
                    <a:pos x="165" y="138"/>
                  </a:cxn>
                  <a:cxn ang="0">
                    <a:pos x="168" y="107"/>
                  </a:cxn>
                  <a:cxn ang="0">
                    <a:pos x="169" y="59"/>
                  </a:cxn>
                  <a:cxn ang="0">
                    <a:pos x="173" y="37"/>
                  </a:cxn>
                  <a:cxn ang="0">
                    <a:pos x="180" y="24"/>
                  </a:cxn>
                  <a:cxn ang="0">
                    <a:pos x="187" y="14"/>
                  </a:cxn>
                  <a:cxn ang="0">
                    <a:pos x="191" y="5"/>
                  </a:cxn>
                  <a:cxn ang="0">
                    <a:pos x="190" y="0"/>
                  </a:cxn>
                  <a:cxn ang="0">
                    <a:pos x="177" y="2"/>
                  </a:cxn>
                  <a:cxn ang="0">
                    <a:pos x="160" y="10"/>
                  </a:cxn>
                  <a:cxn ang="0">
                    <a:pos x="133" y="29"/>
                  </a:cxn>
                  <a:cxn ang="0">
                    <a:pos x="132" y="32"/>
                  </a:cxn>
                  <a:cxn ang="0">
                    <a:pos x="136" y="35"/>
                  </a:cxn>
                  <a:cxn ang="0">
                    <a:pos x="142" y="40"/>
                  </a:cxn>
                  <a:cxn ang="0">
                    <a:pos x="147" y="53"/>
                  </a:cxn>
                  <a:cxn ang="0">
                    <a:pos x="149" y="59"/>
                  </a:cxn>
                  <a:cxn ang="0">
                    <a:pos x="146" y="66"/>
                  </a:cxn>
                  <a:cxn ang="0">
                    <a:pos x="132" y="82"/>
                  </a:cxn>
                  <a:cxn ang="0">
                    <a:pos x="118" y="95"/>
                  </a:cxn>
                  <a:cxn ang="0">
                    <a:pos x="112" y="104"/>
                  </a:cxn>
                  <a:cxn ang="0">
                    <a:pos x="111" y="111"/>
                  </a:cxn>
                  <a:cxn ang="0">
                    <a:pos x="120" y="117"/>
                  </a:cxn>
                  <a:cxn ang="0">
                    <a:pos x="124" y="121"/>
                  </a:cxn>
                  <a:cxn ang="0">
                    <a:pos x="127" y="128"/>
                  </a:cxn>
                  <a:cxn ang="0">
                    <a:pos x="121" y="136"/>
                  </a:cxn>
                  <a:cxn ang="0">
                    <a:pos x="112" y="143"/>
                  </a:cxn>
                  <a:cxn ang="0">
                    <a:pos x="93" y="155"/>
                  </a:cxn>
                  <a:cxn ang="0">
                    <a:pos x="68" y="178"/>
                  </a:cxn>
                  <a:cxn ang="0">
                    <a:pos x="49" y="203"/>
                  </a:cxn>
                  <a:cxn ang="0">
                    <a:pos x="33" y="224"/>
                  </a:cxn>
                  <a:cxn ang="0">
                    <a:pos x="20" y="238"/>
                  </a:cxn>
                  <a:cxn ang="0">
                    <a:pos x="6" y="268"/>
                  </a:cxn>
                  <a:cxn ang="0">
                    <a:pos x="1" y="282"/>
                  </a:cxn>
                  <a:cxn ang="0">
                    <a:pos x="0" y="290"/>
                  </a:cxn>
                  <a:cxn ang="0">
                    <a:pos x="4" y="296"/>
                  </a:cxn>
                  <a:cxn ang="0">
                    <a:pos x="14" y="299"/>
                  </a:cxn>
                  <a:cxn ang="0">
                    <a:pos x="28" y="294"/>
                  </a:cxn>
                  <a:cxn ang="0">
                    <a:pos x="50" y="278"/>
                  </a:cxn>
                  <a:cxn ang="0">
                    <a:pos x="73" y="256"/>
                  </a:cxn>
                  <a:cxn ang="0">
                    <a:pos x="84" y="242"/>
                  </a:cxn>
                  <a:cxn ang="0">
                    <a:pos x="99" y="230"/>
                  </a:cxn>
                </a:cxnLst>
                <a:rect l="0" t="0" r="r" b="b"/>
                <a:pathLst>
                  <a:path w="191" h="299">
                    <a:moveTo>
                      <a:pt x="99" y="221"/>
                    </a:moveTo>
                    <a:lnTo>
                      <a:pt x="111" y="204"/>
                    </a:lnTo>
                    <a:lnTo>
                      <a:pt x="124" y="182"/>
                    </a:lnTo>
                    <a:lnTo>
                      <a:pt x="129" y="172"/>
                    </a:lnTo>
                    <a:lnTo>
                      <a:pt x="136" y="163"/>
                    </a:lnTo>
                    <a:lnTo>
                      <a:pt x="142" y="155"/>
                    </a:lnTo>
                    <a:lnTo>
                      <a:pt x="149" y="150"/>
                    </a:lnTo>
                    <a:lnTo>
                      <a:pt x="154" y="147"/>
                    </a:lnTo>
                    <a:lnTo>
                      <a:pt x="159" y="145"/>
                    </a:lnTo>
                    <a:lnTo>
                      <a:pt x="162" y="142"/>
                    </a:lnTo>
                    <a:lnTo>
                      <a:pt x="164" y="141"/>
                    </a:lnTo>
                    <a:lnTo>
                      <a:pt x="165" y="138"/>
                    </a:lnTo>
                    <a:lnTo>
                      <a:pt x="167" y="136"/>
                    </a:lnTo>
                    <a:lnTo>
                      <a:pt x="168" y="107"/>
                    </a:lnTo>
                    <a:lnTo>
                      <a:pt x="168" y="75"/>
                    </a:lnTo>
                    <a:lnTo>
                      <a:pt x="169" y="59"/>
                    </a:lnTo>
                    <a:lnTo>
                      <a:pt x="172" y="44"/>
                    </a:lnTo>
                    <a:lnTo>
                      <a:pt x="173" y="37"/>
                    </a:lnTo>
                    <a:lnTo>
                      <a:pt x="176" y="31"/>
                    </a:lnTo>
                    <a:lnTo>
                      <a:pt x="180" y="24"/>
                    </a:lnTo>
                    <a:lnTo>
                      <a:pt x="184" y="19"/>
                    </a:lnTo>
                    <a:lnTo>
                      <a:pt x="187" y="14"/>
                    </a:lnTo>
                    <a:lnTo>
                      <a:pt x="190" y="10"/>
                    </a:lnTo>
                    <a:lnTo>
                      <a:pt x="191" y="5"/>
                    </a:lnTo>
                    <a:lnTo>
                      <a:pt x="191" y="0"/>
                    </a:lnTo>
                    <a:lnTo>
                      <a:pt x="190" y="0"/>
                    </a:lnTo>
                    <a:lnTo>
                      <a:pt x="185" y="0"/>
                    </a:lnTo>
                    <a:lnTo>
                      <a:pt x="177" y="2"/>
                    </a:lnTo>
                    <a:lnTo>
                      <a:pt x="169" y="5"/>
                    </a:lnTo>
                    <a:lnTo>
                      <a:pt x="160" y="10"/>
                    </a:lnTo>
                    <a:lnTo>
                      <a:pt x="145" y="20"/>
                    </a:lnTo>
                    <a:lnTo>
                      <a:pt x="133" y="29"/>
                    </a:lnTo>
                    <a:lnTo>
                      <a:pt x="132" y="31"/>
                    </a:lnTo>
                    <a:lnTo>
                      <a:pt x="132" y="32"/>
                    </a:lnTo>
                    <a:lnTo>
                      <a:pt x="133" y="33"/>
                    </a:lnTo>
                    <a:lnTo>
                      <a:pt x="136" y="35"/>
                    </a:lnTo>
                    <a:lnTo>
                      <a:pt x="140" y="37"/>
                    </a:lnTo>
                    <a:lnTo>
                      <a:pt x="142" y="40"/>
                    </a:lnTo>
                    <a:lnTo>
                      <a:pt x="145" y="46"/>
                    </a:lnTo>
                    <a:lnTo>
                      <a:pt x="147" y="53"/>
                    </a:lnTo>
                    <a:lnTo>
                      <a:pt x="149" y="55"/>
                    </a:lnTo>
                    <a:lnTo>
                      <a:pt x="149" y="59"/>
                    </a:lnTo>
                    <a:lnTo>
                      <a:pt x="147" y="62"/>
                    </a:lnTo>
                    <a:lnTo>
                      <a:pt x="146" y="66"/>
                    </a:lnTo>
                    <a:lnTo>
                      <a:pt x="140" y="75"/>
                    </a:lnTo>
                    <a:lnTo>
                      <a:pt x="132" y="82"/>
                    </a:lnTo>
                    <a:lnTo>
                      <a:pt x="125" y="88"/>
                    </a:lnTo>
                    <a:lnTo>
                      <a:pt x="118" y="95"/>
                    </a:lnTo>
                    <a:lnTo>
                      <a:pt x="115" y="99"/>
                    </a:lnTo>
                    <a:lnTo>
                      <a:pt x="112" y="104"/>
                    </a:lnTo>
                    <a:lnTo>
                      <a:pt x="111" y="108"/>
                    </a:lnTo>
                    <a:lnTo>
                      <a:pt x="111" y="111"/>
                    </a:lnTo>
                    <a:lnTo>
                      <a:pt x="115" y="115"/>
                    </a:lnTo>
                    <a:lnTo>
                      <a:pt x="120" y="117"/>
                    </a:lnTo>
                    <a:lnTo>
                      <a:pt x="123" y="119"/>
                    </a:lnTo>
                    <a:lnTo>
                      <a:pt x="124" y="121"/>
                    </a:lnTo>
                    <a:lnTo>
                      <a:pt x="125" y="124"/>
                    </a:lnTo>
                    <a:lnTo>
                      <a:pt x="127" y="128"/>
                    </a:lnTo>
                    <a:lnTo>
                      <a:pt x="125" y="132"/>
                    </a:lnTo>
                    <a:lnTo>
                      <a:pt x="121" y="136"/>
                    </a:lnTo>
                    <a:lnTo>
                      <a:pt x="118" y="139"/>
                    </a:lnTo>
                    <a:lnTo>
                      <a:pt x="112" y="143"/>
                    </a:lnTo>
                    <a:lnTo>
                      <a:pt x="101" y="150"/>
                    </a:lnTo>
                    <a:lnTo>
                      <a:pt x="93" y="155"/>
                    </a:lnTo>
                    <a:lnTo>
                      <a:pt x="80" y="167"/>
                    </a:lnTo>
                    <a:lnTo>
                      <a:pt x="68" y="178"/>
                    </a:lnTo>
                    <a:lnTo>
                      <a:pt x="59" y="190"/>
                    </a:lnTo>
                    <a:lnTo>
                      <a:pt x="49" y="203"/>
                    </a:lnTo>
                    <a:lnTo>
                      <a:pt x="41" y="213"/>
                    </a:lnTo>
                    <a:lnTo>
                      <a:pt x="33" y="224"/>
                    </a:lnTo>
                    <a:lnTo>
                      <a:pt x="27" y="230"/>
                    </a:lnTo>
                    <a:lnTo>
                      <a:pt x="20" y="238"/>
                    </a:lnTo>
                    <a:lnTo>
                      <a:pt x="14" y="252"/>
                    </a:lnTo>
                    <a:lnTo>
                      <a:pt x="6" y="268"/>
                    </a:lnTo>
                    <a:lnTo>
                      <a:pt x="4" y="274"/>
                    </a:lnTo>
                    <a:lnTo>
                      <a:pt x="1" y="282"/>
                    </a:lnTo>
                    <a:lnTo>
                      <a:pt x="0" y="286"/>
                    </a:lnTo>
                    <a:lnTo>
                      <a:pt x="0" y="290"/>
                    </a:lnTo>
                    <a:lnTo>
                      <a:pt x="1" y="294"/>
                    </a:lnTo>
                    <a:lnTo>
                      <a:pt x="4" y="296"/>
                    </a:lnTo>
                    <a:lnTo>
                      <a:pt x="9" y="299"/>
                    </a:lnTo>
                    <a:lnTo>
                      <a:pt x="14" y="299"/>
                    </a:lnTo>
                    <a:lnTo>
                      <a:pt x="22" y="296"/>
                    </a:lnTo>
                    <a:lnTo>
                      <a:pt x="28" y="294"/>
                    </a:lnTo>
                    <a:lnTo>
                      <a:pt x="41" y="285"/>
                    </a:lnTo>
                    <a:lnTo>
                      <a:pt x="50" y="278"/>
                    </a:lnTo>
                    <a:lnTo>
                      <a:pt x="62" y="266"/>
                    </a:lnTo>
                    <a:lnTo>
                      <a:pt x="73" y="256"/>
                    </a:lnTo>
                    <a:lnTo>
                      <a:pt x="79" y="250"/>
                    </a:lnTo>
                    <a:lnTo>
                      <a:pt x="84" y="242"/>
                    </a:lnTo>
                    <a:lnTo>
                      <a:pt x="92" y="235"/>
                    </a:lnTo>
                    <a:lnTo>
                      <a:pt x="99" y="230"/>
                    </a:lnTo>
                    <a:lnTo>
                      <a:pt x="99" y="221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63" name="Freeform 213"/>
              <p:cNvSpPr>
                <a:spLocks/>
              </p:cNvSpPr>
              <p:nvPr/>
            </p:nvSpPr>
            <p:spPr bwMode="auto">
              <a:xfrm>
                <a:off x="5548204" y="2380840"/>
                <a:ext cx="16396" cy="46964"/>
              </a:xfrm>
              <a:custGeom>
                <a:avLst/>
                <a:gdLst/>
                <a:ahLst/>
                <a:cxnLst>
                  <a:cxn ang="0">
                    <a:pos x="0" y="83"/>
                  </a:cxn>
                  <a:cxn ang="0">
                    <a:pos x="1" y="67"/>
                  </a:cxn>
                  <a:cxn ang="0">
                    <a:pos x="2" y="52"/>
                  </a:cxn>
                  <a:cxn ang="0">
                    <a:pos x="3" y="36"/>
                  </a:cxn>
                  <a:cxn ang="0">
                    <a:pos x="5" y="20"/>
                  </a:cxn>
                  <a:cxn ang="0">
                    <a:pos x="5" y="17"/>
                  </a:cxn>
                  <a:cxn ang="0">
                    <a:pos x="7" y="11"/>
                  </a:cxn>
                  <a:cxn ang="0">
                    <a:pos x="10" y="7"/>
                  </a:cxn>
                  <a:cxn ang="0">
                    <a:pos x="14" y="4"/>
                  </a:cxn>
                  <a:cxn ang="0">
                    <a:pos x="19" y="1"/>
                  </a:cxn>
                  <a:cxn ang="0">
                    <a:pos x="24" y="0"/>
                  </a:cxn>
                  <a:cxn ang="0">
                    <a:pos x="29" y="0"/>
                  </a:cxn>
                  <a:cxn ang="0">
                    <a:pos x="33" y="2"/>
                  </a:cxn>
                  <a:cxn ang="0">
                    <a:pos x="36" y="5"/>
                  </a:cxn>
                  <a:cxn ang="0">
                    <a:pos x="37" y="7"/>
                  </a:cxn>
                  <a:cxn ang="0">
                    <a:pos x="37" y="13"/>
                  </a:cxn>
                  <a:cxn ang="0">
                    <a:pos x="37" y="17"/>
                  </a:cxn>
                  <a:cxn ang="0">
                    <a:pos x="37" y="26"/>
                  </a:cxn>
                  <a:cxn ang="0">
                    <a:pos x="36" y="33"/>
                  </a:cxn>
                  <a:cxn ang="0">
                    <a:pos x="36" y="48"/>
                  </a:cxn>
                  <a:cxn ang="0">
                    <a:pos x="34" y="62"/>
                  </a:cxn>
                  <a:cxn ang="0">
                    <a:pos x="34" y="76"/>
                  </a:cxn>
                  <a:cxn ang="0">
                    <a:pos x="32" y="90"/>
                  </a:cxn>
                  <a:cxn ang="0">
                    <a:pos x="32" y="94"/>
                  </a:cxn>
                  <a:cxn ang="0">
                    <a:pos x="29" y="99"/>
                  </a:cxn>
                  <a:cxn ang="0">
                    <a:pos x="28" y="103"/>
                  </a:cxn>
                  <a:cxn ang="0">
                    <a:pos x="23" y="105"/>
                  </a:cxn>
                  <a:cxn ang="0">
                    <a:pos x="16" y="105"/>
                  </a:cxn>
                  <a:cxn ang="0">
                    <a:pos x="10" y="103"/>
                  </a:cxn>
                  <a:cxn ang="0">
                    <a:pos x="7" y="102"/>
                  </a:cxn>
                  <a:cxn ang="0">
                    <a:pos x="5" y="99"/>
                  </a:cxn>
                  <a:cxn ang="0">
                    <a:pos x="3" y="97"/>
                  </a:cxn>
                  <a:cxn ang="0">
                    <a:pos x="2" y="93"/>
                  </a:cxn>
                  <a:cxn ang="0">
                    <a:pos x="0" y="83"/>
                  </a:cxn>
                </a:cxnLst>
                <a:rect l="0" t="0" r="r" b="b"/>
                <a:pathLst>
                  <a:path w="37" h="105">
                    <a:moveTo>
                      <a:pt x="0" y="83"/>
                    </a:moveTo>
                    <a:lnTo>
                      <a:pt x="1" y="67"/>
                    </a:lnTo>
                    <a:lnTo>
                      <a:pt x="2" y="52"/>
                    </a:lnTo>
                    <a:lnTo>
                      <a:pt x="3" y="36"/>
                    </a:lnTo>
                    <a:lnTo>
                      <a:pt x="5" y="20"/>
                    </a:lnTo>
                    <a:lnTo>
                      <a:pt x="5" y="17"/>
                    </a:lnTo>
                    <a:lnTo>
                      <a:pt x="7" y="11"/>
                    </a:lnTo>
                    <a:lnTo>
                      <a:pt x="10" y="7"/>
                    </a:lnTo>
                    <a:lnTo>
                      <a:pt x="14" y="4"/>
                    </a:lnTo>
                    <a:lnTo>
                      <a:pt x="19" y="1"/>
                    </a:lnTo>
                    <a:lnTo>
                      <a:pt x="24" y="0"/>
                    </a:lnTo>
                    <a:lnTo>
                      <a:pt x="29" y="0"/>
                    </a:lnTo>
                    <a:lnTo>
                      <a:pt x="33" y="2"/>
                    </a:lnTo>
                    <a:lnTo>
                      <a:pt x="36" y="5"/>
                    </a:lnTo>
                    <a:lnTo>
                      <a:pt x="37" y="7"/>
                    </a:lnTo>
                    <a:lnTo>
                      <a:pt x="37" y="13"/>
                    </a:lnTo>
                    <a:lnTo>
                      <a:pt x="37" y="17"/>
                    </a:lnTo>
                    <a:lnTo>
                      <a:pt x="37" y="26"/>
                    </a:lnTo>
                    <a:lnTo>
                      <a:pt x="36" y="33"/>
                    </a:lnTo>
                    <a:lnTo>
                      <a:pt x="36" y="48"/>
                    </a:lnTo>
                    <a:lnTo>
                      <a:pt x="34" y="62"/>
                    </a:lnTo>
                    <a:lnTo>
                      <a:pt x="34" y="76"/>
                    </a:lnTo>
                    <a:lnTo>
                      <a:pt x="32" y="90"/>
                    </a:lnTo>
                    <a:lnTo>
                      <a:pt x="32" y="94"/>
                    </a:lnTo>
                    <a:lnTo>
                      <a:pt x="29" y="99"/>
                    </a:lnTo>
                    <a:lnTo>
                      <a:pt x="28" y="103"/>
                    </a:lnTo>
                    <a:lnTo>
                      <a:pt x="23" y="105"/>
                    </a:lnTo>
                    <a:lnTo>
                      <a:pt x="16" y="105"/>
                    </a:lnTo>
                    <a:lnTo>
                      <a:pt x="10" y="103"/>
                    </a:lnTo>
                    <a:lnTo>
                      <a:pt x="7" y="102"/>
                    </a:lnTo>
                    <a:lnTo>
                      <a:pt x="5" y="99"/>
                    </a:lnTo>
                    <a:lnTo>
                      <a:pt x="3" y="97"/>
                    </a:lnTo>
                    <a:lnTo>
                      <a:pt x="2" y="93"/>
                    </a:lnTo>
                    <a:lnTo>
                      <a:pt x="0" y="83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64" name="Freeform 214"/>
              <p:cNvSpPr>
                <a:spLocks/>
              </p:cNvSpPr>
              <p:nvPr/>
            </p:nvSpPr>
            <p:spPr bwMode="auto">
              <a:xfrm>
                <a:off x="5575530" y="2297750"/>
                <a:ext cx="45543" cy="54189"/>
              </a:xfrm>
              <a:custGeom>
                <a:avLst/>
                <a:gdLst/>
                <a:ahLst/>
                <a:cxnLst>
                  <a:cxn ang="0">
                    <a:pos x="0" y="88"/>
                  </a:cxn>
                  <a:cxn ang="0">
                    <a:pos x="1" y="81"/>
                  </a:cxn>
                  <a:cxn ang="0">
                    <a:pos x="4" y="75"/>
                  </a:cxn>
                  <a:cxn ang="0">
                    <a:pos x="8" y="68"/>
                  </a:cxn>
                  <a:cxn ang="0">
                    <a:pos x="12" y="62"/>
                  </a:cxn>
                  <a:cxn ang="0">
                    <a:pos x="17" y="55"/>
                  </a:cxn>
                  <a:cxn ang="0">
                    <a:pos x="22" y="49"/>
                  </a:cxn>
                  <a:cxn ang="0">
                    <a:pos x="27" y="45"/>
                  </a:cxn>
                  <a:cxn ang="0">
                    <a:pos x="32" y="43"/>
                  </a:cxn>
                  <a:cxn ang="0">
                    <a:pos x="43" y="39"/>
                  </a:cxn>
                  <a:cxn ang="0">
                    <a:pos x="51" y="32"/>
                  </a:cxn>
                  <a:cxn ang="0">
                    <a:pos x="58" y="26"/>
                  </a:cxn>
                  <a:cxn ang="0">
                    <a:pos x="66" y="18"/>
                  </a:cxn>
                  <a:cxn ang="0">
                    <a:pos x="79" y="8"/>
                  </a:cxn>
                  <a:cxn ang="0">
                    <a:pos x="91" y="1"/>
                  </a:cxn>
                  <a:cxn ang="0">
                    <a:pos x="92" y="0"/>
                  </a:cxn>
                  <a:cxn ang="0">
                    <a:pos x="95" y="1"/>
                  </a:cxn>
                  <a:cxn ang="0">
                    <a:pos x="96" y="1"/>
                  </a:cxn>
                  <a:cxn ang="0">
                    <a:pos x="97" y="4"/>
                  </a:cxn>
                  <a:cxn ang="0">
                    <a:pos x="98" y="10"/>
                  </a:cxn>
                  <a:cxn ang="0">
                    <a:pos x="97" y="20"/>
                  </a:cxn>
                  <a:cxn ang="0">
                    <a:pos x="96" y="32"/>
                  </a:cxn>
                  <a:cxn ang="0">
                    <a:pos x="95" y="44"/>
                  </a:cxn>
                  <a:cxn ang="0">
                    <a:pos x="92" y="55"/>
                  </a:cxn>
                  <a:cxn ang="0">
                    <a:pos x="89" y="67"/>
                  </a:cxn>
                  <a:cxn ang="0">
                    <a:pos x="87" y="70"/>
                  </a:cxn>
                  <a:cxn ang="0">
                    <a:pos x="85" y="72"/>
                  </a:cxn>
                  <a:cxn ang="0">
                    <a:pos x="82" y="74"/>
                  </a:cxn>
                  <a:cxn ang="0">
                    <a:pos x="79" y="75"/>
                  </a:cxn>
                  <a:cxn ang="0">
                    <a:pos x="71" y="75"/>
                  </a:cxn>
                  <a:cxn ang="0">
                    <a:pos x="62" y="74"/>
                  </a:cxn>
                  <a:cxn ang="0">
                    <a:pos x="53" y="74"/>
                  </a:cxn>
                  <a:cxn ang="0">
                    <a:pos x="45" y="76"/>
                  </a:cxn>
                  <a:cxn ang="0">
                    <a:pos x="41" y="77"/>
                  </a:cxn>
                  <a:cxn ang="0">
                    <a:pos x="39" y="81"/>
                  </a:cxn>
                  <a:cxn ang="0">
                    <a:pos x="36" y="85"/>
                  </a:cxn>
                  <a:cxn ang="0">
                    <a:pos x="34" y="90"/>
                  </a:cxn>
                  <a:cxn ang="0">
                    <a:pos x="31" y="103"/>
                  </a:cxn>
                  <a:cxn ang="0">
                    <a:pos x="25" y="116"/>
                  </a:cxn>
                  <a:cxn ang="0">
                    <a:pos x="21" y="120"/>
                  </a:cxn>
                  <a:cxn ang="0">
                    <a:pos x="18" y="123"/>
                  </a:cxn>
                  <a:cxn ang="0">
                    <a:pos x="14" y="123"/>
                  </a:cxn>
                  <a:cxn ang="0">
                    <a:pos x="12" y="122"/>
                  </a:cxn>
                  <a:cxn ang="0">
                    <a:pos x="6" y="115"/>
                  </a:cxn>
                  <a:cxn ang="0">
                    <a:pos x="3" y="105"/>
                  </a:cxn>
                  <a:cxn ang="0">
                    <a:pos x="0" y="88"/>
                  </a:cxn>
                </a:cxnLst>
                <a:rect l="0" t="0" r="r" b="b"/>
                <a:pathLst>
                  <a:path w="98" h="123">
                    <a:moveTo>
                      <a:pt x="0" y="88"/>
                    </a:moveTo>
                    <a:lnTo>
                      <a:pt x="1" y="81"/>
                    </a:lnTo>
                    <a:lnTo>
                      <a:pt x="4" y="75"/>
                    </a:lnTo>
                    <a:lnTo>
                      <a:pt x="8" y="68"/>
                    </a:lnTo>
                    <a:lnTo>
                      <a:pt x="12" y="62"/>
                    </a:lnTo>
                    <a:lnTo>
                      <a:pt x="17" y="55"/>
                    </a:lnTo>
                    <a:lnTo>
                      <a:pt x="22" y="49"/>
                    </a:lnTo>
                    <a:lnTo>
                      <a:pt x="27" y="45"/>
                    </a:lnTo>
                    <a:lnTo>
                      <a:pt x="32" y="43"/>
                    </a:lnTo>
                    <a:lnTo>
                      <a:pt x="43" y="39"/>
                    </a:lnTo>
                    <a:lnTo>
                      <a:pt x="51" y="32"/>
                    </a:lnTo>
                    <a:lnTo>
                      <a:pt x="58" y="26"/>
                    </a:lnTo>
                    <a:lnTo>
                      <a:pt x="66" y="18"/>
                    </a:lnTo>
                    <a:lnTo>
                      <a:pt x="79" y="8"/>
                    </a:lnTo>
                    <a:lnTo>
                      <a:pt x="91" y="1"/>
                    </a:lnTo>
                    <a:lnTo>
                      <a:pt x="92" y="0"/>
                    </a:lnTo>
                    <a:lnTo>
                      <a:pt x="95" y="1"/>
                    </a:lnTo>
                    <a:lnTo>
                      <a:pt x="96" y="1"/>
                    </a:lnTo>
                    <a:lnTo>
                      <a:pt x="97" y="4"/>
                    </a:lnTo>
                    <a:lnTo>
                      <a:pt x="98" y="10"/>
                    </a:lnTo>
                    <a:lnTo>
                      <a:pt x="97" y="20"/>
                    </a:lnTo>
                    <a:lnTo>
                      <a:pt x="96" y="32"/>
                    </a:lnTo>
                    <a:lnTo>
                      <a:pt x="95" y="44"/>
                    </a:lnTo>
                    <a:lnTo>
                      <a:pt x="92" y="55"/>
                    </a:lnTo>
                    <a:lnTo>
                      <a:pt x="89" y="67"/>
                    </a:lnTo>
                    <a:lnTo>
                      <a:pt x="87" y="70"/>
                    </a:lnTo>
                    <a:lnTo>
                      <a:pt x="85" y="72"/>
                    </a:lnTo>
                    <a:lnTo>
                      <a:pt x="82" y="74"/>
                    </a:lnTo>
                    <a:lnTo>
                      <a:pt x="79" y="75"/>
                    </a:lnTo>
                    <a:lnTo>
                      <a:pt x="71" y="75"/>
                    </a:lnTo>
                    <a:lnTo>
                      <a:pt x="62" y="74"/>
                    </a:lnTo>
                    <a:lnTo>
                      <a:pt x="53" y="74"/>
                    </a:lnTo>
                    <a:lnTo>
                      <a:pt x="45" y="76"/>
                    </a:lnTo>
                    <a:lnTo>
                      <a:pt x="41" y="77"/>
                    </a:lnTo>
                    <a:lnTo>
                      <a:pt x="39" y="81"/>
                    </a:lnTo>
                    <a:lnTo>
                      <a:pt x="36" y="85"/>
                    </a:lnTo>
                    <a:lnTo>
                      <a:pt x="34" y="90"/>
                    </a:lnTo>
                    <a:lnTo>
                      <a:pt x="31" y="103"/>
                    </a:lnTo>
                    <a:lnTo>
                      <a:pt x="25" y="116"/>
                    </a:lnTo>
                    <a:lnTo>
                      <a:pt x="21" y="120"/>
                    </a:lnTo>
                    <a:lnTo>
                      <a:pt x="18" y="123"/>
                    </a:lnTo>
                    <a:lnTo>
                      <a:pt x="14" y="123"/>
                    </a:lnTo>
                    <a:lnTo>
                      <a:pt x="12" y="122"/>
                    </a:lnTo>
                    <a:lnTo>
                      <a:pt x="6" y="115"/>
                    </a:lnTo>
                    <a:lnTo>
                      <a:pt x="3" y="105"/>
                    </a:lnTo>
                    <a:lnTo>
                      <a:pt x="0" y="88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65" name="Freeform 217"/>
              <p:cNvSpPr>
                <a:spLocks/>
              </p:cNvSpPr>
              <p:nvPr/>
            </p:nvSpPr>
            <p:spPr bwMode="auto">
              <a:xfrm>
                <a:off x="5449833" y="3715700"/>
                <a:ext cx="21860" cy="25288"/>
              </a:xfrm>
              <a:custGeom>
                <a:avLst/>
                <a:gdLst/>
                <a:ahLst/>
                <a:cxnLst>
                  <a:cxn ang="0">
                    <a:pos x="31" y="44"/>
                  </a:cxn>
                  <a:cxn ang="0">
                    <a:pos x="28" y="47"/>
                  </a:cxn>
                  <a:cxn ang="0">
                    <a:pos x="26" y="49"/>
                  </a:cxn>
                  <a:cxn ang="0">
                    <a:pos x="19" y="53"/>
                  </a:cxn>
                  <a:cxn ang="0">
                    <a:pos x="13" y="56"/>
                  </a:cxn>
                  <a:cxn ang="0">
                    <a:pos x="9" y="56"/>
                  </a:cxn>
                  <a:cxn ang="0">
                    <a:pos x="5" y="55"/>
                  </a:cxn>
                  <a:cxn ang="0">
                    <a:pos x="2" y="53"/>
                  </a:cxn>
                  <a:cxn ang="0">
                    <a:pos x="1" y="49"/>
                  </a:cxn>
                  <a:cxn ang="0">
                    <a:pos x="0" y="45"/>
                  </a:cxn>
                  <a:cxn ang="0">
                    <a:pos x="0" y="40"/>
                  </a:cxn>
                  <a:cxn ang="0">
                    <a:pos x="1" y="36"/>
                  </a:cxn>
                  <a:cxn ang="0">
                    <a:pos x="5" y="34"/>
                  </a:cxn>
                  <a:cxn ang="0">
                    <a:pos x="13" y="26"/>
                  </a:cxn>
                  <a:cxn ang="0">
                    <a:pos x="19" y="16"/>
                  </a:cxn>
                  <a:cxn ang="0">
                    <a:pos x="23" y="11"/>
                  </a:cxn>
                  <a:cxn ang="0">
                    <a:pos x="27" y="5"/>
                  </a:cxn>
                  <a:cxn ang="0">
                    <a:pos x="31" y="3"/>
                  </a:cxn>
                  <a:cxn ang="0">
                    <a:pos x="36" y="0"/>
                  </a:cxn>
                  <a:cxn ang="0">
                    <a:pos x="40" y="1"/>
                  </a:cxn>
                  <a:cxn ang="0">
                    <a:pos x="44" y="3"/>
                  </a:cxn>
                  <a:cxn ang="0">
                    <a:pos x="46" y="5"/>
                  </a:cxn>
                  <a:cxn ang="0">
                    <a:pos x="48" y="9"/>
                  </a:cxn>
                  <a:cxn ang="0">
                    <a:pos x="45" y="18"/>
                  </a:cxn>
                  <a:cxn ang="0">
                    <a:pos x="40" y="26"/>
                  </a:cxn>
                  <a:cxn ang="0">
                    <a:pos x="31" y="44"/>
                  </a:cxn>
                </a:cxnLst>
                <a:rect l="0" t="0" r="r" b="b"/>
                <a:pathLst>
                  <a:path w="48" h="56">
                    <a:moveTo>
                      <a:pt x="31" y="44"/>
                    </a:moveTo>
                    <a:lnTo>
                      <a:pt x="28" y="47"/>
                    </a:lnTo>
                    <a:lnTo>
                      <a:pt x="26" y="49"/>
                    </a:lnTo>
                    <a:lnTo>
                      <a:pt x="19" y="53"/>
                    </a:lnTo>
                    <a:lnTo>
                      <a:pt x="13" y="56"/>
                    </a:lnTo>
                    <a:lnTo>
                      <a:pt x="9" y="56"/>
                    </a:lnTo>
                    <a:lnTo>
                      <a:pt x="5" y="55"/>
                    </a:lnTo>
                    <a:lnTo>
                      <a:pt x="2" y="53"/>
                    </a:lnTo>
                    <a:lnTo>
                      <a:pt x="1" y="49"/>
                    </a:lnTo>
                    <a:lnTo>
                      <a:pt x="0" y="45"/>
                    </a:lnTo>
                    <a:lnTo>
                      <a:pt x="0" y="40"/>
                    </a:lnTo>
                    <a:lnTo>
                      <a:pt x="1" y="36"/>
                    </a:lnTo>
                    <a:lnTo>
                      <a:pt x="5" y="34"/>
                    </a:lnTo>
                    <a:lnTo>
                      <a:pt x="13" y="26"/>
                    </a:lnTo>
                    <a:lnTo>
                      <a:pt x="19" y="16"/>
                    </a:lnTo>
                    <a:lnTo>
                      <a:pt x="23" y="11"/>
                    </a:lnTo>
                    <a:lnTo>
                      <a:pt x="27" y="5"/>
                    </a:lnTo>
                    <a:lnTo>
                      <a:pt x="31" y="3"/>
                    </a:lnTo>
                    <a:lnTo>
                      <a:pt x="36" y="0"/>
                    </a:lnTo>
                    <a:lnTo>
                      <a:pt x="40" y="1"/>
                    </a:lnTo>
                    <a:lnTo>
                      <a:pt x="44" y="3"/>
                    </a:lnTo>
                    <a:lnTo>
                      <a:pt x="46" y="5"/>
                    </a:lnTo>
                    <a:lnTo>
                      <a:pt x="48" y="9"/>
                    </a:lnTo>
                    <a:lnTo>
                      <a:pt x="45" y="18"/>
                    </a:lnTo>
                    <a:lnTo>
                      <a:pt x="40" y="26"/>
                    </a:lnTo>
                    <a:lnTo>
                      <a:pt x="31" y="4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66" name="Freeform 224"/>
              <p:cNvSpPr>
                <a:spLocks/>
              </p:cNvSpPr>
              <p:nvPr/>
            </p:nvSpPr>
            <p:spPr bwMode="auto">
              <a:xfrm>
                <a:off x="4661041" y="2355552"/>
                <a:ext cx="672204" cy="680977"/>
              </a:xfrm>
              <a:custGeom>
                <a:avLst/>
                <a:gdLst/>
                <a:ahLst/>
                <a:cxnLst>
                  <a:cxn ang="0">
                    <a:pos x="1313" y="16"/>
                  </a:cxn>
                  <a:cxn ang="0">
                    <a:pos x="1134" y="21"/>
                  </a:cxn>
                  <a:cxn ang="0">
                    <a:pos x="985" y="126"/>
                  </a:cxn>
                  <a:cxn ang="0">
                    <a:pos x="959" y="194"/>
                  </a:cxn>
                  <a:cxn ang="0">
                    <a:pos x="1056" y="275"/>
                  </a:cxn>
                  <a:cxn ang="0">
                    <a:pos x="915" y="301"/>
                  </a:cxn>
                  <a:cxn ang="0">
                    <a:pos x="911" y="370"/>
                  </a:cxn>
                  <a:cxn ang="0">
                    <a:pos x="831" y="311"/>
                  </a:cxn>
                  <a:cxn ang="0">
                    <a:pos x="739" y="316"/>
                  </a:cxn>
                  <a:cxn ang="0">
                    <a:pos x="626" y="205"/>
                  </a:cxn>
                  <a:cxn ang="0">
                    <a:pos x="581" y="232"/>
                  </a:cxn>
                  <a:cxn ang="0">
                    <a:pos x="473" y="247"/>
                  </a:cxn>
                  <a:cxn ang="0">
                    <a:pos x="522" y="273"/>
                  </a:cxn>
                  <a:cxn ang="0">
                    <a:pos x="427" y="291"/>
                  </a:cxn>
                  <a:cxn ang="0">
                    <a:pos x="543" y="400"/>
                  </a:cxn>
                  <a:cxn ang="0">
                    <a:pos x="520" y="434"/>
                  </a:cxn>
                  <a:cxn ang="0">
                    <a:pos x="456" y="496"/>
                  </a:cxn>
                  <a:cxn ang="0">
                    <a:pos x="377" y="541"/>
                  </a:cxn>
                  <a:cxn ang="0">
                    <a:pos x="416" y="602"/>
                  </a:cxn>
                  <a:cxn ang="0">
                    <a:pos x="446" y="653"/>
                  </a:cxn>
                  <a:cxn ang="0">
                    <a:pos x="482" y="715"/>
                  </a:cxn>
                  <a:cxn ang="0">
                    <a:pos x="587" y="792"/>
                  </a:cxn>
                  <a:cxn ang="0">
                    <a:pos x="393" y="894"/>
                  </a:cxn>
                  <a:cxn ang="0">
                    <a:pos x="349" y="965"/>
                  </a:cxn>
                  <a:cxn ang="0">
                    <a:pos x="521" y="966"/>
                  </a:cxn>
                  <a:cxn ang="0">
                    <a:pos x="463" y="1012"/>
                  </a:cxn>
                  <a:cxn ang="0">
                    <a:pos x="230" y="1014"/>
                  </a:cxn>
                  <a:cxn ang="0">
                    <a:pos x="213" y="1087"/>
                  </a:cxn>
                  <a:cxn ang="0">
                    <a:pos x="110" y="1042"/>
                  </a:cxn>
                  <a:cxn ang="0">
                    <a:pos x="29" y="1066"/>
                  </a:cxn>
                  <a:cxn ang="0">
                    <a:pos x="183" y="1144"/>
                  </a:cxn>
                  <a:cxn ang="0">
                    <a:pos x="8" y="1194"/>
                  </a:cxn>
                  <a:cxn ang="0">
                    <a:pos x="34" y="1273"/>
                  </a:cxn>
                  <a:cxn ang="0">
                    <a:pos x="91" y="1302"/>
                  </a:cxn>
                  <a:cxn ang="0">
                    <a:pos x="20" y="1328"/>
                  </a:cxn>
                  <a:cxn ang="0">
                    <a:pos x="173" y="1341"/>
                  </a:cxn>
                  <a:cxn ang="0">
                    <a:pos x="170" y="1378"/>
                  </a:cxn>
                  <a:cxn ang="0">
                    <a:pos x="125" y="1434"/>
                  </a:cxn>
                  <a:cxn ang="0">
                    <a:pos x="263" y="1475"/>
                  </a:cxn>
                  <a:cxn ang="0">
                    <a:pos x="487" y="1508"/>
                  </a:cxn>
                  <a:cxn ang="0">
                    <a:pos x="565" y="1455"/>
                  </a:cxn>
                  <a:cxn ang="0">
                    <a:pos x="661" y="1425"/>
                  </a:cxn>
                  <a:cxn ang="0">
                    <a:pos x="762" y="1420"/>
                  </a:cxn>
                  <a:cxn ang="0">
                    <a:pos x="918" y="1430"/>
                  </a:cxn>
                  <a:cxn ang="0">
                    <a:pos x="978" y="1418"/>
                  </a:cxn>
                  <a:cxn ang="0">
                    <a:pos x="1083" y="1475"/>
                  </a:cxn>
                  <a:cxn ang="0">
                    <a:pos x="1140" y="1435"/>
                  </a:cxn>
                  <a:cxn ang="0">
                    <a:pos x="1331" y="1201"/>
                  </a:cxn>
                  <a:cxn ang="0">
                    <a:pos x="1352" y="1079"/>
                  </a:cxn>
                  <a:cxn ang="0">
                    <a:pos x="1375" y="1017"/>
                  </a:cxn>
                  <a:cxn ang="0">
                    <a:pos x="1427" y="900"/>
                  </a:cxn>
                  <a:cxn ang="0">
                    <a:pos x="1442" y="779"/>
                  </a:cxn>
                  <a:cxn ang="0">
                    <a:pos x="1416" y="672"/>
                  </a:cxn>
                  <a:cxn ang="0">
                    <a:pos x="1473" y="674"/>
                  </a:cxn>
                  <a:cxn ang="0">
                    <a:pos x="1412" y="584"/>
                  </a:cxn>
                  <a:cxn ang="0">
                    <a:pos x="1330" y="492"/>
                  </a:cxn>
                  <a:cxn ang="0">
                    <a:pos x="1182" y="518"/>
                  </a:cxn>
                  <a:cxn ang="0">
                    <a:pos x="1098" y="350"/>
                  </a:cxn>
                  <a:cxn ang="0">
                    <a:pos x="1183" y="284"/>
                  </a:cxn>
                  <a:cxn ang="0">
                    <a:pos x="1172" y="203"/>
                  </a:cxn>
                </a:cxnLst>
                <a:rect l="0" t="0" r="r" b="b"/>
                <a:pathLst>
                  <a:path w="1479" h="1510">
                    <a:moveTo>
                      <a:pt x="1287" y="124"/>
                    </a:moveTo>
                    <a:lnTo>
                      <a:pt x="1286" y="114"/>
                    </a:lnTo>
                    <a:lnTo>
                      <a:pt x="1287" y="108"/>
                    </a:lnTo>
                    <a:lnTo>
                      <a:pt x="1289" y="101"/>
                    </a:lnTo>
                    <a:lnTo>
                      <a:pt x="1293" y="96"/>
                    </a:lnTo>
                    <a:lnTo>
                      <a:pt x="1297" y="91"/>
                    </a:lnTo>
                    <a:lnTo>
                      <a:pt x="1300" y="86"/>
                    </a:lnTo>
                    <a:lnTo>
                      <a:pt x="1302" y="79"/>
                    </a:lnTo>
                    <a:lnTo>
                      <a:pt x="1304" y="73"/>
                    </a:lnTo>
                    <a:lnTo>
                      <a:pt x="1309" y="53"/>
                    </a:lnTo>
                    <a:lnTo>
                      <a:pt x="1313" y="31"/>
                    </a:lnTo>
                    <a:lnTo>
                      <a:pt x="1314" y="26"/>
                    </a:lnTo>
                    <a:lnTo>
                      <a:pt x="1313" y="21"/>
                    </a:lnTo>
                    <a:lnTo>
                      <a:pt x="1313" y="16"/>
                    </a:lnTo>
                    <a:lnTo>
                      <a:pt x="1310" y="12"/>
                    </a:lnTo>
                    <a:lnTo>
                      <a:pt x="1308" y="9"/>
                    </a:lnTo>
                    <a:lnTo>
                      <a:pt x="1305" y="5"/>
                    </a:lnTo>
                    <a:lnTo>
                      <a:pt x="1300" y="4"/>
                    </a:lnTo>
                    <a:lnTo>
                      <a:pt x="1293" y="3"/>
                    </a:lnTo>
                    <a:lnTo>
                      <a:pt x="1278" y="1"/>
                    </a:lnTo>
                    <a:lnTo>
                      <a:pt x="1260" y="0"/>
                    </a:lnTo>
                    <a:lnTo>
                      <a:pt x="1239" y="1"/>
                    </a:lnTo>
                    <a:lnTo>
                      <a:pt x="1218" y="3"/>
                    </a:lnTo>
                    <a:lnTo>
                      <a:pt x="1199" y="4"/>
                    </a:lnTo>
                    <a:lnTo>
                      <a:pt x="1178" y="8"/>
                    </a:lnTo>
                    <a:lnTo>
                      <a:pt x="1161" y="12"/>
                    </a:lnTo>
                    <a:lnTo>
                      <a:pt x="1146" y="16"/>
                    </a:lnTo>
                    <a:lnTo>
                      <a:pt x="1134" y="21"/>
                    </a:lnTo>
                    <a:lnTo>
                      <a:pt x="1124" y="26"/>
                    </a:lnTo>
                    <a:lnTo>
                      <a:pt x="1115" y="32"/>
                    </a:lnTo>
                    <a:lnTo>
                      <a:pt x="1107" y="39"/>
                    </a:lnTo>
                    <a:lnTo>
                      <a:pt x="1092" y="52"/>
                    </a:lnTo>
                    <a:lnTo>
                      <a:pt x="1074" y="67"/>
                    </a:lnTo>
                    <a:lnTo>
                      <a:pt x="1068" y="78"/>
                    </a:lnTo>
                    <a:lnTo>
                      <a:pt x="1061" y="87"/>
                    </a:lnTo>
                    <a:lnTo>
                      <a:pt x="1055" y="96"/>
                    </a:lnTo>
                    <a:lnTo>
                      <a:pt x="1047" y="105"/>
                    </a:lnTo>
                    <a:lnTo>
                      <a:pt x="1038" y="111"/>
                    </a:lnTo>
                    <a:lnTo>
                      <a:pt x="1028" y="117"/>
                    </a:lnTo>
                    <a:lnTo>
                      <a:pt x="1016" y="122"/>
                    </a:lnTo>
                    <a:lnTo>
                      <a:pt x="1003" y="124"/>
                    </a:lnTo>
                    <a:lnTo>
                      <a:pt x="985" y="126"/>
                    </a:lnTo>
                    <a:lnTo>
                      <a:pt x="960" y="126"/>
                    </a:lnTo>
                    <a:lnTo>
                      <a:pt x="949" y="128"/>
                    </a:lnTo>
                    <a:lnTo>
                      <a:pt x="940" y="131"/>
                    </a:lnTo>
                    <a:lnTo>
                      <a:pt x="936" y="133"/>
                    </a:lnTo>
                    <a:lnTo>
                      <a:pt x="933" y="136"/>
                    </a:lnTo>
                    <a:lnTo>
                      <a:pt x="931" y="140"/>
                    </a:lnTo>
                    <a:lnTo>
                      <a:pt x="931" y="144"/>
                    </a:lnTo>
                    <a:lnTo>
                      <a:pt x="931" y="152"/>
                    </a:lnTo>
                    <a:lnTo>
                      <a:pt x="933" y="161"/>
                    </a:lnTo>
                    <a:lnTo>
                      <a:pt x="936" y="167"/>
                    </a:lnTo>
                    <a:lnTo>
                      <a:pt x="941" y="175"/>
                    </a:lnTo>
                    <a:lnTo>
                      <a:pt x="946" y="181"/>
                    </a:lnTo>
                    <a:lnTo>
                      <a:pt x="951" y="188"/>
                    </a:lnTo>
                    <a:lnTo>
                      <a:pt x="959" y="194"/>
                    </a:lnTo>
                    <a:lnTo>
                      <a:pt x="966" y="200"/>
                    </a:lnTo>
                    <a:lnTo>
                      <a:pt x="982" y="210"/>
                    </a:lnTo>
                    <a:lnTo>
                      <a:pt x="999" y="219"/>
                    </a:lnTo>
                    <a:lnTo>
                      <a:pt x="1015" y="228"/>
                    </a:lnTo>
                    <a:lnTo>
                      <a:pt x="1030" y="234"/>
                    </a:lnTo>
                    <a:lnTo>
                      <a:pt x="1046" y="238"/>
                    </a:lnTo>
                    <a:lnTo>
                      <a:pt x="1073" y="245"/>
                    </a:lnTo>
                    <a:lnTo>
                      <a:pt x="1083" y="249"/>
                    </a:lnTo>
                    <a:lnTo>
                      <a:pt x="1091" y="253"/>
                    </a:lnTo>
                    <a:lnTo>
                      <a:pt x="1092" y="255"/>
                    </a:lnTo>
                    <a:lnTo>
                      <a:pt x="1091" y="258"/>
                    </a:lnTo>
                    <a:lnTo>
                      <a:pt x="1089" y="260"/>
                    </a:lnTo>
                    <a:lnTo>
                      <a:pt x="1083" y="263"/>
                    </a:lnTo>
                    <a:lnTo>
                      <a:pt x="1056" y="275"/>
                    </a:lnTo>
                    <a:lnTo>
                      <a:pt x="1034" y="285"/>
                    </a:lnTo>
                    <a:lnTo>
                      <a:pt x="1023" y="288"/>
                    </a:lnTo>
                    <a:lnTo>
                      <a:pt x="1011" y="290"/>
                    </a:lnTo>
                    <a:lnTo>
                      <a:pt x="998" y="289"/>
                    </a:lnTo>
                    <a:lnTo>
                      <a:pt x="984" y="285"/>
                    </a:lnTo>
                    <a:lnTo>
                      <a:pt x="972" y="282"/>
                    </a:lnTo>
                    <a:lnTo>
                      <a:pt x="962" y="281"/>
                    </a:lnTo>
                    <a:lnTo>
                      <a:pt x="953" y="281"/>
                    </a:lnTo>
                    <a:lnTo>
                      <a:pt x="944" y="282"/>
                    </a:lnTo>
                    <a:lnTo>
                      <a:pt x="936" y="284"/>
                    </a:lnTo>
                    <a:lnTo>
                      <a:pt x="928" y="288"/>
                    </a:lnTo>
                    <a:lnTo>
                      <a:pt x="923" y="291"/>
                    </a:lnTo>
                    <a:lnTo>
                      <a:pt x="918" y="295"/>
                    </a:lnTo>
                    <a:lnTo>
                      <a:pt x="915" y="301"/>
                    </a:lnTo>
                    <a:lnTo>
                      <a:pt x="912" y="307"/>
                    </a:lnTo>
                    <a:lnTo>
                      <a:pt x="912" y="314"/>
                    </a:lnTo>
                    <a:lnTo>
                      <a:pt x="915" y="321"/>
                    </a:lnTo>
                    <a:lnTo>
                      <a:pt x="919" y="329"/>
                    </a:lnTo>
                    <a:lnTo>
                      <a:pt x="924" y="338"/>
                    </a:lnTo>
                    <a:lnTo>
                      <a:pt x="933" y="347"/>
                    </a:lnTo>
                    <a:lnTo>
                      <a:pt x="944" y="356"/>
                    </a:lnTo>
                    <a:lnTo>
                      <a:pt x="947" y="360"/>
                    </a:lnTo>
                    <a:lnTo>
                      <a:pt x="949" y="363"/>
                    </a:lnTo>
                    <a:lnTo>
                      <a:pt x="950" y="365"/>
                    </a:lnTo>
                    <a:lnTo>
                      <a:pt x="949" y="367"/>
                    </a:lnTo>
                    <a:lnTo>
                      <a:pt x="944" y="369"/>
                    </a:lnTo>
                    <a:lnTo>
                      <a:pt x="934" y="370"/>
                    </a:lnTo>
                    <a:lnTo>
                      <a:pt x="911" y="370"/>
                    </a:lnTo>
                    <a:lnTo>
                      <a:pt x="894" y="373"/>
                    </a:lnTo>
                    <a:lnTo>
                      <a:pt x="889" y="373"/>
                    </a:lnTo>
                    <a:lnTo>
                      <a:pt x="885" y="373"/>
                    </a:lnTo>
                    <a:lnTo>
                      <a:pt x="883" y="372"/>
                    </a:lnTo>
                    <a:lnTo>
                      <a:pt x="881" y="369"/>
                    </a:lnTo>
                    <a:lnTo>
                      <a:pt x="879" y="361"/>
                    </a:lnTo>
                    <a:lnTo>
                      <a:pt x="877" y="352"/>
                    </a:lnTo>
                    <a:lnTo>
                      <a:pt x="876" y="342"/>
                    </a:lnTo>
                    <a:lnTo>
                      <a:pt x="874" y="333"/>
                    </a:lnTo>
                    <a:lnTo>
                      <a:pt x="871" y="328"/>
                    </a:lnTo>
                    <a:lnTo>
                      <a:pt x="868" y="324"/>
                    </a:lnTo>
                    <a:lnTo>
                      <a:pt x="863" y="321"/>
                    </a:lnTo>
                    <a:lnTo>
                      <a:pt x="858" y="320"/>
                    </a:lnTo>
                    <a:lnTo>
                      <a:pt x="831" y="311"/>
                    </a:lnTo>
                    <a:lnTo>
                      <a:pt x="809" y="302"/>
                    </a:lnTo>
                    <a:lnTo>
                      <a:pt x="804" y="302"/>
                    </a:lnTo>
                    <a:lnTo>
                      <a:pt x="797" y="301"/>
                    </a:lnTo>
                    <a:lnTo>
                      <a:pt x="792" y="301"/>
                    </a:lnTo>
                    <a:lnTo>
                      <a:pt x="787" y="302"/>
                    </a:lnTo>
                    <a:lnTo>
                      <a:pt x="780" y="303"/>
                    </a:lnTo>
                    <a:lnTo>
                      <a:pt x="774" y="307"/>
                    </a:lnTo>
                    <a:lnTo>
                      <a:pt x="767" y="311"/>
                    </a:lnTo>
                    <a:lnTo>
                      <a:pt x="761" y="315"/>
                    </a:lnTo>
                    <a:lnTo>
                      <a:pt x="753" y="320"/>
                    </a:lnTo>
                    <a:lnTo>
                      <a:pt x="748" y="323"/>
                    </a:lnTo>
                    <a:lnTo>
                      <a:pt x="744" y="323"/>
                    </a:lnTo>
                    <a:lnTo>
                      <a:pt x="740" y="320"/>
                    </a:lnTo>
                    <a:lnTo>
                      <a:pt x="739" y="316"/>
                    </a:lnTo>
                    <a:lnTo>
                      <a:pt x="738" y="311"/>
                    </a:lnTo>
                    <a:lnTo>
                      <a:pt x="736" y="304"/>
                    </a:lnTo>
                    <a:lnTo>
                      <a:pt x="736" y="297"/>
                    </a:lnTo>
                    <a:lnTo>
                      <a:pt x="735" y="281"/>
                    </a:lnTo>
                    <a:lnTo>
                      <a:pt x="732" y="264"/>
                    </a:lnTo>
                    <a:lnTo>
                      <a:pt x="730" y="258"/>
                    </a:lnTo>
                    <a:lnTo>
                      <a:pt x="727" y="251"/>
                    </a:lnTo>
                    <a:lnTo>
                      <a:pt x="722" y="246"/>
                    </a:lnTo>
                    <a:lnTo>
                      <a:pt x="717" y="244"/>
                    </a:lnTo>
                    <a:lnTo>
                      <a:pt x="686" y="228"/>
                    </a:lnTo>
                    <a:lnTo>
                      <a:pt x="649" y="210"/>
                    </a:lnTo>
                    <a:lnTo>
                      <a:pt x="640" y="207"/>
                    </a:lnTo>
                    <a:lnTo>
                      <a:pt x="633" y="206"/>
                    </a:lnTo>
                    <a:lnTo>
                      <a:pt x="626" y="205"/>
                    </a:lnTo>
                    <a:lnTo>
                      <a:pt x="620" y="206"/>
                    </a:lnTo>
                    <a:lnTo>
                      <a:pt x="618" y="207"/>
                    </a:lnTo>
                    <a:lnTo>
                      <a:pt x="616" y="210"/>
                    </a:lnTo>
                    <a:lnTo>
                      <a:pt x="614" y="212"/>
                    </a:lnTo>
                    <a:lnTo>
                      <a:pt x="613" y="215"/>
                    </a:lnTo>
                    <a:lnTo>
                      <a:pt x="613" y="223"/>
                    </a:lnTo>
                    <a:lnTo>
                      <a:pt x="614" y="233"/>
                    </a:lnTo>
                    <a:lnTo>
                      <a:pt x="614" y="238"/>
                    </a:lnTo>
                    <a:lnTo>
                      <a:pt x="614" y="242"/>
                    </a:lnTo>
                    <a:lnTo>
                      <a:pt x="613" y="245"/>
                    </a:lnTo>
                    <a:lnTo>
                      <a:pt x="611" y="246"/>
                    </a:lnTo>
                    <a:lnTo>
                      <a:pt x="604" y="246"/>
                    </a:lnTo>
                    <a:lnTo>
                      <a:pt x="598" y="244"/>
                    </a:lnTo>
                    <a:lnTo>
                      <a:pt x="581" y="232"/>
                    </a:lnTo>
                    <a:lnTo>
                      <a:pt x="570" y="223"/>
                    </a:lnTo>
                    <a:lnTo>
                      <a:pt x="557" y="206"/>
                    </a:lnTo>
                    <a:lnTo>
                      <a:pt x="551" y="193"/>
                    </a:lnTo>
                    <a:lnTo>
                      <a:pt x="550" y="190"/>
                    </a:lnTo>
                    <a:lnTo>
                      <a:pt x="547" y="189"/>
                    </a:lnTo>
                    <a:lnTo>
                      <a:pt x="544" y="189"/>
                    </a:lnTo>
                    <a:lnTo>
                      <a:pt x="542" y="190"/>
                    </a:lnTo>
                    <a:lnTo>
                      <a:pt x="534" y="196"/>
                    </a:lnTo>
                    <a:lnTo>
                      <a:pt x="522" y="206"/>
                    </a:lnTo>
                    <a:lnTo>
                      <a:pt x="508" y="216"/>
                    </a:lnTo>
                    <a:lnTo>
                      <a:pt x="485" y="234"/>
                    </a:lnTo>
                    <a:lnTo>
                      <a:pt x="481" y="238"/>
                    </a:lnTo>
                    <a:lnTo>
                      <a:pt x="476" y="244"/>
                    </a:lnTo>
                    <a:lnTo>
                      <a:pt x="473" y="247"/>
                    </a:lnTo>
                    <a:lnTo>
                      <a:pt x="472" y="251"/>
                    </a:lnTo>
                    <a:lnTo>
                      <a:pt x="472" y="254"/>
                    </a:lnTo>
                    <a:lnTo>
                      <a:pt x="475" y="257"/>
                    </a:lnTo>
                    <a:lnTo>
                      <a:pt x="480" y="258"/>
                    </a:lnTo>
                    <a:lnTo>
                      <a:pt x="486" y="259"/>
                    </a:lnTo>
                    <a:lnTo>
                      <a:pt x="497" y="258"/>
                    </a:lnTo>
                    <a:lnTo>
                      <a:pt x="511" y="257"/>
                    </a:lnTo>
                    <a:lnTo>
                      <a:pt x="517" y="255"/>
                    </a:lnTo>
                    <a:lnTo>
                      <a:pt x="524" y="255"/>
                    </a:lnTo>
                    <a:lnTo>
                      <a:pt x="529" y="255"/>
                    </a:lnTo>
                    <a:lnTo>
                      <a:pt x="532" y="258"/>
                    </a:lnTo>
                    <a:lnTo>
                      <a:pt x="529" y="260"/>
                    </a:lnTo>
                    <a:lnTo>
                      <a:pt x="525" y="266"/>
                    </a:lnTo>
                    <a:lnTo>
                      <a:pt x="522" y="273"/>
                    </a:lnTo>
                    <a:lnTo>
                      <a:pt x="519" y="281"/>
                    </a:lnTo>
                    <a:lnTo>
                      <a:pt x="515" y="288"/>
                    </a:lnTo>
                    <a:lnTo>
                      <a:pt x="508" y="293"/>
                    </a:lnTo>
                    <a:lnTo>
                      <a:pt x="504" y="294"/>
                    </a:lnTo>
                    <a:lnTo>
                      <a:pt x="499" y="295"/>
                    </a:lnTo>
                    <a:lnTo>
                      <a:pt x="494" y="295"/>
                    </a:lnTo>
                    <a:lnTo>
                      <a:pt x="487" y="294"/>
                    </a:lnTo>
                    <a:lnTo>
                      <a:pt x="469" y="289"/>
                    </a:lnTo>
                    <a:lnTo>
                      <a:pt x="446" y="286"/>
                    </a:lnTo>
                    <a:lnTo>
                      <a:pt x="441" y="286"/>
                    </a:lnTo>
                    <a:lnTo>
                      <a:pt x="436" y="286"/>
                    </a:lnTo>
                    <a:lnTo>
                      <a:pt x="432" y="288"/>
                    </a:lnTo>
                    <a:lnTo>
                      <a:pt x="428" y="289"/>
                    </a:lnTo>
                    <a:lnTo>
                      <a:pt x="427" y="291"/>
                    </a:lnTo>
                    <a:lnTo>
                      <a:pt x="425" y="295"/>
                    </a:lnTo>
                    <a:lnTo>
                      <a:pt x="425" y="299"/>
                    </a:lnTo>
                    <a:lnTo>
                      <a:pt x="427" y="304"/>
                    </a:lnTo>
                    <a:lnTo>
                      <a:pt x="433" y="315"/>
                    </a:lnTo>
                    <a:lnTo>
                      <a:pt x="445" y="328"/>
                    </a:lnTo>
                    <a:lnTo>
                      <a:pt x="459" y="343"/>
                    </a:lnTo>
                    <a:lnTo>
                      <a:pt x="476" y="359"/>
                    </a:lnTo>
                    <a:lnTo>
                      <a:pt x="494" y="374"/>
                    </a:lnTo>
                    <a:lnTo>
                      <a:pt x="511" y="387"/>
                    </a:lnTo>
                    <a:lnTo>
                      <a:pt x="519" y="393"/>
                    </a:lnTo>
                    <a:lnTo>
                      <a:pt x="526" y="396"/>
                    </a:lnTo>
                    <a:lnTo>
                      <a:pt x="532" y="399"/>
                    </a:lnTo>
                    <a:lnTo>
                      <a:pt x="537" y="400"/>
                    </a:lnTo>
                    <a:lnTo>
                      <a:pt x="543" y="400"/>
                    </a:lnTo>
                    <a:lnTo>
                      <a:pt x="547" y="402"/>
                    </a:lnTo>
                    <a:lnTo>
                      <a:pt x="550" y="404"/>
                    </a:lnTo>
                    <a:lnTo>
                      <a:pt x="552" y="407"/>
                    </a:lnTo>
                    <a:lnTo>
                      <a:pt x="554" y="411"/>
                    </a:lnTo>
                    <a:lnTo>
                      <a:pt x="554" y="413"/>
                    </a:lnTo>
                    <a:lnTo>
                      <a:pt x="554" y="417"/>
                    </a:lnTo>
                    <a:lnTo>
                      <a:pt x="551" y="421"/>
                    </a:lnTo>
                    <a:lnTo>
                      <a:pt x="548" y="424"/>
                    </a:lnTo>
                    <a:lnTo>
                      <a:pt x="546" y="427"/>
                    </a:lnTo>
                    <a:lnTo>
                      <a:pt x="542" y="430"/>
                    </a:lnTo>
                    <a:lnTo>
                      <a:pt x="538" y="433"/>
                    </a:lnTo>
                    <a:lnTo>
                      <a:pt x="533" y="434"/>
                    </a:lnTo>
                    <a:lnTo>
                      <a:pt x="526" y="434"/>
                    </a:lnTo>
                    <a:lnTo>
                      <a:pt x="520" y="434"/>
                    </a:lnTo>
                    <a:lnTo>
                      <a:pt x="513" y="433"/>
                    </a:lnTo>
                    <a:lnTo>
                      <a:pt x="502" y="429"/>
                    </a:lnTo>
                    <a:lnTo>
                      <a:pt x="491" y="429"/>
                    </a:lnTo>
                    <a:lnTo>
                      <a:pt x="485" y="430"/>
                    </a:lnTo>
                    <a:lnTo>
                      <a:pt x="480" y="433"/>
                    </a:lnTo>
                    <a:lnTo>
                      <a:pt x="476" y="437"/>
                    </a:lnTo>
                    <a:lnTo>
                      <a:pt x="473" y="442"/>
                    </a:lnTo>
                    <a:lnTo>
                      <a:pt x="472" y="448"/>
                    </a:lnTo>
                    <a:lnTo>
                      <a:pt x="471" y="456"/>
                    </a:lnTo>
                    <a:lnTo>
                      <a:pt x="469" y="470"/>
                    </a:lnTo>
                    <a:lnTo>
                      <a:pt x="467" y="483"/>
                    </a:lnTo>
                    <a:lnTo>
                      <a:pt x="465" y="488"/>
                    </a:lnTo>
                    <a:lnTo>
                      <a:pt x="462" y="492"/>
                    </a:lnTo>
                    <a:lnTo>
                      <a:pt x="456" y="496"/>
                    </a:lnTo>
                    <a:lnTo>
                      <a:pt x="449" y="497"/>
                    </a:lnTo>
                    <a:lnTo>
                      <a:pt x="427" y="495"/>
                    </a:lnTo>
                    <a:lnTo>
                      <a:pt x="408" y="492"/>
                    </a:lnTo>
                    <a:lnTo>
                      <a:pt x="406" y="492"/>
                    </a:lnTo>
                    <a:lnTo>
                      <a:pt x="402" y="492"/>
                    </a:lnTo>
                    <a:lnTo>
                      <a:pt x="398" y="494"/>
                    </a:lnTo>
                    <a:lnTo>
                      <a:pt x="396" y="496"/>
                    </a:lnTo>
                    <a:lnTo>
                      <a:pt x="393" y="500"/>
                    </a:lnTo>
                    <a:lnTo>
                      <a:pt x="390" y="504"/>
                    </a:lnTo>
                    <a:lnTo>
                      <a:pt x="388" y="509"/>
                    </a:lnTo>
                    <a:lnTo>
                      <a:pt x="385" y="517"/>
                    </a:lnTo>
                    <a:lnTo>
                      <a:pt x="384" y="525"/>
                    </a:lnTo>
                    <a:lnTo>
                      <a:pt x="381" y="534"/>
                    </a:lnTo>
                    <a:lnTo>
                      <a:pt x="377" y="541"/>
                    </a:lnTo>
                    <a:lnTo>
                      <a:pt x="373" y="548"/>
                    </a:lnTo>
                    <a:lnTo>
                      <a:pt x="370" y="556"/>
                    </a:lnTo>
                    <a:lnTo>
                      <a:pt x="367" y="564"/>
                    </a:lnTo>
                    <a:lnTo>
                      <a:pt x="366" y="569"/>
                    </a:lnTo>
                    <a:lnTo>
                      <a:pt x="366" y="573"/>
                    </a:lnTo>
                    <a:lnTo>
                      <a:pt x="367" y="576"/>
                    </a:lnTo>
                    <a:lnTo>
                      <a:pt x="370" y="580"/>
                    </a:lnTo>
                    <a:lnTo>
                      <a:pt x="372" y="586"/>
                    </a:lnTo>
                    <a:lnTo>
                      <a:pt x="376" y="591"/>
                    </a:lnTo>
                    <a:lnTo>
                      <a:pt x="381" y="593"/>
                    </a:lnTo>
                    <a:lnTo>
                      <a:pt x="386" y="595"/>
                    </a:lnTo>
                    <a:lnTo>
                      <a:pt x="397" y="597"/>
                    </a:lnTo>
                    <a:lnTo>
                      <a:pt x="410" y="600"/>
                    </a:lnTo>
                    <a:lnTo>
                      <a:pt x="416" y="602"/>
                    </a:lnTo>
                    <a:lnTo>
                      <a:pt x="421" y="604"/>
                    </a:lnTo>
                    <a:lnTo>
                      <a:pt x="424" y="606"/>
                    </a:lnTo>
                    <a:lnTo>
                      <a:pt x="425" y="609"/>
                    </a:lnTo>
                    <a:lnTo>
                      <a:pt x="423" y="615"/>
                    </a:lnTo>
                    <a:lnTo>
                      <a:pt x="418" y="622"/>
                    </a:lnTo>
                    <a:lnTo>
                      <a:pt x="412" y="628"/>
                    </a:lnTo>
                    <a:lnTo>
                      <a:pt x="410" y="635"/>
                    </a:lnTo>
                    <a:lnTo>
                      <a:pt x="410" y="639"/>
                    </a:lnTo>
                    <a:lnTo>
                      <a:pt x="411" y="643"/>
                    </a:lnTo>
                    <a:lnTo>
                      <a:pt x="415" y="646"/>
                    </a:lnTo>
                    <a:lnTo>
                      <a:pt x="421" y="650"/>
                    </a:lnTo>
                    <a:lnTo>
                      <a:pt x="430" y="654"/>
                    </a:lnTo>
                    <a:lnTo>
                      <a:pt x="440" y="655"/>
                    </a:lnTo>
                    <a:lnTo>
                      <a:pt x="446" y="653"/>
                    </a:lnTo>
                    <a:lnTo>
                      <a:pt x="451" y="650"/>
                    </a:lnTo>
                    <a:lnTo>
                      <a:pt x="456" y="646"/>
                    </a:lnTo>
                    <a:lnTo>
                      <a:pt x="462" y="644"/>
                    </a:lnTo>
                    <a:lnTo>
                      <a:pt x="467" y="640"/>
                    </a:lnTo>
                    <a:lnTo>
                      <a:pt x="472" y="640"/>
                    </a:lnTo>
                    <a:lnTo>
                      <a:pt x="468" y="667"/>
                    </a:lnTo>
                    <a:lnTo>
                      <a:pt x="463" y="689"/>
                    </a:lnTo>
                    <a:lnTo>
                      <a:pt x="463" y="694"/>
                    </a:lnTo>
                    <a:lnTo>
                      <a:pt x="463" y="700"/>
                    </a:lnTo>
                    <a:lnTo>
                      <a:pt x="464" y="703"/>
                    </a:lnTo>
                    <a:lnTo>
                      <a:pt x="467" y="707"/>
                    </a:lnTo>
                    <a:lnTo>
                      <a:pt x="471" y="710"/>
                    </a:lnTo>
                    <a:lnTo>
                      <a:pt x="476" y="712"/>
                    </a:lnTo>
                    <a:lnTo>
                      <a:pt x="482" y="715"/>
                    </a:lnTo>
                    <a:lnTo>
                      <a:pt x="491" y="718"/>
                    </a:lnTo>
                    <a:lnTo>
                      <a:pt x="521" y="724"/>
                    </a:lnTo>
                    <a:lnTo>
                      <a:pt x="551" y="733"/>
                    </a:lnTo>
                    <a:lnTo>
                      <a:pt x="565" y="738"/>
                    </a:lnTo>
                    <a:lnTo>
                      <a:pt x="581" y="741"/>
                    </a:lnTo>
                    <a:lnTo>
                      <a:pt x="596" y="744"/>
                    </a:lnTo>
                    <a:lnTo>
                      <a:pt x="612" y="745"/>
                    </a:lnTo>
                    <a:lnTo>
                      <a:pt x="612" y="771"/>
                    </a:lnTo>
                    <a:lnTo>
                      <a:pt x="609" y="785"/>
                    </a:lnTo>
                    <a:lnTo>
                      <a:pt x="607" y="790"/>
                    </a:lnTo>
                    <a:lnTo>
                      <a:pt x="604" y="793"/>
                    </a:lnTo>
                    <a:lnTo>
                      <a:pt x="601" y="794"/>
                    </a:lnTo>
                    <a:lnTo>
                      <a:pt x="598" y="794"/>
                    </a:lnTo>
                    <a:lnTo>
                      <a:pt x="587" y="792"/>
                    </a:lnTo>
                    <a:lnTo>
                      <a:pt x="574" y="786"/>
                    </a:lnTo>
                    <a:lnTo>
                      <a:pt x="567" y="784"/>
                    </a:lnTo>
                    <a:lnTo>
                      <a:pt x="557" y="782"/>
                    </a:lnTo>
                    <a:lnTo>
                      <a:pt x="548" y="781"/>
                    </a:lnTo>
                    <a:lnTo>
                      <a:pt x="537" y="780"/>
                    </a:lnTo>
                    <a:lnTo>
                      <a:pt x="530" y="781"/>
                    </a:lnTo>
                    <a:lnTo>
                      <a:pt x="522" y="784"/>
                    </a:lnTo>
                    <a:lnTo>
                      <a:pt x="513" y="788"/>
                    </a:lnTo>
                    <a:lnTo>
                      <a:pt x="506" y="793"/>
                    </a:lnTo>
                    <a:lnTo>
                      <a:pt x="487" y="807"/>
                    </a:lnTo>
                    <a:lnTo>
                      <a:pt x="468" y="824"/>
                    </a:lnTo>
                    <a:lnTo>
                      <a:pt x="433" y="858"/>
                    </a:lnTo>
                    <a:lnTo>
                      <a:pt x="406" y="883"/>
                    </a:lnTo>
                    <a:lnTo>
                      <a:pt x="393" y="894"/>
                    </a:lnTo>
                    <a:lnTo>
                      <a:pt x="379" y="902"/>
                    </a:lnTo>
                    <a:lnTo>
                      <a:pt x="364" y="907"/>
                    </a:lnTo>
                    <a:lnTo>
                      <a:pt x="351" y="909"/>
                    </a:lnTo>
                    <a:lnTo>
                      <a:pt x="323" y="915"/>
                    </a:lnTo>
                    <a:lnTo>
                      <a:pt x="293" y="922"/>
                    </a:lnTo>
                    <a:lnTo>
                      <a:pt x="276" y="930"/>
                    </a:lnTo>
                    <a:lnTo>
                      <a:pt x="261" y="937"/>
                    </a:lnTo>
                    <a:lnTo>
                      <a:pt x="271" y="946"/>
                    </a:lnTo>
                    <a:lnTo>
                      <a:pt x="282" y="952"/>
                    </a:lnTo>
                    <a:lnTo>
                      <a:pt x="294" y="957"/>
                    </a:lnTo>
                    <a:lnTo>
                      <a:pt x="307" y="961"/>
                    </a:lnTo>
                    <a:lnTo>
                      <a:pt x="320" y="964"/>
                    </a:lnTo>
                    <a:lnTo>
                      <a:pt x="335" y="965"/>
                    </a:lnTo>
                    <a:lnTo>
                      <a:pt x="349" y="965"/>
                    </a:lnTo>
                    <a:lnTo>
                      <a:pt x="363" y="965"/>
                    </a:lnTo>
                    <a:lnTo>
                      <a:pt x="392" y="964"/>
                    </a:lnTo>
                    <a:lnTo>
                      <a:pt x="420" y="964"/>
                    </a:lnTo>
                    <a:lnTo>
                      <a:pt x="433" y="964"/>
                    </a:lnTo>
                    <a:lnTo>
                      <a:pt x="446" y="965"/>
                    </a:lnTo>
                    <a:lnTo>
                      <a:pt x="458" y="966"/>
                    </a:lnTo>
                    <a:lnTo>
                      <a:pt x="468" y="969"/>
                    </a:lnTo>
                    <a:lnTo>
                      <a:pt x="478" y="972"/>
                    </a:lnTo>
                    <a:lnTo>
                      <a:pt x="487" y="970"/>
                    </a:lnTo>
                    <a:lnTo>
                      <a:pt x="495" y="969"/>
                    </a:lnTo>
                    <a:lnTo>
                      <a:pt x="503" y="966"/>
                    </a:lnTo>
                    <a:lnTo>
                      <a:pt x="511" y="965"/>
                    </a:lnTo>
                    <a:lnTo>
                      <a:pt x="519" y="965"/>
                    </a:lnTo>
                    <a:lnTo>
                      <a:pt x="521" y="966"/>
                    </a:lnTo>
                    <a:lnTo>
                      <a:pt x="525" y="968"/>
                    </a:lnTo>
                    <a:lnTo>
                      <a:pt x="529" y="972"/>
                    </a:lnTo>
                    <a:lnTo>
                      <a:pt x="532" y="975"/>
                    </a:lnTo>
                    <a:lnTo>
                      <a:pt x="542" y="982"/>
                    </a:lnTo>
                    <a:lnTo>
                      <a:pt x="556" y="988"/>
                    </a:lnTo>
                    <a:lnTo>
                      <a:pt x="564" y="992"/>
                    </a:lnTo>
                    <a:lnTo>
                      <a:pt x="569" y="996"/>
                    </a:lnTo>
                    <a:lnTo>
                      <a:pt x="572" y="999"/>
                    </a:lnTo>
                    <a:lnTo>
                      <a:pt x="573" y="1000"/>
                    </a:lnTo>
                    <a:lnTo>
                      <a:pt x="574" y="1003"/>
                    </a:lnTo>
                    <a:lnTo>
                      <a:pt x="576" y="1005"/>
                    </a:lnTo>
                    <a:lnTo>
                      <a:pt x="530" y="1008"/>
                    </a:lnTo>
                    <a:lnTo>
                      <a:pt x="485" y="1010"/>
                    </a:lnTo>
                    <a:lnTo>
                      <a:pt x="463" y="1012"/>
                    </a:lnTo>
                    <a:lnTo>
                      <a:pt x="441" y="1012"/>
                    </a:lnTo>
                    <a:lnTo>
                      <a:pt x="419" y="1009"/>
                    </a:lnTo>
                    <a:lnTo>
                      <a:pt x="398" y="1005"/>
                    </a:lnTo>
                    <a:lnTo>
                      <a:pt x="377" y="1001"/>
                    </a:lnTo>
                    <a:lnTo>
                      <a:pt x="359" y="1000"/>
                    </a:lnTo>
                    <a:lnTo>
                      <a:pt x="342" y="1000"/>
                    </a:lnTo>
                    <a:lnTo>
                      <a:pt x="327" y="1003"/>
                    </a:lnTo>
                    <a:lnTo>
                      <a:pt x="311" y="1005"/>
                    </a:lnTo>
                    <a:lnTo>
                      <a:pt x="296" y="1009"/>
                    </a:lnTo>
                    <a:lnTo>
                      <a:pt x="279" y="1010"/>
                    </a:lnTo>
                    <a:lnTo>
                      <a:pt x="259" y="1012"/>
                    </a:lnTo>
                    <a:lnTo>
                      <a:pt x="247" y="1012"/>
                    </a:lnTo>
                    <a:lnTo>
                      <a:pt x="237" y="1013"/>
                    </a:lnTo>
                    <a:lnTo>
                      <a:pt x="230" y="1014"/>
                    </a:lnTo>
                    <a:lnTo>
                      <a:pt x="226" y="1017"/>
                    </a:lnTo>
                    <a:lnTo>
                      <a:pt x="222" y="1020"/>
                    </a:lnTo>
                    <a:lnTo>
                      <a:pt x="221" y="1022"/>
                    </a:lnTo>
                    <a:lnTo>
                      <a:pt x="221" y="1026"/>
                    </a:lnTo>
                    <a:lnTo>
                      <a:pt x="222" y="1031"/>
                    </a:lnTo>
                    <a:lnTo>
                      <a:pt x="226" y="1040"/>
                    </a:lnTo>
                    <a:lnTo>
                      <a:pt x="228" y="1053"/>
                    </a:lnTo>
                    <a:lnTo>
                      <a:pt x="228" y="1060"/>
                    </a:lnTo>
                    <a:lnTo>
                      <a:pt x="228" y="1066"/>
                    </a:lnTo>
                    <a:lnTo>
                      <a:pt x="226" y="1074"/>
                    </a:lnTo>
                    <a:lnTo>
                      <a:pt x="222" y="1082"/>
                    </a:lnTo>
                    <a:lnTo>
                      <a:pt x="219" y="1084"/>
                    </a:lnTo>
                    <a:lnTo>
                      <a:pt x="217" y="1086"/>
                    </a:lnTo>
                    <a:lnTo>
                      <a:pt x="213" y="1087"/>
                    </a:lnTo>
                    <a:lnTo>
                      <a:pt x="209" y="1086"/>
                    </a:lnTo>
                    <a:lnTo>
                      <a:pt x="202" y="1083"/>
                    </a:lnTo>
                    <a:lnTo>
                      <a:pt x="195" y="1077"/>
                    </a:lnTo>
                    <a:lnTo>
                      <a:pt x="186" y="1070"/>
                    </a:lnTo>
                    <a:lnTo>
                      <a:pt x="177" y="1064"/>
                    </a:lnTo>
                    <a:lnTo>
                      <a:pt x="167" y="1058"/>
                    </a:lnTo>
                    <a:lnTo>
                      <a:pt x="158" y="1056"/>
                    </a:lnTo>
                    <a:lnTo>
                      <a:pt x="149" y="1057"/>
                    </a:lnTo>
                    <a:lnTo>
                      <a:pt x="138" y="1057"/>
                    </a:lnTo>
                    <a:lnTo>
                      <a:pt x="133" y="1057"/>
                    </a:lnTo>
                    <a:lnTo>
                      <a:pt x="127" y="1057"/>
                    </a:lnTo>
                    <a:lnTo>
                      <a:pt x="122" y="1054"/>
                    </a:lnTo>
                    <a:lnTo>
                      <a:pt x="120" y="1052"/>
                    </a:lnTo>
                    <a:lnTo>
                      <a:pt x="110" y="1042"/>
                    </a:lnTo>
                    <a:lnTo>
                      <a:pt x="104" y="1035"/>
                    </a:lnTo>
                    <a:lnTo>
                      <a:pt x="99" y="1031"/>
                    </a:lnTo>
                    <a:lnTo>
                      <a:pt x="94" y="1030"/>
                    </a:lnTo>
                    <a:lnTo>
                      <a:pt x="79" y="1031"/>
                    </a:lnTo>
                    <a:lnTo>
                      <a:pt x="55" y="1035"/>
                    </a:lnTo>
                    <a:lnTo>
                      <a:pt x="41" y="1036"/>
                    </a:lnTo>
                    <a:lnTo>
                      <a:pt x="17" y="1039"/>
                    </a:lnTo>
                    <a:lnTo>
                      <a:pt x="7" y="1042"/>
                    </a:lnTo>
                    <a:lnTo>
                      <a:pt x="2" y="1045"/>
                    </a:lnTo>
                    <a:lnTo>
                      <a:pt x="0" y="1048"/>
                    </a:lnTo>
                    <a:lnTo>
                      <a:pt x="2" y="1051"/>
                    </a:lnTo>
                    <a:lnTo>
                      <a:pt x="4" y="1053"/>
                    </a:lnTo>
                    <a:lnTo>
                      <a:pt x="9" y="1056"/>
                    </a:lnTo>
                    <a:lnTo>
                      <a:pt x="29" y="1066"/>
                    </a:lnTo>
                    <a:lnTo>
                      <a:pt x="48" y="1074"/>
                    </a:lnTo>
                    <a:lnTo>
                      <a:pt x="69" y="1080"/>
                    </a:lnTo>
                    <a:lnTo>
                      <a:pt x="90" y="1087"/>
                    </a:lnTo>
                    <a:lnTo>
                      <a:pt x="110" y="1093"/>
                    </a:lnTo>
                    <a:lnTo>
                      <a:pt x="131" y="1101"/>
                    </a:lnTo>
                    <a:lnTo>
                      <a:pt x="151" y="1110"/>
                    </a:lnTo>
                    <a:lnTo>
                      <a:pt x="167" y="1121"/>
                    </a:lnTo>
                    <a:lnTo>
                      <a:pt x="177" y="1126"/>
                    </a:lnTo>
                    <a:lnTo>
                      <a:pt x="182" y="1131"/>
                    </a:lnTo>
                    <a:lnTo>
                      <a:pt x="186" y="1135"/>
                    </a:lnTo>
                    <a:lnTo>
                      <a:pt x="188" y="1139"/>
                    </a:lnTo>
                    <a:lnTo>
                      <a:pt x="188" y="1141"/>
                    </a:lnTo>
                    <a:lnTo>
                      <a:pt x="187" y="1143"/>
                    </a:lnTo>
                    <a:lnTo>
                      <a:pt x="183" y="1144"/>
                    </a:lnTo>
                    <a:lnTo>
                      <a:pt x="179" y="1144"/>
                    </a:lnTo>
                    <a:lnTo>
                      <a:pt x="158" y="1143"/>
                    </a:lnTo>
                    <a:lnTo>
                      <a:pt x="136" y="1141"/>
                    </a:lnTo>
                    <a:lnTo>
                      <a:pt x="113" y="1141"/>
                    </a:lnTo>
                    <a:lnTo>
                      <a:pt x="95" y="1144"/>
                    </a:lnTo>
                    <a:lnTo>
                      <a:pt x="86" y="1146"/>
                    </a:lnTo>
                    <a:lnTo>
                      <a:pt x="78" y="1150"/>
                    </a:lnTo>
                    <a:lnTo>
                      <a:pt x="69" y="1157"/>
                    </a:lnTo>
                    <a:lnTo>
                      <a:pt x="60" y="1165"/>
                    </a:lnTo>
                    <a:lnTo>
                      <a:pt x="41" y="1175"/>
                    </a:lnTo>
                    <a:lnTo>
                      <a:pt x="19" y="1185"/>
                    </a:lnTo>
                    <a:lnTo>
                      <a:pt x="15" y="1188"/>
                    </a:lnTo>
                    <a:lnTo>
                      <a:pt x="11" y="1192"/>
                    </a:lnTo>
                    <a:lnTo>
                      <a:pt x="8" y="1194"/>
                    </a:lnTo>
                    <a:lnTo>
                      <a:pt x="6" y="1200"/>
                    </a:lnTo>
                    <a:lnTo>
                      <a:pt x="6" y="1203"/>
                    </a:lnTo>
                    <a:lnTo>
                      <a:pt x="7" y="1209"/>
                    </a:lnTo>
                    <a:lnTo>
                      <a:pt x="9" y="1215"/>
                    </a:lnTo>
                    <a:lnTo>
                      <a:pt x="13" y="1222"/>
                    </a:lnTo>
                    <a:lnTo>
                      <a:pt x="22" y="1231"/>
                    </a:lnTo>
                    <a:lnTo>
                      <a:pt x="30" y="1235"/>
                    </a:lnTo>
                    <a:lnTo>
                      <a:pt x="31" y="1236"/>
                    </a:lnTo>
                    <a:lnTo>
                      <a:pt x="33" y="1240"/>
                    </a:lnTo>
                    <a:lnTo>
                      <a:pt x="33" y="1246"/>
                    </a:lnTo>
                    <a:lnTo>
                      <a:pt x="31" y="1254"/>
                    </a:lnTo>
                    <a:lnTo>
                      <a:pt x="30" y="1263"/>
                    </a:lnTo>
                    <a:lnTo>
                      <a:pt x="31" y="1270"/>
                    </a:lnTo>
                    <a:lnTo>
                      <a:pt x="34" y="1273"/>
                    </a:lnTo>
                    <a:lnTo>
                      <a:pt x="38" y="1276"/>
                    </a:lnTo>
                    <a:lnTo>
                      <a:pt x="51" y="1277"/>
                    </a:lnTo>
                    <a:lnTo>
                      <a:pt x="65" y="1277"/>
                    </a:lnTo>
                    <a:lnTo>
                      <a:pt x="79" y="1276"/>
                    </a:lnTo>
                    <a:lnTo>
                      <a:pt x="99" y="1276"/>
                    </a:lnTo>
                    <a:lnTo>
                      <a:pt x="109" y="1276"/>
                    </a:lnTo>
                    <a:lnTo>
                      <a:pt x="118" y="1277"/>
                    </a:lnTo>
                    <a:lnTo>
                      <a:pt x="122" y="1279"/>
                    </a:lnTo>
                    <a:lnTo>
                      <a:pt x="125" y="1280"/>
                    </a:lnTo>
                    <a:lnTo>
                      <a:pt x="126" y="1282"/>
                    </a:lnTo>
                    <a:lnTo>
                      <a:pt x="126" y="1284"/>
                    </a:lnTo>
                    <a:lnTo>
                      <a:pt x="113" y="1292"/>
                    </a:lnTo>
                    <a:lnTo>
                      <a:pt x="101" y="1301"/>
                    </a:lnTo>
                    <a:lnTo>
                      <a:pt x="91" y="1302"/>
                    </a:lnTo>
                    <a:lnTo>
                      <a:pt x="81" y="1304"/>
                    </a:lnTo>
                    <a:lnTo>
                      <a:pt x="77" y="1306"/>
                    </a:lnTo>
                    <a:lnTo>
                      <a:pt x="73" y="1308"/>
                    </a:lnTo>
                    <a:lnTo>
                      <a:pt x="72" y="1312"/>
                    </a:lnTo>
                    <a:lnTo>
                      <a:pt x="70" y="1317"/>
                    </a:lnTo>
                    <a:lnTo>
                      <a:pt x="70" y="1320"/>
                    </a:lnTo>
                    <a:lnTo>
                      <a:pt x="69" y="1321"/>
                    </a:lnTo>
                    <a:lnTo>
                      <a:pt x="68" y="1323"/>
                    </a:lnTo>
                    <a:lnTo>
                      <a:pt x="65" y="1324"/>
                    </a:lnTo>
                    <a:lnTo>
                      <a:pt x="60" y="1325"/>
                    </a:lnTo>
                    <a:lnTo>
                      <a:pt x="53" y="1327"/>
                    </a:lnTo>
                    <a:lnTo>
                      <a:pt x="41" y="1325"/>
                    </a:lnTo>
                    <a:lnTo>
                      <a:pt x="30" y="1325"/>
                    </a:lnTo>
                    <a:lnTo>
                      <a:pt x="20" y="1328"/>
                    </a:lnTo>
                    <a:lnTo>
                      <a:pt x="13" y="1332"/>
                    </a:lnTo>
                    <a:lnTo>
                      <a:pt x="12" y="1333"/>
                    </a:lnTo>
                    <a:lnTo>
                      <a:pt x="13" y="1336"/>
                    </a:lnTo>
                    <a:lnTo>
                      <a:pt x="17" y="1338"/>
                    </a:lnTo>
                    <a:lnTo>
                      <a:pt x="22" y="1339"/>
                    </a:lnTo>
                    <a:lnTo>
                      <a:pt x="37" y="1342"/>
                    </a:lnTo>
                    <a:lnTo>
                      <a:pt x="50" y="1345"/>
                    </a:lnTo>
                    <a:lnTo>
                      <a:pt x="64" y="1346"/>
                    </a:lnTo>
                    <a:lnTo>
                      <a:pt x="78" y="1347"/>
                    </a:lnTo>
                    <a:lnTo>
                      <a:pt x="107" y="1347"/>
                    </a:lnTo>
                    <a:lnTo>
                      <a:pt x="134" y="1347"/>
                    </a:lnTo>
                    <a:lnTo>
                      <a:pt x="148" y="1345"/>
                    </a:lnTo>
                    <a:lnTo>
                      <a:pt x="165" y="1341"/>
                    </a:lnTo>
                    <a:lnTo>
                      <a:pt x="173" y="1341"/>
                    </a:lnTo>
                    <a:lnTo>
                      <a:pt x="179" y="1341"/>
                    </a:lnTo>
                    <a:lnTo>
                      <a:pt x="183" y="1342"/>
                    </a:lnTo>
                    <a:lnTo>
                      <a:pt x="186" y="1343"/>
                    </a:lnTo>
                    <a:lnTo>
                      <a:pt x="188" y="1345"/>
                    </a:lnTo>
                    <a:lnTo>
                      <a:pt x="191" y="1349"/>
                    </a:lnTo>
                    <a:lnTo>
                      <a:pt x="193" y="1354"/>
                    </a:lnTo>
                    <a:lnTo>
                      <a:pt x="195" y="1358"/>
                    </a:lnTo>
                    <a:lnTo>
                      <a:pt x="193" y="1361"/>
                    </a:lnTo>
                    <a:lnTo>
                      <a:pt x="193" y="1365"/>
                    </a:lnTo>
                    <a:lnTo>
                      <a:pt x="191" y="1369"/>
                    </a:lnTo>
                    <a:lnTo>
                      <a:pt x="187" y="1372"/>
                    </a:lnTo>
                    <a:lnTo>
                      <a:pt x="184" y="1373"/>
                    </a:lnTo>
                    <a:lnTo>
                      <a:pt x="179" y="1376"/>
                    </a:lnTo>
                    <a:lnTo>
                      <a:pt x="170" y="1378"/>
                    </a:lnTo>
                    <a:lnTo>
                      <a:pt x="160" y="1380"/>
                    </a:lnTo>
                    <a:lnTo>
                      <a:pt x="149" y="1381"/>
                    </a:lnTo>
                    <a:lnTo>
                      <a:pt x="142" y="1381"/>
                    </a:lnTo>
                    <a:lnTo>
                      <a:pt x="130" y="1381"/>
                    </a:lnTo>
                    <a:lnTo>
                      <a:pt x="121" y="1382"/>
                    </a:lnTo>
                    <a:lnTo>
                      <a:pt x="113" y="1385"/>
                    </a:lnTo>
                    <a:lnTo>
                      <a:pt x="108" y="1389"/>
                    </a:lnTo>
                    <a:lnTo>
                      <a:pt x="101" y="1394"/>
                    </a:lnTo>
                    <a:lnTo>
                      <a:pt x="98" y="1400"/>
                    </a:lnTo>
                    <a:lnTo>
                      <a:pt x="95" y="1409"/>
                    </a:lnTo>
                    <a:lnTo>
                      <a:pt x="91" y="1420"/>
                    </a:lnTo>
                    <a:lnTo>
                      <a:pt x="99" y="1434"/>
                    </a:lnTo>
                    <a:lnTo>
                      <a:pt x="112" y="1435"/>
                    </a:lnTo>
                    <a:lnTo>
                      <a:pt x="125" y="1434"/>
                    </a:lnTo>
                    <a:lnTo>
                      <a:pt x="136" y="1433"/>
                    </a:lnTo>
                    <a:lnTo>
                      <a:pt x="149" y="1431"/>
                    </a:lnTo>
                    <a:lnTo>
                      <a:pt x="162" y="1429"/>
                    </a:lnTo>
                    <a:lnTo>
                      <a:pt x="175" y="1428"/>
                    </a:lnTo>
                    <a:lnTo>
                      <a:pt x="187" y="1428"/>
                    </a:lnTo>
                    <a:lnTo>
                      <a:pt x="199" y="1428"/>
                    </a:lnTo>
                    <a:lnTo>
                      <a:pt x="206" y="1430"/>
                    </a:lnTo>
                    <a:lnTo>
                      <a:pt x="213" y="1433"/>
                    </a:lnTo>
                    <a:lnTo>
                      <a:pt x="219" y="1437"/>
                    </a:lnTo>
                    <a:lnTo>
                      <a:pt x="226" y="1442"/>
                    </a:lnTo>
                    <a:lnTo>
                      <a:pt x="237" y="1453"/>
                    </a:lnTo>
                    <a:lnTo>
                      <a:pt x="249" y="1465"/>
                    </a:lnTo>
                    <a:lnTo>
                      <a:pt x="256" y="1470"/>
                    </a:lnTo>
                    <a:lnTo>
                      <a:pt x="263" y="1475"/>
                    </a:lnTo>
                    <a:lnTo>
                      <a:pt x="272" y="1479"/>
                    </a:lnTo>
                    <a:lnTo>
                      <a:pt x="282" y="1483"/>
                    </a:lnTo>
                    <a:lnTo>
                      <a:pt x="301" y="1491"/>
                    </a:lnTo>
                    <a:lnTo>
                      <a:pt x="323" y="1496"/>
                    </a:lnTo>
                    <a:lnTo>
                      <a:pt x="345" y="1500"/>
                    </a:lnTo>
                    <a:lnTo>
                      <a:pt x="367" y="1503"/>
                    </a:lnTo>
                    <a:lnTo>
                      <a:pt x="386" y="1504"/>
                    </a:lnTo>
                    <a:lnTo>
                      <a:pt x="405" y="1504"/>
                    </a:lnTo>
                    <a:lnTo>
                      <a:pt x="427" y="1507"/>
                    </a:lnTo>
                    <a:lnTo>
                      <a:pt x="453" y="1509"/>
                    </a:lnTo>
                    <a:lnTo>
                      <a:pt x="465" y="1510"/>
                    </a:lnTo>
                    <a:lnTo>
                      <a:pt x="477" y="1510"/>
                    </a:lnTo>
                    <a:lnTo>
                      <a:pt x="482" y="1509"/>
                    </a:lnTo>
                    <a:lnTo>
                      <a:pt x="487" y="1508"/>
                    </a:lnTo>
                    <a:lnTo>
                      <a:pt x="491" y="1505"/>
                    </a:lnTo>
                    <a:lnTo>
                      <a:pt x="495" y="1503"/>
                    </a:lnTo>
                    <a:lnTo>
                      <a:pt x="504" y="1498"/>
                    </a:lnTo>
                    <a:lnTo>
                      <a:pt x="512" y="1492"/>
                    </a:lnTo>
                    <a:lnTo>
                      <a:pt x="520" y="1486"/>
                    </a:lnTo>
                    <a:lnTo>
                      <a:pt x="525" y="1479"/>
                    </a:lnTo>
                    <a:lnTo>
                      <a:pt x="535" y="1464"/>
                    </a:lnTo>
                    <a:lnTo>
                      <a:pt x="546" y="1447"/>
                    </a:lnTo>
                    <a:lnTo>
                      <a:pt x="550" y="1441"/>
                    </a:lnTo>
                    <a:lnTo>
                      <a:pt x="552" y="1439"/>
                    </a:lnTo>
                    <a:lnTo>
                      <a:pt x="556" y="1441"/>
                    </a:lnTo>
                    <a:lnTo>
                      <a:pt x="559" y="1443"/>
                    </a:lnTo>
                    <a:lnTo>
                      <a:pt x="563" y="1448"/>
                    </a:lnTo>
                    <a:lnTo>
                      <a:pt x="565" y="1455"/>
                    </a:lnTo>
                    <a:lnTo>
                      <a:pt x="570" y="1460"/>
                    </a:lnTo>
                    <a:lnTo>
                      <a:pt x="577" y="1464"/>
                    </a:lnTo>
                    <a:lnTo>
                      <a:pt x="589" y="1468"/>
                    </a:lnTo>
                    <a:lnTo>
                      <a:pt x="598" y="1469"/>
                    </a:lnTo>
                    <a:lnTo>
                      <a:pt x="607" y="1469"/>
                    </a:lnTo>
                    <a:lnTo>
                      <a:pt x="614" y="1468"/>
                    </a:lnTo>
                    <a:lnTo>
                      <a:pt x="621" y="1465"/>
                    </a:lnTo>
                    <a:lnTo>
                      <a:pt x="626" y="1463"/>
                    </a:lnTo>
                    <a:lnTo>
                      <a:pt x="631" y="1457"/>
                    </a:lnTo>
                    <a:lnTo>
                      <a:pt x="635" y="1452"/>
                    </a:lnTo>
                    <a:lnTo>
                      <a:pt x="644" y="1442"/>
                    </a:lnTo>
                    <a:lnTo>
                      <a:pt x="652" y="1431"/>
                    </a:lnTo>
                    <a:lnTo>
                      <a:pt x="656" y="1428"/>
                    </a:lnTo>
                    <a:lnTo>
                      <a:pt x="661" y="1425"/>
                    </a:lnTo>
                    <a:lnTo>
                      <a:pt x="666" y="1424"/>
                    </a:lnTo>
                    <a:lnTo>
                      <a:pt x="673" y="1422"/>
                    </a:lnTo>
                    <a:lnTo>
                      <a:pt x="683" y="1425"/>
                    </a:lnTo>
                    <a:lnTo>
                      <a:pt x="690" y="1428"/>
                    </a:lnTo>
                    <a:lnTo>
                      <a:pt x="696" y="1433"/>
                    </a:lnTo>
                    <a:lnTo>
                      <a:pt x="701" y="1437"/>
                    </a:lnTo>
                    <a:lnTo>
                      <a:pt x="706" y="1441"/>
                    </a:lnTo>
                    <a:lnTo>
                      <a:pt x="715" y="1442"/>
                    </a:lnTo>
                    <a:lnTo>
                      <a:pt x="727" y="1442"/>
                    </a:lnTo>
                    <a:lnTo>
                      <a:pt x="743" y="1437"/>
                    </a:lnTo>
                    <a:lnTo>
                      <a:pt x="750" y="1434"/>
                    </a:lnTo>
                    <a:lnTo>
                      <a:pt x="756" y="1429"/>
                    </a:lnTo>
                    <a:lnTo>
                      <a:pt x="760" y="1425"/>
                    </a:lnTo>
                    <a:lnTo>
                      <a:pt x="762" y="1420"/>
                    </a:lnTo>
                    <a:lnTo>
                      <a:pt x="765" y="1409"/>
                    </a:lnTo>
                    <a:lnTo>
                      <a:pt x="766" y="1400"/>
                    </a:lnTo>
                    <a:lnTo>
                      <a:pt x="767" y="1395"/>
                    </a:lnTo>
                    <a:lnTo>
                      <a:pt x="769" y="1393"/>
                    </a:lnTo>
                    <a:lnTo>
                      <a:pt x="771" y="1390"/>
                    </a:lnTo>
                    <a:lnTo>
                      <a:pt x="775" y="1390"/>
                    </a:lnTo>
                    <a:lnTo>
                      <a:pt x="782" y="1390"/>
                    </a:lnTo>
                    <a:lnTo>
                      <a:pt x="789" y="1393"/>
                    </a:lnTo>
                    <a:lnTo>
                      <a:pt x="798" y="1396"/>
                    </a:lnTo>
                    <a:lnTo>
                      <a:pt x="811" y="1402"/>
                    </a:lnTo>
                    <a:lnTo>
                      <a:pt x="839" y="1411"/>
                    </a:lnTo>
                    <a:lnTo>
                      <a:pt x="879" y="1422"/>
                    </a:lnTo>
                    <a:lnTo>
                      <a:pt x="899" y="1428"/>
                    </a:lnTo>
                    <a:lnTo>
                      <a:pt x="918" y="1430"/>
                    </a:lnTo>
                    <a:lnTo>
                      <a:pt x="932" y="1433"/>
                    </a:lnTo>
                    <a:lnTo>
                      <a:pt x="940" y="1431"/>
                    </a:lnTo>
                    <a:lnTo>
                      <a:pt x="946" y="1426"/>
                    </a:lnTo>
                    <a:lnTo>
                      <a:pt x="953" y="1418"/>
                    </a:lnTo>
                    <a:lnTo>
                      <a:pt x="958" y="1409"/>
                    </a:lnTo>
                    <a:lnTo>
                      <a:pt x="963" y="1403"/>
                    </a:lnTo>
                    <a:lnTo>
                      <a:pt x="966" y="1399"/>
                    </a:lnTo>
                    <a:lnTo>
                      <a:pt x="968" y="1398"/>
                    </a:lnTo>
                    <a:lnTo>
                      <a:pt x="969" y="1396"/>
                    </a:lnTo>
                    <a:lnTo>
                      <a:pt x="972" y="1398"/>
                    </a:lnTo>
                    <a:lnTo>
                      <a:pt x="973" y="1400"/>
                    </a:lnTo>
                    <a:lnTo>
                      <a:pt x="975" y="1404"/>
                    </a:lnTo>
                    <a:lnTo>
                      <a:pt x="977" y="1411"/>
                    </a:lnTo>
                    <a:lnTo>
                      <a:pt x="978" y="1418"/>
                    </a:lnTo>
                    <a:lnTo>
                      <a:pt x="981" y="1433"/>
                    </a:lnTo>
                    <a:lnTo>
                      <a:pt x="984" y="1442"/>
                    </a:lnTo>
                    <a:lnTo>
                      <a:pt x="986" y="1444"/>
                    </a:lnTo>
                    <a:lnTo>
                      <a:pt x="989" y="1447"/>
                    </a:lnTo>
                    <a:lnTo>
                      <a:pt x="991" y="1447"/>
                    </a:lnTo>
                    <a:lnTo>
                      <a:pt x="994" y="1448"/>
                    </a:lnTo>
                    <a:lnTo>
                      <a:pt x="1008" y="1446"/>
                    </a:lnTo>
                    <a:lnTo>
                      <a:pt x="1032" y="1443"/>
                    </a:lnTo>
                    <a:lnTo>
                      <a:pt x="1037" y="1443"/>
                    </a:lnTo>
                    <a:lnTo>
                      <a:pt x="1043" y="1446"/>
                    </a:lnTo>
                    <a:lnTo>
                      <a:pt x="1050" y="1450"/>
                    </a:lnTo>
                    <a:lnTo>
                      <a:pt x="1056" y="1453"/>
                    </a:lnTo>
                    <a:lnTo>
                      <a:pt x="1069" y="1464"/>
                    </a:lnTo>
                    <a:lnTo>
                      <a:pt x="1083" y="1475"/>
                    </a:lnTo>
                    <a:lnTo>
                      <a:pt x="1098" y="1487"/>
                    </a:lnTo>
                    <a:lnTo>
                      <a:pt x="1111" y="1495"/>
                    </a:lnTo>
                    <a:lnTo>
                      <a:pt x="1117" y="1498"/>
                    </a:lnTo>
                    <a:lnTo>
                      <a:pt x="1122" y="1498"/>
                    </a:lnTo>
                    <a:lnTo>
                      <a:pt x="1127" y="1496"/>
                    </a:lnTo>
                    <a:lnTo>
                      <a:pt x="1133" y="1494"/>
                    </a:lnTo>
                    <a:lnTo>
                      <a:pt x="1138" y="1488"/>
                    </a:lnTo>
                    <a:lnTo>
                      <a:pt x="1142" y="1483"/>
                    </a:lnTo>
                    <a:lnTo>
                      <a:pt x="1144" y="1478"/>
                    </a:lnTo>
                    <a:lnTo>
                      <a:pt x="1146" y="1473"/>
                    </a:lnTo>
                    <a:lnTo>
                      <a:pt x="1146" y="1464"/>
                    </a:lnTo>
                    <a:lnTo>
                      <a:pt x="1143" y="1456"/>
                    </a:lnTo>
                    <a:lnTo>
                      <a:pt x="1140" y="1446"/>
                    </a:lnTo>
                    <a:lnTo>
                      <a:pt x="1140" y="1435"/>
                    </a:lnTo>
                    <a:lnTo>
                      <a:pt x="1142" y="1430"/>
                    </a:lnTo>
                    <a:lnTo>
                      <a:pt x="1144" y="1424"/>
                    </a:lnTo>
                    <a:lnTo>
                      <a:pt x="1148" y="1416"/>
                    </a:lnTo>
                    <a:lnTo>
                      <a:pt x="1155" y="1408"/>
                    </a:lnTo>
                    <a:lnTo>
                      <a:pt x="1239" y="1304"/>
                    </a:lnTo>
                    <a:lnTo>
                      <a:pt x="1241" y="1294"/>
                    </a:lnTo>
                    <a:lnTo>
                      <a:pt x="1245" y="1285"/>
                    </a:lnTo>
                    <a:lnTo>
                      <a:pt x="1249" y="1277"/>
                    </a:lnTo>
                    <a:lnTo>
                      <a:pt x="1254" y="1271"/>
                    </a:lnTo>
                    <a:lnTo>
                      <a:pt x="1263" y="1258"/>
                    </a:lnTo>
                    <a:lnTo>
                      <a:pt x="1275" y="1246"/>
                    </a:lnTo>
                    <a:lnTo>
                      <a:pt x="1298" y="1227"/>
                    </a:lnTo>
                    <a:lnTo>
                      <a:pt x="1327" y="1205"/>
                    </a:lnTo>
                    <a:lnTo>
                      <a:pt x="1331" y="1201"/>
                    </a:lnTo>
                    <a:lnTo>
                      <a:pt x="1333" y="1196"/>
                    </a:lnTo>
                    <a:lnTo>
                      <a:pt x="1336" y="1190"/>
                    </a:lnTo>
                    <a:lnTo>
                      <a:pt x="1339" y="1185"/>
                    </a:lnTo>
                    <a:lnTo>
                      <a:pt x="1341" y="1172"/>
                    </a:lnTo>
                    <a:lnTo>
                      <a:pt x="1344" y="1158"/>
                    </a:lnTo>
                    <a:lnTo>
                      <a:pt x="1345" y="1144"/>
                    </a:lnTo>
                    <a:lnTo>
                      <a:pt x="1346" y="1130"/>
                    </a:lnTo>
                    <a:lnTo>
                      <a:pt x="1349" y="1117"/>
                    </a:lnTo>
                    <a:lnTo>
                      <a:pt x="1354" y="1105"/>
                    </a:lnTo>
                    <a:lnTo>
                      <a:pt x="1355" y="1101"/>
                    </a:lnTo>
                    <a:lnTo>
                      <a:pt x="1357" y="1096"/>
                    </a:lnTo>
                    <a:lnTo>
                      <a:pt x="1357" y="1092"/>
                    </a:lnTo>
                    <a:lnTo>
                      <a:pt x="1355" y="1087"/>
                    </a:lnTo>
                    <a:lnTo>
                      <a:pt x="1352" y="1079"/>
                    </a:lnTo>
                    <a:lnTo>
                      <a:pt x="1346" y="1070"/>
                    </a:lnTo>
                    <a:lnTo>
                      <a:pt x="1341" y="1062"/>
                    </a:lnTo>
                    <a:lnTo>
                      <a:pt x="1337" y="1053"/>
                    </a:lnTo>
                    <a:lnTo>
                      <a:pt x="1333" y="1045"/>
                    </a:lnTo>
                    <a:lnTo>
                      <a:pt x="1332" y="1038"/>
                    </a:lnTo>
                    <a:lnTo>
                      <a:pt x="1333" y="1035"/>
                    </a:lnTo>
                    <a:lnTo>
                      <a:pt x="1335" y="1031"/>
                    </a:lnTo>
                    <a:lnTo>
                      <a:pt x="1337" y="1030"/>
                    </a:lnTo>
                    <a:lnTo>
                      <a:pt x="1340" y="1029"/>
                    </a:lnTo>
                    <a:lnTo>
                      <a:pt x="1346" y="1026"/>
                    </a:lnTo>
                    <a:lnTo>
                      <a:pt x="1354" y="1025"/>
                    </a:lnTo>
                    <a:lnTo>
                      <a:pt x="1363" y="1023"/>
                    </a:lnTo>
                    <a:lnTo>
                      <a:pt x="1371" y="1020"/>
                    </a:lnTo>
                    <a:lnTo>
                      <a:pt x="1375" y="1017"/>
                    </a:lnTo>
                    <a:lnTo>
                      <a:pt x="1379" y="1013"/>
                    </a:lnTo>
                    <a:lnTo>
                      <a:pt x="1381" y="1008"/>
                    </a:lnTo>
                    <a:lnTo>
                      <a:pt x="1384" y="1001"/>
                    </a:lnTo>
                    <a:lnTo>
                      <a:pt x="1389" y="973"/>
                    </a:lnTo>
                    <a:lnTo>
                      <a:pt x="1392" y="944"/>
                    </a:lnTo>
                    <a:lnTo>
                      <a:pt x="1393" y="938"/>
                    </a:lnTo>
                    <a:lnTo>
                      <a:pt x="1394" y="931"/>
                    </a:lnTo>
                    <a:lnTo>
                      <a:pt x="1397" y="926"/>
                    </a:lnTo>
                    <a:lnTo>
                      <a:pt x="1401" y="920"/>
                    </a:lnTo>
                    <a:lnTo>
                      <a:pt x="1405" y="915"/>
                    </a:lnTo>
                    <a:lnTo>
                      <a:pt x="1411" y="909"/>
                    </a:lnTo>
                    <a:lnTo>
                      <a:pt x="1418" y="906"/>
                    </a:lnTo>
                    <a:lnTo>
                      <a:pt x="1425" y="902"/>
                    </a:lnTo>
                    <a:lnTo>
                      <a:pt x="1427" y="900"/>
                    </a:lnTo>
                    <a:lnTo>
                      <a:pt x="1427" y="899"/>
                    </a:lnTo>
                    <a:lnTo>
                      <a:pt x="1427" y="898"/>
                    </a:lnTo>
                    <a:lnTo>
                      <a:pt x="1425" y="895"/>
                    </a:lnTo>
                    <a:lnTo>
                      <a:pt x="1423" y="890"/>
                    </a:lnTo>
                    <a:lnTo>
                      <a:pt x="1420" y="883"/>
                    </a:lnTo>
                    <a:lnTo>
                      <a:pt x="1416" y="877"/>
                    </a:lnTo>
                    <a:lnTo>
                      <a:pt x="1412" y="869"/>
                    </a:lnTo>
                    <a:lnTo>
                      <a:pt x="1411" y="863"/>
                    </a:lnTo>
                    <a:lnTo>
                      <a:pt x="1411" y="856"/>
                    </a:lnTo>
                    <a:lnTo>
                      <a:pt x="1418" y="838"/>
                    </a:lnTo>
                    <a:lnTo>
                      <a:pt x="1425" y="820"/>
                    </a:lnTo>
                    <a:lnTo>
                      <a:pt x="1434" y="803"/>
                    </a:lnTo>
                    <a:lnTo>
                      <a:pt x="1441" y="784"/>
                    </a:lnTo>
                    <a:lnTo>
                      <a:pt x="1442" y="779"/>
                    </a:lnTo>
                    <a:lnTo>
                      <a:pt x="1442" y="775"/>
                    </a:lnTo>
                    <a:lnTo>
                      <a:pt x="1442" y="771"/>
                    </a:lnTo>
                    <a:lnTo>
                      <a:pt x="1441" y="768"/>
                    </a:lnTo>
                    <a:lnTo>
                      <a:pt x="1436" y="762"/>
                    </a:lnTo>
                    <a:lnTo>
                      <a:pt x="1429" y="757"/>
                    </a:lnTo>
                    <a:lnTo>
                      <a:pt x="1423" y="750"/>
                    </a:lnTo>
                    <a:lnTo>
                      <a:pt x="1416" y="742"/>
                    </a:lnTo>
                    <a:lnTo>
                      <a:pt x="1412" y="737"/>
                    </a:lnTo>
                    <a:lnTo>
                      <a:pt x="1410" y="731"/>
                    </a:lnTo>
                    <a:lnTo>
                      <a:pt x="1409" y="724"/>
                    </a:lnTo>
                    <a:lnTo>
                      <a:pt x="1407" y="716"/>
                    </a:lnTo>
                    <a:lnTo>
                      <a:pt x="1412" y="688"/>
                    </a:lnTo>
                    <a:lnTo>
                      <a:pt x="1415" y="674"/>
                    </a:lnTo>
                    <a:lnTo>
                      <a:pt x="1416" y="672"/>
                    </a:lnTo>
                    <a:lnTo>
                      <a:pt x="1418" y="672"/>
                    </a:lnTo>
                    <a:lnTo>
                      <a:pt x="1420" y="672"/>
                    </a:lnTo>
                    <a:lnTo>
                      <a:pt x="1423" y="675"/>
                    </a:lnTo>
                    <a:lnTo>
                      <a:pt x="1431" y="683"/>
                    </a:lnTo>
                    <a:lnTo>
                      <a:pt x="1442" y="696"/>
                    </a:lnTo>
                    <a:lnTo>
                      <a:pt x="1447" y="700"/>
                    </a:lnTo>
                    <a:lnTo>
                      <a:pt x="1451" y="703"/>
                    </a:lnTo>
                    <a:lnTo>
                      <a:pt x="1457" y="705"/>
                    </a:lnTo>
                    <a:lnTo>
                      <a:pt x="1459" y="703"/>
                    </a:lnTo>
                    <a:lnTo>
                      <a:pt x="1462" y="702"/>
                    </a:lnTo>
                    <a:lnTo>
                      <a:pt x="1464" y="700"/>
                    </a:lnTo>
                    <a:lnTo>
                      <a:pt x="1467" y="697"/>
                    </a:lnTo>
                    <a:lnTo>
                      <a:pt x="1469" y="693"/>
                    </a:lnTo>
                    <a:lnTo>
                      <a:pt x="1473" y="674"/>
                    </a:lnTo>
                    <a:lnTo>
                      <a:pt x="1476" y="661"/>
                    </a:lnTo>
                    <a:lnTo>
                      <a:pt x="1479" y="659"/>
                    </a:lnTo>
                    <a:lnTo>
                      <a:pt x="1475" y="648"/>
                    </a:lnTo>
                    <a:lnTo>
                      <a:pt x="1472" y="631"/>
                    </a:lnTo>
                    <a:lnTo>
                      <a:pt x="1469" y="623"/>
                    </a:lnTo>
                    <a:lnTo>
                      <a:pt x="1468" y="615"/>
                    </a:lnTo>
                    <a:lnTo>
                      <a:pt x="1466" y="610"/>
                    </a:lnTo>
                    <a:lnTo>
                      <a:pt x="1462" y="605"/>
                    </a:lnTo>
                    <a:lnTo>
                      <a:pt x="1455" y="600"/>
                    </a:lnTo>
                    <a:lnTo>
                      <a:pt x="1446" y="597"/>
                    </a:lnTo>
                    <a:lnTo>
                      <a:pt x="1437" y="595"/>
                    </a:lnTo>
                    <a:lnTo>
                      <a:pt x="1428" y="592"/>
                    </a:lnTo>
                    <a:lnTo>
                      <a:pt x="1418" y="588"/>
                    </a:lnTo>
                    <a:lnTo>
                      <a:pt x="1412" y="584"/>
                    </a:lnTo>
                    <a:lnTo>
                      <a:pt x="1407" y="578"/>
                    </a:lnTo>
                    <a:lnTo>
                      <a:pt x="1403" y="569"/>
                    </a:lnTo>
                    <a:lnTo>
                      <a:pt x="1397" y="548"/>
                    </a:lnTo>
                    <a:lnTo>
                      <a:pt x="1389" y="519"/>
                    </a:lnTo>
                    <a:lnTo>
                      <a:pt x="1383" y="507"/>
                    </a:lnTo>
                    <a:lnTo>
                      <a:pt x="1377" y="496"/>
                    </a:lnTo>
                    <a:lnTo>
                      <a:pt x="1374" y="491"/>
                    </a:lnTo>
                    <a:lnTo>
                      <a:pt x="1370" y="488"/>
                    </a:lnTo>
                    <a:lnTo>
                      <a:pt x="1366" y="486"/>
                    </a:lnTo>
                    <a:lnTo>
                      <a:pt x="1362" y="486"/>
                    </a:lnTo>
                    <a:lnTo>
                      <a:pt x="1353" y="486"/>
                    </a:lnTo>
                    <a:lnTo>
                      <a:pt x="1345" y="487"/>
                    </a:lnTo>
                    <a:lnTo>
                      <a:pt x="1337" y="490"/>
                    </a:lnTo>
                    <a:lnTo>
                      <a:pt x="1330" y="492"/>
                    </a:lnTo>
                    <a:lnTo>
                      <a:pt x="1315" y="500"/>
                    </a:lnTo>
                    <a:lnTo>
                      <a:pt x="1302" y="509"/>
                    </a:lnTo>
                    <a:lnTo>
                      <a:pt x="1291" y="517"/>
                    </a:lnTo>
                    <a:lnTo>
                      <a:pt x="1278" y="526"/>
                    </a:lnTo>
                    <a:lnTo>
                      <a:pt x="1271" y="530"/>
                    </a:lnTo>
                    <a:lnTo>
                      <a:pt x="1265" y="532"/>
                    </a:lnTo>
                    <a:lnTo>
                      <a:pt x="1258" y="535"/>
                    </a:lnTo>
                    <a:lnTo>
                      <a:pt x="1252" y="536"/>
                    </a:lnTo>
                    <a:lnTo>
                      <a:pt x="1240" y="538"/>
                    </a:lnTo>
                    <a:lnTo>
                      <a:pt x="1229" y="536"/>
                    </a:lnTo>
                    <a:lnTo>
                      <a:pt x="1217" y="534"/>
                    </a:lnTo>
                    <a:lnTo>
                      <a:pt x="1205" y="530"/>
                    </a:lnTo>
                    <a:lnTo>
                      <a:pt x="1194" y="525"/>
                    </a:lnTo>
                    <a:lnTo>
                      <a:pt x="1182" y="518"/>
                    </a:lnTo>
                    <a:lnTo>
                      <a:pt x="1172" y="509"/>
                    </a:lnTo>
                    <a:lnTo>
                      <a:pt x="1161" y="501"/>
                    </a:lnTo>
                    <a:lnTo>
                      <a:pt x="1151" y="491"/>
                    </a:lnTo>
                    <a:lnTo>
                      <a:pt x="1142" y="481"/>
                    </a:lnTo>
                    <a:lnTo>
                      <a:pt x="1133" y="470"/>
                    </a:lnTo>
                    <a:lnTo>
                      <a:pt x="1125" y="459"/>
                    </a:lnTo>
                    <a:lnTo>
                      <a:pt x="1117" y="448"/>
                    </a:lnTo>
                    <a:lnTo>
                      <a:pt x="1112" y="437"/>
                    </a:lnTo>
                    <a:lnTo>
                      <a:pt x="1107" y="426"/>
                    </a:lnTo>
                    <a:lnTo>
                      <a:pt x="1103" y="416"/>
                    </a:lnTo>
                    <a:lnTo>
                      <a:pt x="1098" y="400"/>
                    </a:lnTo>
                    <a:lnTo>
                      <a:pt x="1095" y="383"/>
                    </a:lnTo>
                    <a:lnTo>
                      <a:pt x="1095" y="367"/>
                    </a:lnTo>
                    <a:lnTo>
                      <a:pt x="1098" y="350"/>
                    </a:lnTo>
                    <a:lnTo>
                      <a:pt x="1099" y="341"/>
                    </a:lnTo>
                    <a:lnTo>
                      <a:pt x="1102" y="333"/>
                    </a:lnTo>
                    <a:lnTo>
                      <a:pt x="1105" y="325"/>
                    </a:lnTo>
                    <a:lnTo>
                      <a:pt x="1109" y="319"/>
                    </a:lnTo>
                    <a:lnTo>
                      <a:pt x="1115" y="312"/>
                    </a:lnTo>
                    <a:lnTo>
                      <a:pt x="1121" y="307"/>
                    </a:lnTo>
                    <a:lnTo>
                      <a:pt x="1127" y="302"/>
                    </a:lnTo>
                    <a:lnTo>
                      <a:pt x="1135" y="298"/>
                    </a:lnTo>
                    <a:lnTo>
                      <a:pt x="1153" y="294"/>
                    </a:lnTo>
                    <a:lnTo>
                      <a:pt x="1173" y="291"/>
                    </a:lnTo>
                    <a:lnTo>
                      <a:pt x="1177" y="290"/>
                    </a:lnTo>
                    <a:lnTo>
                      <a:pt x="1179" y="289"/>
                    </a:lnTo>
                    <a:lnTo>
                      <a:pt x="1182" y="286"/>
                    </a:lnTo>
                    <a:lnTo>
                      <a:pt x="1183" y="284"/>
                    </a:lnTo>
                    <a:lnTo>
                      <a:pt x="1183" y="280"/>
                    </a:lnTo>
                    <a:lnTo>
                      <a:pt x="1183" y="276"/>
                    </a:lnTo>
                    <a:lnTo>
                      <a:pt x="1181" y="271"/>
                    </a:lnTo>
                    <a:lnTo>
                      <a:pt x="1177" y="264"/>
                    </a:lnTo>
                    <a:lnTo>
                      <a:pt x="1172" y="255"/>
                    </a:lnTo>
                    <a:lnTo>
                      <a:pt x="1166" y="246"/>
                    </a:lnTo>
                    <a:lnTo>
                      <a:pt x="1162" y="236"/>
                    </a:lnTo>
                    <a:lnTo>
                      <a:pt x="1160" y="227"/>
                    </a:lnTo>
                    <a:lnTo>
                      <a:pt x="1160" y="222"/>
                    </a:lnTo>
                    <a:lnTo>
                      <a:pt x="1160" y="218"/>
                    </a:lnTo>
                    <a:lnTo>
                      <a:pt x="1161" y="214"/>
                    </a:lnTo>
                    <a:lnTo>
                      <a:pt x="1164" y="210"/>
                    </a:lnTo>
                    <a:lnTo>
                      <a:pt x="1168" y="206"/>
                    </a:lnTo>
                    <a:lnTo>
                      <a:pt x="1172" y="203"/>
                    </a:lnTo>
                    <a:lnTo>
                      <a:pt x="1177" y="201"/>
                    </a:lnTo>
                    <a:lnTo>
                      <a:pt x="1183" y="198"/>
                    </a:lnTo>
                    <a:lnTo>
                      <a:pt x="1205" y="197"/>
                    </a:lnTo>
                    <a:lnTo>
                      <a:pt x="1231" y="194"/>
                    </a:lnTo>
                    <a:lnTo>
                      <a:pt x="1243" y="192"/>
                    </a:lnTo>
                    <a:lnTo>
                      <a:pt x="1253" y="188"/>
                    </a:lnTo>
                    <a:lnTo>
                      <a:pt x="1256" y="184"/>
                    </a:lnTo>
                    <a:lnTo>
                      <a:pt x="1258" y="180"/>
                    </a:lnTo>
                    <a:lnTo>
                      <a:pt x="1260" y="176"/>
                    </a:lnTo>
                    <a:lnTo>
                      <a:pt x="1260" y="170"/>
                    </a:lnTo>
                    <a:lnTo>
                      <a:pt x="1288" y="128"/>
                    </a:lnTo>
                    <a:lnTo>
                      <a:pt x="1287" y="12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67" name="Freeform 225"/>
              <p:cNvSpPr>
                <a:spLocks/>
              </p:cNvSpPr>
              <p:nvPr/>
            </p:nvSpPr>
            <p:spPr bwMode="auto">
              <a:xfrm>
                <a:off x="4661041" y="2355552"/>
                <a:ext cx="672204" cy="680977"/>
              </a:xfrm>
              <a:custGeom>
                <a:avLst/>
                <a:gdLst/>
                <a:ahLst/>
                <a:cxnLst>
                  <a:cxn ang="0">
                    <a:pos x="1313" y="16"/>
                  </a:cxn>
                  <a:cxn ang="0">
                    <a:pos x="1134" y="21"/>
                  </a:cxn>
                  <a:cxn ang="0">
                    <a:pos x="985" y="126"/>
                  </a:cxn>
                  <a:cxn ang="0">
                    <a:pos x="959" y="194"/>
                  </a:cxn>
                  <a:cxn ang="0">
                    <a:pos x="1056" y="275"/>
                  </a:cxn>
                  <a:cxn ang="0">
                    <a:pos x="915" y="301"/>
                  </a:cxn>
                  <a:cxn ang="0">
                    <a:pos x="911" y="370"/>
                  </a:cxn>
                  <a:cxn ang="0">
                    <a:pos x="831" y="311"/>
                  </a:cxn>
                  <a:cxn ang="0">
                    <a:pos x="739" y="316"/>
                  </a:cxn>
                  <a:cxn ang="0">
                    <a:pos x="626" y="205"/>
                  </a:cxn>
                  <a:cxn ang="0">
                    <a:pos x="581" y="232"/>
                  </a:cxn>
                  <a:cxn ang="0">
                    <a:pos x="473" y="247"/>
                  </a:cxn>
                  <a:cxn ang="0">
                    <a:pos x="522" y="273"/>
                  </a:cxn>
                  <a:cxn ang="0">
                    <a:pos x="427" y="291"/>
                  </a:cxn>
                  <a:cxn ang="0">
                    <a:pos x="543" y="400"/>
                  </a:cxn>
                  <a:cxn ang="0">
                    <a:pos x="520" y="434"/>
                  </a:cxn>
                  <a:cxn ang="0">
                    <a:pos x="456" y="496"/>
                  </a:cxn>
                  <a:cxn ang="0">
                    <a:pos x="377" y="541"/>
                  </a:cxn>
                  <a:cxn ang="0">
                    <a:pos x="416" y="602"/>
                  </a:cxn>
                  <a:cxn ang="0">
                    <a:pos x="446" y="653"/>
                  </a:cxn>
                  <a:cxn ang="0">
                    <a:pos x="482" y="715"/>
                  </a:cxn>
                  <a:cxn ang="0">
                    <a:pos x="587" y="792"/>
                  </a:cxn>
                  <a:cxn ang="0">
                    <a:pos x="393" y="894"/>
                  </a:cxn>
                  <a:cxn ang="0">
                    <a:pos x="349" y="965"/>
                  </a:cxn>
                  <a:cxn ang="0">
                    <a:pos x="521" y="966"/>
                  </a:cxn>
                  <a:cxn ang="0">
                    <a:pos x="463" y="1012"/>
                  </a:cxn>
                  <a:cxn ang="0">
                    <a:pos x="230" y="1014"/>
                  </a:cxn>
                  <a:cxn ang="0">
                    <a:pos x="213" y="1087"/>
                  </a:cxn>
                  <a:cxn ang="0">
                    <a:pos x="110" y="1042"/>
                  </a:cxn>
                  <a:cxn ang="0">
                    <a:pos x="29" y="1066"/>
                  </a:cxn>
                  <a:cxn ang="0">
                    <a:pos x="183" y="1144"/>
                  </a:cxn>
                  <a:cxn ang="0">
                    <a:pos x="8" y="1194"/>
                  </a:cxn>
                  <a:cxn ang="0">
                    <a:pos x="34" y="1273"/>
                  </a:cxn>
                  <a:cxn ang="0">
                    <a:pos x="91" y="1302"/>
                  </a:cxn>
                  <a:cxn ang="0">
                    <a:pos x="20" y="1328"/>
                  </a:cxn>
                  <a:cxn ang="0">
                    <a:pos x="173" y="1341"/>
                  </a:cxn>
                  <a:cxn ang="0">
                    <a:pos x="170" y="1378"/>
                  </a:cxn>
                  <a:cxn ang="0">
                    <a:pos x="125" y="1434"/>
                  </a:cxn>
                  <a:cxn ang="0">
                    <a:pos x="263" y="1475"/>
                  </a:cxn>
                  <a:cxn ang="0">
                    <a:pos x="487" y="1508"/>
                  </a:cxn>
                  <a:cxn ang="0">
                    <a:pos x="565" y="1455"/>
                  </a:cxn>
                  <a:cxn ang="0">
                    <a:pos x="661" y="1425"/>
                  </a:cxn>
                  <a:cxn ang="0">
                    <a:pos x="762" y="1420"/>
                  </a:cxn>
                  <a:cxn ang="0">
                    <a:pos x="918" y="1430"/>
                  </a:cxn>
                  <a:cxn ang="0">
                    <a:pos x="978" y="1418"/>
                  </a:cxn>
                  <a:cxn ang="0">
                    <a:pos x="1083" y="1475"/>
                  </a:cxn>
                  <a:cxn ang="0">
                    <a:pos x="1140" y="1435"/>
                  </a:cxn>
                  <a:cxn ang="0">
                    <a:pos x="1331" y="1201"/>
                  </a:cxn>
                  <a:cxn ang="0">
                    <a:pos x="1352" y="1079"/>
                  </a:cxn>
                  <a:cxn ang="0">
                    <a:pos x="1375" y="1017"/>
                  </a:cxn>
                  <a:cxn ang="0">
                    <a:pos x="1427" y="900"/>
                  </a:cxn>
                  <a:cxn ang="0">
                    <a:pos x="1442" y="779"/>
                  </a:cxn>
                  <a:cxn ang="0">
                    <a:pos x="1416" y="672"/>
                  </a:cxn>
                  <a:cxn ang="0">
                    <a:pos x="1473" y="674"/>
                  </a:cxn>
                  <a:cxn ang="0">
                    <a:pos x="1412" y="584"/>
                  </a:cxn>
                  <a:cxn ang="0">
                    <a:pos x="1330" y="492"/>
                  </a:cxn>
                  <a:cxn ang="0">
                    <a:pos x="1182" y="518"/>
                  </a:cxn>
                  <a:cxn ang="0">
                    <a:pos x="1098" y="350"/>
                  </a:cxn>
                  <a:cxn ang="0">
                    <a:pos x="1183" y="284"/>
                  </a:cxn>
                  <a:cxn ang="0">
                    <a:pos x="1172" y="203"/>
                  </a:cxn>
                </a:cxnLst>
                <a:rect l="0" t="0" r="r" b="b"/>
                <a:pathLst>
                  <a:path w="1479" h="1510">
                    <a:moveTo>
                      <a:pt x="1287" y="124"/>
                    </a:moveTo>
                    <a:lnTo>
                      <a:pt x="1286" y="114"/>
                    </a:lnTo>
                    <a:lnTo>
                      <a:pt x="1287" y="108"/>
                    </a:lnTo>
                    <a:lnTo>
                      <a:pt x="1289" y="101"/>
                    </a:lnTo>
                    <a:lnTo>
                      <a:pt x="1293" y="96"/>
                    </a:lnTo>
                    <a:lnTo>
                      <a:pt x="1297" y="91"/>
                    </a:lnTo>
                    <a:lnTo>
                      <a:pt x="1300" y="86"/>
                    </a:lnTo>
                    <a:lnTo>
                      <a:pt x="1302" y="79"/>
                    </a:lnTo>
                    <a:lnTo>
                      <a:pt x="1304" y="73"/>
                    </a:lnTo>
                    <a:lnTo>
                      <a:pt x="1309" y="53"/>
                    </a:lnTo>
                    <a:lnTo>
                      <a:pt x="1313" y="31"/>
                    </a:lnTo>
                    <a:lnTo>
                      <a:pt x="1314" y="26"/>
                    </a:lnTo>
                    <a:lnTo>
                      <a:pt x="1313" y="21"/>
                    </a:lnTo>
                    <a:lnTo>
                      <a:pt x="1313" y="16"/>
                    </a:lnTo>
                    <a:lnTo>
                      <a:pt x="1310" y="12"/>
                    </a:lnTo>
                    <a:lnTo>
                      <a:pt x="1308" y="9"/>
                    </a:lnTo>
                    <a:lnTo>
                      <a:pt x="1305" y="5"/>
                    </a:lnTo>
                    <a:lnTo>
                      <a:pt x="1300" y="4"/>
                    </a:lnTo>
                    <a:lnTo>
                      <a:pt x="1293" y="3"/>
                    </a:lnTo>
                    <a:lnTo>
                      <a:pt x="1278" y="1"/>
                    </a:lnTo>
                    <a:lnTo>
                      <a:pt x="1260" y="0"/>
                    </a:lnTo>
                    <a:lnTo>
                      <a:pt x="1239" y="1"/>
                    </a:lnTo>
                    <a:lnTo>
                      <a:pt x="1218" y="3"/>
                    </a:lnTo>
                    <a:lnTo>
                      <a:pt x="1199" y="4"/>
                    </a:lnTo>
                    <a:lnTo>
                      <a:pt x="1178" y="8"/>
                    </a:lnTo>
                    <a:lnTo>
                      <a:pt x="1161" y="12"/>
                    </a:lnTo>
                    <a:lnTo>
                      <a:pt x="1146" y="16"/>
                    </a:lnTo>
                    <a:lnTo>
                      <a:pt x="1134" y="21"/>
                    </a:lnTo>
                    <a:lnTo>
                      <a:pt x="1124" y="26"/>
                    </a:lnTo>
                    <a:lnTo>
                      <a:pt x="1115" y="32"/>
                    </a:lnTo>
                    <a:lnTo>
                      <a:pt x="1107" y="39"/>
                    </a:lnTo>
                    <a:lnTo>
                      <a:pt x="1092" y="52"/>
                    </a:lnTo>
                    <a:lnTo>
                      <a:pt x="1074" y="67"/>
                    </a:lnTo>
                    <a:lnTo>
                      <a:pt x="1068" y="78"/>
                    </a:lnTo>
                    <a:lnTo>
                      <a:pt x="1061" y="87"/>
                    </a:lnTo>
                    <a:lnTo>
                      <a:pt x="1055" y="96"/>
                    </a:lnTo>
                    <a:lnTo>
                      <a:pt x="1047" y="105"/>
                    </a:lnTo>
                    <a:lnTo>
                      <a:pt x="1038" y="111"/>
                    </a:lnTo>
                    <a:lnTo>
                      <a:pt x="1028" y="117"/>
                    </a:lnTo>
                    <a:lnTo>
                      <a:pt x="1016" y="122"/>
                    </a:lnTo>
                    <a:lnTo>
                      <a:pt x="1003" y="124"/>
                    </a:lnTo>
                    <a:lnTo>
                      <a:pt x="985" y="126"/>
                    </a:lnTo>
                    <a:lnTo>
                      <a:pt x="960" y="126"/>
                    </a:lnTo>
                    <a:lnTo>
                      <a:pt x="949" y="128"/>
                    </a:lnTo>
                    <a:lnTo>
                      <a:pt x="940" y="131"/>
                    </a:lnTo>
                    <a:lnTo>
                      <a:pt x="936" y="133"/>
                    </a:lnTo>
                    <a:lnTo>
                      <a:pt x="933" y="136"/>
                    </a:lnTo>
                    <a:lnTo>
                      <a:pt x="931" y="140"/>
                    </a:lnTo>
                    <a:lnTo>
                      <a:pt x="931" y="144"/>
                    </a:lnTo>
                    <a:lnTo>
                      <a:pt x="931" y="152"/>
                    </a:lnTo>
                    <a:lnTo>
                      <a:pt x="933" y="161"/>
                    </a:lnTo>
                    <a:lnTo>
                      <a:pt x="936" y="167"/>
                    </a:lnTo>
                    <a:lnTo>
                      <a:pt x="941" y="175"/>
                    </a:lnTo>
                    <a:lnTo>
                      <a:pt x="946" y="181"/>
                    </a:lnTo>
                    <a:lnTo>
                      <a:pt x="951" y="188"/>
                    </a:lnTo>
                    <a:lnTo>
                      <a:pt x="959" y="194"/>
                    </a:lnTo>
                    <a:lnTo>
                      <a:pt x="966" y="200"/>
                    </a:lnTo>
                    <a:lnTo>
                      <a:pt x="982" y="210"/>
                    </a:lnTo>
                    <a:lnTo>
                      <a:pt x="999" y="219"/>
                    </a:lnTo>
                    <a:lnTo>
                      <a:pt x="1015" y="228"/>
                    </a:lnTo>
                    <a:lnTo>
                      <a:pt x="1030" y="234"/>
                    </a:lnTo>
                    <a:lnTo>
                      <a:pt x="1046" y="238"/>
                    </a:lnTo>
                    <a:lnTo>
                      <a:pt x="1073" y="245"/>
                    </a:lnTo>
                    <a:lnTo>
                      <a:pt x="1083" y="249"/>
                    </a:lnTo>
                    <a:lnTo>
                      <a:pt x="1091" y="253"/>
                    </a:lnTo>
                    <a:lnTo>
                      <a:pt x="1092" y="255"/>
                    </a:lnTo>
                    <a:lnTo>
                      <a:pt x="1091" y="258"/>
                    </a:lnTo>
                    <a:lnTo>
                      <a:pt x="1089" y="260"/>
                    </a:lnTo>
                    <a:lnTo>
                      <a:pt x="1083" y="263"/>
                    </a:lnTo>
                    <a:lnTo>
                      <a:pt x="1056" y="275"/>
                    </a:lnTo>
                    <a:lnTo>
                      <a:pt x="1034" y="285"/>
                    </a:lnTo>
                    <a:lnTo>
                      <a:pt x="1023" y="288"/>
                    </a:lnTo>
                    <a:lnTo>
                      <a:pt x="1011" y="290"/>
                    </a:lnTo>
                    <a:lnTo>
                      <a:pt x="998" y="289"/>
                    </a:lnTo>
                    <a:lnTo>
                      <a:pt x="984" y="285"/>
                    </a:lnTo>
                    <a:lnTo>
                      <a:pt x="972" y="282"/>
                    </a:lnTo>
                    <a:lnTo>
                      <a:pt x="962" y="281"/>
                    </a:lnTo>
                    <a:lnTo>
                      <a:pt x="953" y="281"/>
                    </a:lnTo>
                    <a:lnTo>
                      <a:pt x="944" y="282"/>
                    </a:lnTo>
                    <a:lnTo>
                      <a:pt x="936" y="284"/>
                    </a:lnTo>
                    <a:lnTo>
                      <a:pt x="928" y="288"/>
                    </a:lnTo>
                    <a:lnTo>
                      <a:pt x="923" y="291"/>
                    </a:lnTo>
                    <a:lnTo>
                      <a:pt x="918" y="295"/>
                    </a:lnTo>
                    <a:lnTo>
                      <a:pt x="915" y="301"/>
                    </a:lnTo>
                    <a:lnTo>
                      <a:pt x="912" y="307"/>
                    </a:lnTo>
                    <a:lnTo>
                      <a:pt x="912" y="314"/>
                    </a:lnTo>
                    <a:lnTo>
                      <a:pt x="915" y="321"/>
                    </a:lnTo>
                    <a:lnTo>
                      <a:pt x="919" y="329"/>
                    </a:lnTo>
                    <a:lnTo>
                      <a:pt x="924" y="338"/>
                    </a:lnTo>
                    <a:lnTo>
                      <a:pt x="933" y="347"/>
                    </a:lnTo>
                    <a:lnTo>
                      <a:pt x="944" y="356"/>
                    </a:lnTo>
                    <a:lnTo>
                      <a:pt x="947" y="360"/>
                    </a:lnTo>
                    <a:lnTo>
                      <a:pt x="949" y="363"/>
                    </a:lnTo>
                    <a:lnTo>
                      <a:pt x="950" y="365"/>
                    </a:lnTo>
                    <a:lnTo>
                      <a:pt x="949" y="367"/>
                    </a:lnTo>
                    <a:lnTo>
                      <a:pt x="944" y="369"/>
                    </a:lnTo>
                    <a:lnTo>
                      <a:pt x="934" y="370"/>
                    </a:lnTo>
                    <a:lnTo>
                      <a:pt x="911" y="370"/>
                    </a:lnTo>
                    <a:lnTo>
                      <a:pt x="894" y="373"/>
                    </a:lnTo>
                    <a:lnTo>
                      <a:pt x="889" y="373"/>
                    </a:lnTo>
                    <a:lnTo>
                      <a:pt x="885" y="373"/>
                    </a:lnTo>
                    <a:lnTo>
                      <a:pt x="883" y="372"/>
                    </a:lnTo>
                    <a:lnTo>
                      <a:pt x="881" y="369"/>
                    </a:lnTo>
                    <a:lnTo>
                      <a:pt x="879" y="361"/>
                    </a:lnTo>
                    <a:lnTo>
                      <a:pt x="877" y="352"/>
                    </a:lnTo>
                    <a:lnTo>
                      <a:pt x="876" y="342"/>
                    </a:lnTo>
                    <a:lnTo>
                      <a:pt x="874" y="333"/>
                    </a:lnTo>
                    <a:lnTo>
                      <a:pt x="871" y="328"/>
                    </a:lnTo>
                    <a:lnTo>
                      <a:pt x="868" y="324"/>
                    </a:lnTo>
                    <a:lnTo>
                      <a:pt x="863" y="321"/>
                    </a:lnTo>
                    <a:lnTo>
                      <a:pt x="858" y="320"/>
                    </a:lnTo>
                    <a:lnTo>
                      <a:pt x="831" y="311"/>
                    </a:lnTo>
                    <a:lnTo>
                      <a:pt x="809" y="302"/>
                    </a:lnTo>
                    <a:lnTo>
                      <a:pt x="804" y="302"/>
                    </a:lnTo>
                    <a:lnTo>
                      <a:pt x="797" y="301"/>
                    </a:lnTo>
                    <a:lnTo>
                      <a:pt x="792" y="301"/>
                    </a:lnTo>
                    <a:lnTo>
                      <a:pt x="787" y="302"/>
                    </a:lnTo>
                    <a:lnTo>
                      <a:pt x="780" y="303"/>
                    </a:lnTo>
                    <a:lnTo>
                      <a:pt x="774" y="307"/>
                    </a:lnTo>
                    <a:lnTo>
                      <a:pt x="767" y="311"/>
                    </a:lnTo>
                    <a:lnTo>
                      <a:pt x="761" y="315"/>
                    </a:lnTo>
                    <a:lnTo>
                      <a:pt x="753" y="320"/>
                    </a:lnTo>
                    <a:lnTo>
                      <a:pt x="748" y="323"/>
                    </a:lnTo>
                    <a:lnTo>
                      <a:pt x="744" y="323"/>
                    </a:lnTo>
                    <a:lnTo>
                      <a:pt x="740" y="320"/>
                    </a:lnTo>
                    <a:lnTo>
                      <a:pt x="739" y="316"/>
                    </a:lnTo>
                    <a:lnTo>
                      <a:pt x="738" y="311"/>
                    </a:lnTo>
                    <a:lnTo>
                      <a:pt x="736" y="304"/>
                    </a:lnTo>
                    <a:lnTo>
                      <a:pt x="736" y="297"/>
                    </a:lnTo>
                    <a:lnTo>
                      <a:pt x="735" y="281"/>
                    </a:lnTo>
                    <a:lnTo>
                      <a:pt x="732" y="264"/>
                    </a:lnTo>
                    <a:lnTo>
                      <a:pt x="730" y="258"/>
                    </a:lnTo>
                    <a:lnTo>
                      <a:pt x="727" y="251"/>
                    </a:lnTo>
                    <a:lnTo>
                      <a:pt x="722" y="246"/>
                    </a:lnTo>
                    <a:lnTo>
                      <a:pt x="717" y="244"/>
                    </a:lnTo>
                    <a:lnTo>
                      <a:pt x="686" y="228"/>
                    </a:lnTo>
                    <a:lnTo>
                      <a:pt x="649" y="210"/>
                    </a:lnTo>
                    <a:lnTo>
                      <a:pt x="640" y="207"/>
                    </a:lnTo>
                    <a:lnTo>
                      <a:pt x="633" y="206"/>
                    </a:lnTo>
                    <a:lnTo>
                      <a:pt x="626" y="205"/>
                    </a:lnTo>
                    <a:lnTo>
                      <a:pt x="620" y="206"/>
                    </a:lnTo>
                    <a:lnTo>
                      <a:pt x="618" y="207"/>
                    </a:lnTo>
                    <a:lnTo>
                      <a:pt x="616" y="210"/>
                    </a:lnTo>
                    <a:lnTo>
                      <a:pt x="614" y="212"/>
                    </a:lnTo>
                    <a:lnTo>
                      <a:pt x="613" y="215"/>
                    </a:lnTo>
                    <a:lnTo>
                      <a:pt x="613" y="223"/>
                    </a:lnTo>
                    <a:lnTo>
                      <a:pt x="614" y="233"/>
                    </a:lnTo>
                    <a:lnTo>
                      <a:pt x="614" y="238"/>
                    </a:lnTo>
                    <a:lnTo>
                      <a:pt x="614" y="242"/>
                    </a:lnTo>
                    <a:lnTo>
                      <a:pt x="613" y="245"/>
                    </a:lnTo>
                    <a:lnTo>
                      <a:pt x="611" y="246"/>
                    </a:lnTo>
                    <a:lnTo>
                      <a:pt x="604" y="246"/>
                    </a:lnTo>
                    <a:lnTo>
                      <a:pt x="598" y="244"/>
                    </a:lnTo>
                    <a:lnTo>
                      <a:pt x="581" y="232"/>
                    </a:lnTo>
                    <a:lnTo>
                      <a:pt x="570" y="223"/>
                    </a:lnTo>
                    <a:lnTo>
                      <a:pt x="557" y="206"/>
                    </a:lnTo>
                    <a:lnTo>
                      <a:pt x="551" y="193"/>
                    </a:lnTo>
                    <a:lnTo>
                      <a:pt x="550" y="190"/>
                    </a:lnTo>
                    <a:lnTo>
                      <a:pt x="547" y="189"/>
                    </a:lnTo>
                    <a:lnTo>
                      <a:pt x="544" y="189"/>
                    </a:lnTo>
                    <a:lnTo>
                      <a:pt x="542" y="190"/>
                    </a:lnTo>
                    <a:lnTo>
                      <a:pt x="534" y="196"/>
                    </a:lnTo>
                    <a:lnTo>
                      <a:pt x="522" y="206"/>
                    </a:lnTo>
                    <a:lnTo>
                      <a:pt x="508" y="216"/>
                    </a:lnTo>
                    <a:lnTo>
                      <a:pt x="485" y="234"/>
                    </a:lnTo>
                    <a:lnTo>
                      <a:pt x="481" y="238"/>
                    </a:lnTo>
                    <a:lnTo>
                      <a:pt x="476" y="244"/>
                    </a:lnTo>
                    <a:lnTo>
                      <a:pt x="473" y="247"/>
                    </a:lnTo>
                    <a:lnTo>
                      <a:pt x="472" y="251"/>
                    </a:lnTo>
                    <a:lnTo>
                      <a:pt x="472" y="254"/>
                    </a:lnTo>
                    <a:lnTo>
                      <a:pt x="475" y="257"/>
                    </a:lnTo>
                    <a:lnTo>
                      <a:pt x="480" y="258"/>
                    </a:lnTo>
                    <a:lnTo>
                      <a:pt x="486" y="259"/>
                    </a:lnTo>
                    <a:lnTo>
                      <a:pt x="497" y="258"/>
                    </a:lnTo>
                    <a:lnTo>
                      <a:pt x="511" y="257"/>
                    </a:lnTo>
                    <a:lnTo>
                      <a:pt x="517" y="255"/>
                    </a:lnTo>
                    <a:lnTo>
                      <a:pt x="524" y="255"/>
                    </a:lnTo>
                    <a:lnTo>
                      <a:pt x="529" y="255"/>
                    </a:lnTo>
                    <a:lnTo>
                      <a:pt x="532" y="258"/>
                    </a:lnTo>
                    <a:lnTo>
                      <a:pt x="529" y="260"/>
                    </a:lnTo>
                    <a:lnTo>
                      <a:pt x="525" y="266"/>
                    </a:lnTo>
                    <a:lnTo>
                      <a:pt x="522" y="273"/>
                    </a:lnTo>
                    <a:lnTo>
                      <a:pt x="519" y="281"/>
                    </a:lnTo>
                    <a:lnTo>
                      <a:pt x="515" y="288"/>
                    </a:lnTo>
                    <a:lnTo>
                      <a:pt x="508" y="293"/>
                    </a:lnTo>
                    <a:lnTo>
                      <a:pt x="504" y="294"/>
                    </a:lnTo>
                    <a:lnTo>
                      <a:pt x="499" y="295"/>
                    </a:lnTo>
                    <a:lnTo>
                      <a:pt x="494" y="295"/>
                    </a:lnTo>
                    <a:lnTo>
                      <a:pt x="487" y="294"/>
                    </a:lnTo>
                    <a:lnTo>
                      <a:pt x="469" y="289"/>
                    </a:lnTo>
                    <a:lnTo>
                      <a:pt x="446" y="286"/>
                    </a:lnTo>
                    <a:lnTo>
                      <a:pt x="441" y="286"/>
                    </a:lnTo>
                    <a:lnTo>
                      <a:pt x="436" y="286"/>
                    </a:lnTo>
                    <a:lnTo>
                      <a:pt x="432" y="288"/>
                    </a:lnTo>
                    <a:lnTo>
                      <a:pt x="428" y="289"/>
                    </a:lnTo>
                    <a:lnTo>
                      <a:pt x="427" y="291"/>
                    </a:lnTo>
                    <a:lnTo>
                      <a:pt x="425" y="295"/>
                    </a:lnTo>
                    <a:lnTo>
                      <a:pt x="425" y="299"/>
                    </a:lnTo>
                    <a:lnTo>
                      <a:pt x="427" y="304"/>
                    </a:lnTo>
                    <a:lnTo>
                      <a:pt x="433" y="315"/>
                    </a:lnTo>
                    <a:lnTo>
                      <a:pt x="445" y="328"/>
                    </a:lnTo>
                    <a:lnTo>
                      <a:pt x="459" y="343"/>
                    </a:lnTo>
                    <a:lnTo>
                      <a:pt x="476" y="359"/>
                    </a:lnTo>
                    <a:lnTo>
                      <a:pt x="494" y="374"/>
                    </a:lnTo>
                    <a:lnTo>
                      <a:pt x="511" y="387"/>
                    </a:lnTo>
                    <a:lnTo>
                      <a:pt x="519" y="393"/>
                    </a:lnTo>
                    <a:lnTo>
                      <a:pt x="526" y="396"/>
                    </a:lnTo>
                    <a:lnTo>
                      <a:pt x="532" y="399"/>
                    </a:lnTo>
                    <a:lnTo>
                      <a:pt x="537" y="400"/>
                    </a:lnTo>
                    <a:lnTo>
                      <a:pt x="543" y="400"/>
                    </a:lnTo>
                    <a:lnTo>
                      <a:pt x="547" y="402"/>
                    </a:lnTo>
                    <a:lnTo>
                      <a:pt x="550" y="404"/>
                    </a:lnTo>
                    <a:lnTo>
                      <a:pt x="552" y="407"/>
                    </a:lnTo>
                    <a:lnTo>
                      <a:pt x="554" y="411"/>
                    </a:lnTo>
                    <a:lnTo>
                      <a:pt x="554" y="413"/>
                    </a:lnTo>
                    <a:lnTo>
                      <a:pt x="554" y="417"/>
                    </a:lnTo>
                    <a:lnTo>
                      <a:pt x="551" y="421"/>
                    </a:lnTo>
                    <a:lnTo>
                      <a:pt x="548" y="424"/>
                    </a:lnTo>
                    <a:lnTo>
                      <a:pt x="546" y="427"/>
                    </a:lnTo>
                    <a:lnTo>
                      <a:pt x="542" y="430"/>
                    </a:lnTo>
                    <a:lnTo>
                      <a:pt x="538" y="433"/>
                    </a:lnTo>
                    <a:lnTo>
                      <a:pt x="533" y="434"/>
                    </a:lnTo>
                    <a:lnTo>
                      <a:pt x="526" y="434"/>
                    </a:lnTo>
                    <a:lnTo>
                      <a:pt x="520" y="434"/>
                    </a:lnTo>
                    <a:lnTo>
                      <a:pt x="513" y="433"/>
                    </a:lnTo>
                    <a:lnTo>
                      <a:pt x="502" y="429"/>
                    </a:lnTo>
                    <a:lnTo>
                      <a:pt x="491" y="429"/>
                    </a:lnTo>
                    <a:lnTo>
                      <a:pt x="485" y="430"/>
                    </a:lnTo>
                    <a:lnTo>
                      <a:pt x="480" y="433"/>
                    </a:lnTo>
                    <a:lnTo>
                      <a:pt x="476" y="437"/>
                    </a:lnTo>
                    <a:lnTo>
                      <a:pt x="473" y="442"/>
                    </a:lnTo>
                    <a:lnTo>
                      <a:pt x="472" y="448"/>
                    </a:lnTo>
                    <a:lnTo>
                      <a:pt x="471" y="456"/>
                    </a:lnTo>
                    <a:lnTo>
                      <a:pt x="469" y="470"/>
                    </a:lnTo>
                    <a:lnTo>
                      <a:pt x="467" y="483"/>
                    </a:lnTo>
                    <a:lnTo>
                      <a:pt x="465" y="488"/>
                    </a:lnTo>
                    <a:lnTo>
                      <a:pt x="462" y="492"/>
                    </a:lnTo>
                    <a:lnTo>
                      <a:pt x="456" y="496"/>
                    </a:lnTo>
                    <a:lnTo>
                      <a:pt x="449" y="497"/>
                    </a:lnTo>
                    <a:lnTo>
                      <a:pt x="427" y="495"/>
                    </a:lnTo>
                    <a:lnTo>
                      <a:pt x="408" y="492"/>
                    </a:lnTo>
                    <a:lnTo>
                      <a:pt x="406" y="492"/>
                    </a:lnTo>
                    <a:lnTo>
                      <a:pt x="402" y="492"/>
                    </a:lnTo>
                    <a:lnTo>
                      <a:pt x="398" y="494"/>
                    </a:lnTo>
                    <a:lnTo>
                      <a:pt x="396" y="496"/>
                    </a:lnTo>
                    <a:lnTo>
                      <a:pt x="393" y="500"/>
                    </a:lnTo>
                    <a:lnTo>
                      <a:pt x="390" y="504"/>
                    </a:lnTo>
                    <a:lnTo>
                      <a:pt x="388" y="509"/>
                    </a:lnTo>
                    <a:lnTo>
                      <a:pt x="385" y="517"/>
                    </a:lnTo>
                    <a:lnTo>
                      <a:pt x="384" y="525"/>
                    </a:lnTo>
                    <a:lnTo>
                      <a:pt x="381" y="534"/>
                    </a:lnTo>
                    <a:lnTo>
                      <a:pt x="377" y="541"/>
                    </a:lnTo>
                    <a:lnTo>
                      <a:pt x="373" y="548"/>
                    </a:lnTo>
                    <a:lnTo>
                      <a:pt x="370" y="556"/>
                    </a:lnTo>
                    <a:lnTo>
                      <a:pt x="367" y="564"/>
                    </a:lnTo>
                    <a:lnTo>
                      <a:pt x="366" y="569"/>
                    </a:lnTo>
                    <a:lnTo>
                      <a:pt x="366" y="573"/>
                    </a:lnTo>
                    <a:lnTo>
                      <a:pt x="367" y="576"/>
                    </a:lnTo>
                    <a:lnTo>
                      <a:pt x="370" y="580"/>
                    </a:lnTo>
                    <a:lnTo>
                      <a:pt x="372" y="586"/>
                    </a:lnTo>
                    <a:lnTo>
                      <a:pt x="376" y="591"/>
                    </a:lnTo>
                    <a:lnTo>
                      <a:pt x="381" y="593"/>
                    </a:lnTo>
                    <a:lnTo>
                      <a:pt x="386" y="595"/>
                    </a:lnTo>
                    <a:lnTo>
                      <a:pt x="397" y="597"/>
                    </a:lnTo>
                    <a:lnTo>
                      <a:pt x="410" y="600"/>
                    </a:lnTo>
                    <a:lnTo>
                      <a:pt x="416" y="602"/>
                    </a:lnTo>
                    <a:lnTo>
                      <a:pt x="421" y="604"/>
                    </a:lnTo>
                    <a:lnTo>
                      <a:pt x="424" y="606"/>
                    </a:lnTo>
                    <a:lnTo>
                      <a:pt x="425" y="609"/>
                    </a:lnTo>
                    <a:lnTo>
                      <a:pt x="423" y="615"/>
                    </a:lnTo>
                    <a:lnTo>
                      <a:pt x="418" y="622"/>
                    </a:lnTo>
                    <a:lnTo>
                      <a:pt x="412" y="628"/>
                    </a:lnTo>
                    <a:lnTo>
                      <a:pt x="410" y="635"/>
                    </a:lnTo>
                    <a:lnTo>
                      <a:pt x="410" y="639"/>
                    </a:lnTo>
                    <a:lnTo>
                      <a:pt x="411" y="643"/>
                    </a:lnTo>
                    <a:lnTo>
                      <a:pt x="415" y="646"/>
                    </a:lnTo>
                    <a:lnTo>
                      <a:pt x="421" y="650"/>
                    </a:lnTo>
                    <a:lnTo>
                      <a:pt x="430" y="654"/>
                    </a:lnTo>
                    <a:lnTo>
                      <a:pt x="440" y="655"/>
                    </a:lnTo>
                    <a:lnTo>
                      <a:pt x="446" y="653"/>
                    </a:lnTo>
                    <a:lnTo>
                      <a:pt x="451" y="650"/>
                    </a:lnTo>
                    <a:lnTo>
                      <a:pt x="456" y="646"/>
                    </a:lnTo>
                    <a:lnTo>
                      <a:pt x="462" y="644"/>
                    </a:lnTo>
                    <a:lnTo>
                      <a:pt x="467" y="640"/>
                    </a:lnTo>
                    <a:lnTo>
                      <a:pt x="472" y="640"/>
                    </a:lnTo>
                    <a:lnTo>
                      <a:pt x="468" y="667"/>
                    </a:lnTo>
                    <a:lnTo>
                      <a:pt x="463" y="689"/>
                    </a:lnTo>
                    <a:lnTo>
                      <a:pt x="463" y="694"/>
                    </a:lnTo>
                    <a:lnTo>
                      <a:pt x="463" y="700"/>
                    </a:lnTo>
                    <a:lnTo>
                      <a:pt x="464" y="703"/>
                    </a:lnTo>
                    <a:lnTo>
                      <a:pt x="467" y="707"/>
                    </a:lnTo>
                    <a:lnTo>
                      <a:pt x="471" y="710"/>
                    </a:lnTo>
                    <a:lnTo>
                      <a:pt x="476" y="712"/>
                    </a:lnTo>
                    <a:lnTo>
                      <a:pt x="482" y="715"/>
                    </a:lnTo>
                    <a:lnTo>
                      <a:pt x="491" y="718"/>
                    </a:lnTo>
                    <a:lnTo>
                      <a:pt x="521" y="724"/>
                    </a:lnTo>
                    <a:lnTo>
                      <a:pt x="551" y="733"/>
                    </a:lnTo>
                    <a:lnTo>
                      <a:pt x="565" y="738"/>
                    </a:lnTo>
                    <a:lnTo>
                      <a:pt x="581" y="741"/>
                    </a:lnTo>
                    <a:lnTo>
                      <a:pt x="596" y="744"/>
                    </a:lnTo>
                    <a:lnTo>
                      <a:pt x="612" y="745"/>
                    </a:lnTo>
                    <a:lnTo>
                      <a:pt x="612" y="771"/>
                    </a:lnTo>
                    <a:lnTo>
                      <a:pt x="609" y="785"/>
                    </a:lnTo>
                    <a:lnTo>
                      <a:pt x="607" y="790"/>
                    </a:lnTo>
                    <a:lnTo>
                      <a:pt x="604" y="793"/>
                    </a:lnTo>
                    <a:lnTo>
                      <a:pt x="601" y="794"/>
                    </a:lnTo>
                    <a:lnTo>
                      <a:pt x="598" y="794"/>
                    </a:lnTo>
                    <a:lnTo>
                      <a:pt x="587" y="792"/>
                    </a:lnTo>
                    <a:lnTo>
                      <a:pt x="574" y="786"/>
                    </a:lnTo>
                    <a:lnTo>
                      <a:pt x="567" y="784"/>
                    </a:lnTo>
                    <a:lnTo>
                      <a:pt x="557" y="782"/>
                    </a:lnTo>
                    <a:lnTo>
                      <a:pt x="548" y="781"/>
                    </a:lnTo>
                    <a:lnTo>
                      <a:pt x="537" y="780"/>
                    </a:lnTo>
                    <a:lnTo>
                      <a:pt x="530" y="781"/>
                    </a:lnTo>
                    <a:lnTo>
                      <a:pt x="522" y="784"/>
                    </a:lnTo>
                    <a:lnTo>
                      <a:pt x="513" y="788"/>
                    </a:lnTo>
                    <a:lnTo>
                      <a:pt x="506" y="793"/>
                    </a:lnTo>
                    <a:lnTo>
                      <a:pt x="487" y="807"/>
                    </a:lnTo>
                    <a:lnTo>
                      <a:pt x="468" y="824"/>
                    </a:lnTo>
                    <a:lnTo>
                      <a:pt x="433" y="858"/>
                    </a:lnTo>
                    <a:lnTo>
                      <a:pt x="406" y="883"/>
                    </a:lnTo>
                    <a:lnTo>
                      <a:pt x="393" y="894"/>
                    </a:lnTo>
                    <a:lnTo>
                      <a:pt x="379" y="902"/>
                    </a:lnTo>
                    <a:lnTo>
                      <a:pt x="364" y="907"/>
                    </a:lnTo>
                    <a:lnTo>
                      <a:pt x="351" y="909"/>
                    </a:lnTo>
                    <a:lnTo>
                      <a:pt x="323" y="915"/>
                    </a:lnTo>
                    <a:lnTo>
                      <a:pt x="293" y="922"/>
                    </a:lnTo>
                    <a:lnTo>
                      <a:pt x="276" y="930"/>
                    </a:lnTo>
                    <a:lnTo>
                      <a:pt x="261" y="937"/>
                    </a:lnTo>
                    <a:lnTo>
                      <a:pt x="271" y="946"/>
                    </a:lnTo>
                    <a:lnTo>
                      <a:pt x="282" y="952"/>
                    </a:lnTo>
                    <a:lnTo>
                      <a:pt x="294" y="957"/>
                    </a:lnTo>
                    <a:lnTo>
                      <a:pt x="307" y="961"/>
                    </a:lnTo>
                    <a:lnTo>
                      <a:pt x="320" y="964"/>
                    </a:lnTo>
                    <a:lnTo>
                      <a:pt x="335" y="965"/>
                    </a:lnTo>
                    <a:lnTo>
                      <a:pt x="349" y="965"/>
                    </a:lnTo>
                    <a:lnTo>
                      <a:pt x="363" y="965"/>
                    </a:lnTo>
                    <a:lnTo>
                      <a:pt x="392" y="964"/>
                    </a:lnTo>
                    <a:lnTo>
                      <a:pt x="420" y="964"/>
                    </a:lnTo>
                    <a:lnTo>
                      <a:pt x="433" y="964"/>
                    </a:lnTo>
                    <a:lnTo>
                      <a:pt x="446" y="965"/>
                    </a:lnTo>
                    <a:lnTo>
                      <a:pt x="458" y="966"/>
                    </a:lnTo>
                    <a:lnTo>
                      <a:pt x="468" y="969"/>
                    </a:lnTo>
                    <a:lnTo>
                      <a:pt x="478" y="972"/>
                    </a:lnTo>
                    <a:lnTo>
                      <a:pt x="487" y="970"/>
                    </a:lnTo>
                    <a:lnTo>
                      <a:pt x="495" y="969"/>
                    </a:lnTo>
                    <a:lnTo>
                      <a:pt x="503" y="966"/>
                    </a:lnTo>
                    <a:lnTo>
                      <a:pt x="511" y="965"/>
                    </a:lnTo>
                    <a:lnTo>
                      <a:pt x="519" y="965"/>
                    </a:lnTo>
                    <a:lnTo>
                      <a:pt x="521" y="966"/>
                    </a:lnTo>
                    <a:lnTo>
                      <a:pt x="525" y="968"/>
                    </a:lnTo>
                    <a:lnTo>
                      <a:pt x="529" y="972"/>
                    </a:lnTo>
                    <a:lnTo>
                      <a:pt x="532" y="975"/>
                    </a:lnTo>
                    <a:lnTo>
                      <a:pt x="542" y="982"/>
                    </a:lnTo>
                    <a:lnTo>
                      <a:pt x="556" y="988"/>
                    </a:lnTo>
                    <a:lnTo>
                      <a:pt x="564" y="992"/>
                    </a:lnTo>
                    <a:lnTo>
                      <a:pt x="569" y="996"/>
                    </a:lnTo>
                    <a:lnTo>
                      <a:pt x="572" y="999"/>
                    </a:lnTo>
                    <a:lnTo>
                      <a:pt x="573" y="1000"/>
                    </a:lnTo>
                    <a:lnTo>
                      <a:pt x="574" y="1003"/>
                    </a:lnTo>
                    <a:lnTo>
                      <a:pt x="576" y="1005"/>
                    </a:lnTo>
                    <a:lnTo>
                      <a:pt x="530" y="1008"/>
                    </a:lnTo>
                    <a:lnTo>
                      <a:pt x="485" y="1010"/>
                    </a:lnTo>
                    <a:lnTo>
                      <a:pt x="463" y="1012"/>
                    </a:lnTo>
                    <a:lnTo>
                      <a:pt x="441" y="1012"/>
                    </a:lnTo>
                    <a:lnTo>
                      <a:pt x="419" y="1009"/>
                    </a:lnTo>
                    <a:lnTo>
                      <a:pt x="398" y="1005"/>
                    </a:lnTo>
                    <a:lnTo>
                      <a:pt x="377" y="1001"/>
                    </a:lnTo>
                    <a:lnTo>
                      <a:pt x="359" y="1000"/>
                    </a:lnTo>
                    <a:lnTo>
                      <a:pt x="342" y="1000"/>
                    </a:lnTo>
                    <a:lnTo>
                      <a:pt x="327" y="1003"/>
                    </a:lnTo>
                    <a:lnTo>
                      <a:pt x="311" y="1005"/>
                    </a:lnTo>
                    <a:lnTo>
                      <a:pt x="296" y="1009"/>
                    </a:lnTo>
                    <a:lnTo>
                      <a:pt x="279" y="1010"/>
                    </a:lnTo>
                    <a:lnTo>
                      <a:pt x="259" y="1012"/>
                    </a:lnTo>
                    <a:lnTo>
                      <a:pt x="247" y="1012"/>
                    </a:lnTo>
                    <a:lnTo>
                      <a:pt x="237" y="1013"/>
                    </a:lnTo>
                    <a:lnTo>
                      <a:pt x="230" y="1014"/>
                    </a:lnTo>
                    <a:lnTo>
                      <a:pt x="226" y="1017"/>
                    </a:lnTo>
                    <a:lnTo>
                      <a:pt x="222" y="1020"/>
                    </a:lnTo>
                    <a:lnTo>
                      <a:pt x="221" y="1022"/>
                    </a:lnTo>
                    <a:lnTo>
                      <a:pt x="221" y="1026"/>
                    </a:lnTo>
                    <a:lnTo>
                      <a:pt x="222" y="1031"/>
                    </a:lnTo>
                    <a:lnTo>
                      <a:pt x="226" y="1040"/>
                    </a:lnTo>
                    <a:lnTo>
                      <a:pt x="228" y="1053"/>
                    </a:lnTo>
                    <a:lnTo>
                      <a:pt x="228" y="1060"/>
                    </a:lnTo>
                    <a:lnTo>
                      <a:pt x="228" y="1066"/>
                    </a:lnTo>
                    <a:lnTo>
                      <a:pt x="226" y="1074"/>
                    </a:lnTo>
                    <a:lnTo>
                      <a:pt x="222" y="1082"/>
                    </a:lnTo>
                    <a:lnTo>
                      <a:pt x="219" y="1084"/>
                    </a:lnTo>
                    <a:lnTo>
                      <a:pt x="217" y="1086"/>
                    </a:lnTo>
                    <a:lnTo>
                      <a:pt x="213" y="1087"/>
                    </a:lnTo>
                    <a:lnTo>
                      <a:pt x="209" y="1086"/>
                    </a:lnTo>
                    <a:lnTo>
                      <a:pt x="202" y="1083"/>
                    </a:lnTo>
                    <a:lnTo>
                      <a:pt x="195" y="1077"/>
                    </a:lnTo>
                    <a:lnTo>
                      <a:pt x="186" y="1070"/>
                    </a:lnTo>
                    <a:lnTo>
                      <a:pt x="177" y="1064"/>
                    </a:lnTo>
                    <a:lnTo>
                      <a:pt x="167" y="1058"/>
                    </a:lnTo>
                    <a:lnTo>
                      <a:pt x="158" y="1056"/>
                    </a:lnTo>
                    <a:lnTo>
                      <a:pt x="149" y="1057"/>
                    </a:lnTo>
                    <a:lnTo>
                      <a:pt x="138" y="1057"/>
                    </a:lnTo>
                    <a:lnTo>
                      <a:pt x="133" y="1057"/>
                    </a:lnTo>
                    <a:lnTo>
                      <a:pt x="127" y="1057"/>
                    </a:lnTo>
                    <a:lnTo>
                      <a:pt x="122" y="1054"/>
                    </a:lnTo>
                    <a:lnTo>
                      <a:pt x="120" y="1052"/>
                    </a:lnTo>
                    <a:lnTo>
                      <a:pt x="110" y="1042"/>
                    </a:lnTo>
                    <a:lnTo>
                      <a:pt x="104" y="1035"/>
                    </a:lnTo>
                    <a:lnTo>
                      <a:pt x="99" y="1031"/>
                    </a:lnTo>
                    <a:lnTo>
                      <a:pt x="94" y="1030"/>
                    </a:lnTo>
                    <a:lnTo>
                      <a:pt x="79" y="1031"/>
                    </a:lnTo>
                    <a:lnTo>
                      <a:pt x="55" y="1035"/>
                    </a:lnTo>
                    <a:lnTo>
                      <a:pt x="41" y="1036"/>
                    </a:lnTo>
                    <a:lnTo>
                      <a:pt x="17" y="1039"/>
                    </a:lnTo>
                    <a:lnTo>
                      <a:pt x="7" y="1042"/>
                    </a:lnTo>
                    <a:lnTo>
                      <a:pt x="2" y="1045"/>
                    </a:lnTo>
                    <a:lnTo>
                      <a:pt x="0" y="1048"/>
                    </a:lnTo>
                    <a:lnTo>
                      <a:pt x="2" y="1051"/>
                    </a:lnTo>
                    <a:lnTo>
                      <a:pt x="4" y="1053"/>
                    </a:lnTo>
                    <a:lnTo>
                      <a:pt x="9" y="1056"/>
                    </a:lnTo>
                    <a:lnTo>
                      <a:pt x="29" y="1066"/>
                    </a:lnTo>
                    <a:lnTo>
                      <a:pt x="48" y="1074"/>
                    </a:lnTo>
                    <a:lnTo>
                      <a:pt x="69" y="1080"/>
                    </a:lnTo>
                    <a:lnTo>
                      <a:pt x="90" y="1087"/>
                    </a:lnTo>
                    <a:lnTo>
                      <a:pt x="110" y="1093"/>
                    </a:lnTo>
                    <a:lnTo>
                      <a:pt x="131" y="1101"/>
                    </a:lnTo>
                    <a:lnTo>
                      <a:pt x="151" y="1110"/>
                    </a:lnTo>
                    <a:lnTo>
                      <a:pt x="167" y="1121"/>
                    </a:lnTo>
                    <a:lnTo>
                      <a:pt x="177" y="1126"/>
                    </a:lnTo>
                    <a:lnTo>
                      <a:pt x="182" y="1131"/>
                    </a:lnTo>
                    <a:lnTo>
                      <a:pt x="186" y="1135"/>
                    </a:lnTo>
                    <a:lnTo>
                      <a:pt x="188" y="1139"/>
                    </a:lnTo>
                    <a:lnTo>
                      <a:pt x="188" y="1141"/>
                    </a:lnTo>
                    <a:lnTo>
                      <a:pt x="187" y="1143"/>
                    </a:lnTo>
                    <a:lnTo>
                      <a:pt x="183" y="1144"/>
                    </a:lnTo>
                    <a:lnTo>
                      <a:pt x="179" y="1144"/>
                    </a:lnTo>
                    <a:lnTo>
                      <a:pt x="158" y="1143"/>
                    </a:lnTo>
                    <a:lnTo>
                      <a:pt x="136" y="1141"/>
                    </a:lnTo>
                    <a:lnTo>
                      <a:pt x="113" y="1141"/>
                    </a:lnTo>
                    <a:lnTo>
                      <a:pt x="95" y="1144"/>
                    </a:lnTo>
                    <a:lnTo>
                      <a:pt x="86" y="1146"/>
                    </a:lnTo>
                    <a:lnTo>
                      <a:pt x="78" y="1150"/>
                    </a:lnTo>
                    <a:lnTo>
                      <a:pt x="69" y="1157"/>
                    </a:lnTo>
                    <a:lnTo>
                      <a:pt x="60" y="1165"/>
                    </a:lnTo>
                    <a:lnTo>
                      <a:pt x="41" y="1175"/>
                    </a:lnTo>
                    <a:lnTo>
                      <a:pt x="19" y="1185"/>
                    </a:lnTo>
                    <a:lnTo>
                      <a:pt x="15" y="1188"/>
                    </a:lnTo>
                    <a:lnTo>
                      <a:pt x="11" y="1192"/>
                    </a:lnTo>
                    <a:lnTo>
                      <a:pt x="8" y="1194"/>
                    </a:lnTo>
                    <a:lnTo>
                      <a:pt x="6" y="1200"/>
                    </a:lnTo>
                    <a:lnTo>
                      <a:pt x="6" y="1203"/>
                    </a:lnTo>
                    <a:lnTo>
                      <a:pt x="7" y="1209"/>
                    </a:lnTo>
                    <a:lnTo>
                      <a:pt x="9" y="1215"/>
                    </a:lnTo>
                    <a:lnTo>
                      <a:pt x="13" y="1222"/>
                    </a:lnTo>
                    <a:lnTo>
                      <a:pt x="22" y="1231"/>
                    </a:lnTo>
                    <a:lnTo>
                      <a:pt x="30" y="1235"/>
                    </a:lnTo>
                    <a:lnTo>
                      <a:pt x="31" y="1236"/>
                    </a:lnTo>
                    <a:lnTo>
                      <a:pt x="33" y="1240"/>
                    </a:lnTo>
                    <a:lnTo>
                      <a:pt x="33" y="1246"/>
                    </a:lnTo>
                    <a:lnTo>
                      <a:pt x="31" y="1254"/>
                    </a:lnTo>
                    <a:lnTo>
                      <a:pt x="30" y="1263"/>
                    </a:lnTo>
                    <a:lnTo>
                      <a:pt x="31" y="1270"/>
                    </a:lnTo>
                    <a:lnTo>
                      <a:pt x="34" y="1273"/>
                    </a:lnTo>
                    <a:lnTo>
                      <a:pt x="38" y="1276"/>
                    </a:lnTo>
                    <a:lnTo>
                      <a:pt x="51" y="1277"/>
                    </a:lnTo>
                    <a:lnTo>
                      <a:pt x="65" y="1277"/>
                    </a:lnTo>
                    <a:lnTo>
                      <a:pt x="79" y="1276"/>
                    </a:lnTo>
                    <a:lnTo>
                      <a:pt x="99" y="1276"/>
                    </a:lnTo>
                    <a:lnTo>
                      <a:pt x="109" y="1276"/>
                    </a:lnTo>
                    <a:lnTo>
                      <a:pt x="118" y="1277"/>
                    </a:lnTo>
                    <a:lnTo>
                      <a:pt x="122" y="1279"/>
                    </a:lnTo>
                    <a:lnTo>
                      <a:pt x="125" y="1280"/>
                    </a:lnTo>
                    <a:lnTo>
                      <a:pt x="126" y="1282"/>
                    </a:lnTo>
                    <a:lnTo>
                      <a:pt x="126" y="1284"/>
                    </a:lnTo>
                    <a:lnTo>
                      <a:pt x="113" y="1292"/>
                    </a:lnTo>
                    <a:lnTo>
                      <a:pt x="101" y="1301"/>
                    </a:lnTo>
                    <a:lnTo>
                      <a:pt x="91" y="1302"/>
                    </a:lnTo>
                    <a:lnTo>
                      <a:pt x="81" y="1304"/>
                    </a:lnTo>
                    <a:lnTo>
                      <a:pt x="77" y="1306"/>
                    </a:lnTo>
                    <a:lnTo>
                      <a:pt x="73" y="1308"/>
                    </a:lnTo>
                    <a:lnTo>
                      <a:pt x="72" y="1312"/>
                    </a:lnTo>
                    <a:lnTo>
                      <a:pt x="70" y="1317"/>
                    </a:lnTo>
                    <a:lnTo>
                      <a:pt x="70" y="1320"/>
                    </a:lnTo>
                    <a:lnTo>
                      <a:pt x="69" y="1321"/>
                    </a:lnTo>
                    <a:lnTo>
                      <a:pt x="68" y="1323"/>
                    </a:lnTo>
                    <a:lnTo>
                      <a:pt x="65" y="1324"/>
                    </a:lnTo>
                    <a:lnTo>
                      <a:pt x="60" y="1325"/>
                    </a:lnTo>
                    <a:lnTo>
                      <a:pt x="53" y="1327"/>
                    </a:lnTo>
                    <a:lnTo>
                      <a:pt x="41" y="1325"/>
                    </a:lnTo>
                    <a:lnTo>
                      <a:pt x="30" y="1325"/>
                    </a:lnTo>
                    <a:lnTo>
                      <a:pt x="20" y="1328"/>
                    </a:lnTo>
                    <a:lnTo>
                      <a:pt x="13" y="1332"/>
                    </a:lnTo>
                    <a:lnTo>
                      <a:pt x="12" y="1333"/>
                    </a:lnTo>
                    <a:lnTo>
                      <a:pt x="13" y="1336"/>
                    </a:lnTo>
                    <a:lnTo>
                      <a:pt x="17" y="1338"/>
                    </a:lnTo>
                    <a:lnTo>
                      <a:pt x="22" y="1339"/>
                    </a:lnTo>
                    <a:lnTo>
                      <a:pt x="37" y="1342"/>
                    </a:lnTo>
                    <a:lnTo>
                      <a:pt x="50" y="1345"/>
                    </a:lnTo>
                    <a:lnTo>
                      <a:pt x="64" y="1346"/>
                    </a:lnTo>
                    <a:lnTo>
                      <a:pt x="78" y="1347"/>
                    </a:lnTo>
                    <a:lnTo>
                      <a:pt x="107" y="1347"/>
                    </a:lnTo>
                    <a:lnTo>
                      <a:pt x="134" y="1347"/>
                    </a:lnTo>
                    <a:lnTo>
                      <a:pt x="148" y="1345"/>
                    </a:lnTo>
                    <a:lnTo>
                      <a:pt x="165" y="1341"/>
                    </a:lnTo>
                    <a:lnTo>
                      <a:pt x="173" y="1341"/>
                    </a:lnTo>
                    <a:lnTo>
                      <a:pt x="179" y="1341"/>
                    </a:lnTo>
                    <a:lnTo>
                      <a:pt x="183" y="1342"/>
                    </a:lnTo>
                    <a:lnTo>
                      <a:pt x="186" y="1343"/>
                    </a:lnTo>
                    <a:lnTo>
                      <a:pt x="188" y="1345"/>
                    </a:lnTo>
                    <a:lnTo>
                      <a:pt x="191" y="1349"/>
                    </a:lnTo>
                    <a:lnTo>
                      <a:pt x="193" y="1354"/>
                    </a:lnTo>
                    <a:lnTo>
                      <a:pt x="195" y="1358"/>
                    </a:lnTo>
                    <a:lnTo>
                      <a:pt x="193" y="1361"/>
                    </a:lnTo>
                    <a:lnTo>
                      <a:pt x="193" y="1365"/>
                    </a:lnTo>
                    <a:lnTo>
                      <a:pt x="191" y="1369"/>
                    </a:lnTo>
                    <a:lnTo>
                      <a:pt x="187" y="1372"/>
                    </a:lnTo>
                    <a:lnTo>
                      <a:pt x="184" y="1373"/>
                    </a:lnTo>
                    <a:lnTo>
                      <a:pt x="179" y="1376"/>
                    </a:lnTo>
                    <a:lnTo>
                      <a:pt x="170" y="1378"/>
                    </a:lnTo>
                    <a:lnTo>
                      <a:pt x="160" y="1380"/>
                    </a:lnTo>
                    <a:lnTo>
                      <a:pt x="149" y="1381"/>
                    </a:lnTo>
                    <a:lnTo>
                      <a:pt x="142" y="1381"/>
                    </a:lnTo>
                    <a:lnTo>
                      <a:pt x="130" y="1381"/>
                    </a:lnTo>
                    <a:lnTo>
                      <a:pt x="121" y="1382"/>
                    </a:lnTo>
                    <a:lnTo>
                      <a:pt x="113" y="1385"/>
                    </a:lnTo>
                    <a:lnTo>
                      <a:pt x="108" y="1389"/>
                    </a:lnTo>
                    <a:lnTo>
                      <a:pt x="101" y="1394"/>
                    </a:lnTo>
                    <a:lnTo>
                      <a:pt x="98" y="1400"/>
                    </a:lnTo>
                    <a:lnTo>
                      <a:pt x="95" y="1409"/>
                    </a:lnTo>
                    <a:lnTo>
                      <a:pt x="91" y="1420"/>
                    </a:lnTo>
                    <a:lnTo>
                      <a:pt x="99" y="1434"/>
                    </a:lnTo>
                    <a:lnTo>
                      <a:pt x="112" y="1435"/>
                    </a:lnTo>
                    <a:lnTo>
                      <a:pt x="125" y="1434"/>
                    </a:lnTo>
                    <a:lnTo>
                      <a:pt x="136" y="1433"/>
                    </a:lnTo>
                    <a:lnTo>
                      <a:pt x="149" y="1431"/>
                    </a:lnTo>
                    <a:lnTo>
                      <a:pt x="162" y="1429"/>
                    </a:lnTo>
                    <a:lnTo>
                      <a:pt x="175" y="1428"/>
                    </a:lnTo>
                    <a:lnTo>
                      <a:pt x="187" y="1428"/>
                    </a:lnTo>
                    <a:lnTo>
                      <a:pt x="199" y="1428"/>
                    </a:lnTo>
                    <a:lnTo>
                      <a:pt x="206" y="1430"/>
                    </a:lnTo>
                    <a:lnTo>
                      <a:pt x="213" y="1433"/>
                    </a:lnTo>
                    <a:lnTo>
                      <a:pt x="219" y="1437"/>
                    </a:lnTo>
                    <a:lnTo>
                      <a:pt x="226" y="1442"/>
                    </a:lnTo>
                    <a:lnTo>
                      <a:pt x="237" y="1453"/>
                    </a:lnTo>
                    <a:lnTo>
                      <a:pt x="249" y="1465"/>
                    </a:lnTo>
                    <a:lnTo>
                      <a:pt x="256" y="1470"/>
                    </a:lnTo>
                    <a:lnTo>
                      <a:pt x="263" y="1475"/>
                    </a:lnTo>
                    <a:lnTo>
                      <a:pt x="272" y="1479"/>
                    </a:lnTo>
                    <a:lnTo>
                      <a:pt x="282" y="1483"/>
                    </a:lnTo>
                    <a:lnTo>
                      <a:pt x="301" y="1491"/>
                    </a:lnTo>
                    <a:lnTo>
                      <a:pt x="323" y="1496"/>
                    </a:lnTo>
                    <a:lnTo>
                      <a:pt x="345" y="1500"/>
                    </a:lnTo>
                    <a:lnTo>
                      <a:pt x="367" y="1503"/>
                    </a:lnTo>
                    <a:lnTo>
                      <a:pt x="386" y="1504"/>
                    </a:lnTo>
                    <a:lnTo>
                      <a:pt x="405" y="1504"/>
                    </a:lnTo>
                    <a:lnTo>
                      <a:pt x="427" y="1507"/>
                    </a:lnTo>
                    <a:lnTo>
                      <a:pt x="453" y="1509"/>
                    </a:lnTo>
                    <a:lnTo>
                      <a:pt x="465" y="1510"/>
                    </a:lnTo>
                    <a:lnTo>
                      <a:pt x="477" y="1510"/>
                    </a:lnTo>
                    <a:lnTo>
                      <a:pt x="482" y="1509"/>
                    </a:lnTo>
                    <a:lnTo>
                      <a:pt x="487" y="1508"/>
                    </a:lnTo>
                    <a:lnTo>
                      <a:pt x="491" y="1505"/>
                    </a:lnTo>
                    <a:lnTo>
                      <a:pt x="495" y="1503"/>
                    </a:lnTo>
                    <a:lnTo>
                      <a:pt x="504" y="1498"/>
                    </a:lnTo>
                    <a:lnTo>
                      <a:pt x="512" y="1492"/>
                    </a:lnTo>
                    <a:lnTo>
                      <a:pt x="520" y="1486"/>
                    </a:lnTo>
                    <a:lnTo>
                      <a:pt x="525" y="1479"/>
                    </a:lnTo>
                    <a:lnTo>
                      <a:pt x="535" y="1464"/>
                    </a:lnTo>
                    <a:lnTo>
                      <a:pt x="546" y="1447"/>
                    </a:lnTo>
                    <a:lnTo>
                      <a:pt x="550" y="1441"/>
                    </a:lnTo>
                    <a:lnTo>
                      <a:pt x="552" y="1439"/>
                    </a:lnTo>
                    <a:lnTo>
                      <a:pt x="556" y="1441"/>
                    </a:lnTo>
                    <a:lnTo>
                      <a:pt x="559" y="1443"/>
                    </a:lnTo>
                    <a:lnTo>
                      <a:pt x="563" y="1448"/>
                    </a:lnTo>
                    <a:lnTo>
                      <a:pt x="565" y="1455"/>
                    </a:lnTo>
                    <a:lnTo>
                      <a:pt x="570" y="1460"/>
                    </a:lnTo>
                    <a:lnTo>
                      <a:pt x="577" y="1464"/>
                    </a:lnTo>
                    <a:lnTo>
                      <a:pt x="589" y="1468"/>
                    </a:lnTo>
                    <a:lnTo>
                      <a:pt x="598" y="1469"/>
                    </a:lnTo>
                    <a:lnTo>
                      <a:pt x="607" y="1469"/>
                    </a:lnTo>
                    <a:lnTo>
                      <a:pt x="614" y="1468"/>
                    </a:lnTo>
                    <a:lnTo>
                      <a:pt x="621" y="1465"/>
                    </a:lnTo>
                    <a:lnTo>
                      <a:pt x="626" y="1463"/>
                    </a:lnTo>
                    <a:lnTo>
                      <a:pt x="631" y="1457"/>
                    </a:lnTo>
                    <a:lnTo>
                      <a:pt x="635" y="1452"/>
                    </a:lnTo>
                    <a:lnTo>
                      <a:pt x="644" y="1442"/>
                    </a:lnTo>
                    <a:lnTo>
                      <a:pt x="652" y="1431"/>
                    </a:lnTo>
                    <a:lnTo>
                      <a:pt x="656" y="1428"/>
                    </a:lnTo>
                    <a:lnTo>
                      <a:pt x="661" y="1425"/>
                    </a:lnTo>
                    <a:lnTo>
                      <a:pt x="666" y="1424"/>
                    </a:lnTo>
                    <a:lnTo>
                      <a:pt x="673" y="1422"/>
                    </a:lnTo>
                    <a:lnTo>
                      <a:pt x="683" y="1425"/>
                    </a:lnTo>
                    <a:lnTo>
                      <a:pt x="690" y="1428"/>
                    </a:lnTo>
                    <a:lnTo>
                      <a:pt x="696" y="1433"/>
                    </a:lnTo>
                    <a:lnTo>
                      <a:pt x="701" y="1437"/>
                    </a:lnTo>
                    <a:lnTo>
                      <a:pt x="706" y="1441"/>
                    </a:lnTo>
                    <a:lnTo>
                      <a:pt x="715" y="1442"/>
                    </a:lnTo>
                    <a:lnTo>
                      <a:pt x="727" y="1442"/>
                    </a:lnTo>
                    <a:lnTo>
                      <a:pt x="743" y="1437"/>
                    </a:lnTo>
                    <a:lnTo>
                      <a:pt x="750" y="1434"/>
                    </a:lnTo>
                    <a:lnTo>
                      <a:pt x="756" y="1429"/>
                    </a:lnTo>
                    <a:lnTo>
                      <a:pt x="760" y="1425"/>
                    </a:lnTo>
                    <a:lnTo>
                      <a:pt x="762" y="1420"/>
                    </a:lnTo>
                    <a:lnTo>
                      <a:pt x="765" y="1409"/>
                    </a:lnTo>
                    <a:lnTo>
                      <a:pt x="766" y="1400"/>
                    </a:lnTo>
                    <a:lnTo>
                      <a:pt x="767" y="1395"/>
                    </a:lnTo>
                    <a:lnTo>
                      <a:pt x="769" y="1393"/>
                    </a:lnTo>
                    <a:lnTo>
                      <a:pt x="771" y="1390"/>
                    </a:lnTo>
                    <a:lnTo>
                      <a:pt x="775" y="1390"/>
                    </a:lnTo>
                    <a:lnTo>
                      <a:pt x="782" y="1390"/>
                    </a:lnTo>
                    <a:lnTo>
                      <a:pt x="789" y="1393"/>
                    </a:lnTo>
                    <a:lnTo>
                      <a:pt x="798" y="1396"/>
                    </a:lnTo>
                    <a:lnTo>
                      <a:pt x="811" y="1402"/>
                    </a:lnTo>
                    <a:lnTo>
                      <a:pt x="839" y="1411"/>
                    </a:lnTo>
                    <a:lnTo>
                      <a:pt x="879" y="1422"/>
                    </a:lnTo>
                    <a:lnTo>
                      <a:pt x="899" y="1428"/>
                    </a:lnTo>
                    <a:lnTo>
                      <a:pt x="918" y="1430"/>
                    </a:lnTo>
                    <a:lnTo>
                      <a:pt x="932" y="1433"/>
                    </a:lnTo>
                    <a:lnTo>
                      <a:pt x="940" y="1431"/>
                    </a:lnTo>
                    <a:lnTo>
                      <a:pt x="946" y="1426"/>
                    </a:lnTo>
                    <a:lnTo>
                      <a:pt x="953" y="1418"/>
                    </a:lnTo>
                    <a:lnTo>
                      <a:pt x="958" y="1409"/>
                    </a:lnTo>
                    <a:lnTo>
                      <a:pt x="963" y="1403"/>
                    </a:lnTo>
                    <a:lnTo>
                      <a:pt x="966" y="1399"/>
                    </a:lnTo>
                    <a:lnTo>
                      <a:pt x="968" y="1398"/>
                    </a:lnTo>
                    <a:lnTo>
                      <a:pt x="969" y="1396"/>
                    </a:lnTo>
                    <a:lnTo>
                      <a:pt x="972" y="1398"/>
                    </a:lnTo>
                    <a:lnTo>
                      <a:pt x="973" y="1400"/>
                    </a:lnTo>
                    <a:lnTo>
                      <a:pt x="975" y="1404"/>
                    </a:lnTo>
                    <a:lnTo>
                      <a:pt x="977" y="1411"/>
                    </a:lnTo>
                    <a:lnTo>
                      <a:pt x="978" y="1418"/>
                    </a:lnTo>
                    <a:lnTo>
                      <a:pt x="981" y="1433"/>
                    </a:lnTo>
                    <a:lnTo>
                      <a:pt x="984" y="1442"/>
                    </a:lnTo>
                    <a:lnTo>
                      <a:pt x="986" y="1444"/>
                    </a:lnTo>
                    <a:lnTo>
                      <a:pt x="989" y="1447"/>
                    </a:lnTo>
                    <a:lnTo>
                      <a:pt x="991" y="1447"/>
                    </a:lnTo>
                    <a:lnTo>
                      <a:pt x="994" y="1448"/>
                    </a:lnTo>
                    <a:lnTo>
                      <a:pt x="1008" y="1446"/>
                    </a:lnTo>
                    <a:lnTo>
                      <a:pt x="1032" y="1443"/>
                    </a:lnTo>
                    <a:lnTo>
                      <a:pt x="1037" y="1443"/>
                    </a:lnTo>
                    <a:lnTo>
                      <a:pt x="1043" y="1446"/>
                    </a:lnTo>
                    <a:lnTo>
                      <a:pt x="1050" y="1450"/>
                    </a:lnTo>
                    <a:lnTo>
                      <a:pt x="1056" y="1453"/>
                    </a:lnTo>
                    <a:lnTo>
                      <a:pt x="1069" y="1464"/>
                    </a:lnTo>
                    <a:lnTo>
                      <a:pt x="1083" y="1475"/>
                    </a:lnTo>
                    <a:lnTo>
                      <a:pt x="1098" y="1487"/>
                    </a:lnTo>
                    <a:lnTo>
                      <a:pt x="1111" y="1495"/>
                    </a:lnTo>
                    <a:lnTo>
                      <a:pt x="1117" y="1498"/>
                    </a:lnTo>
                    <a:lnTo>
                      <a:pt x="1122" y="1498"/>
                    </a:lnTo>
                    <a:lnTo>
                      <a:pt x="1127" y="1496"/>
                    </a:lnTo>
                    <a:lnTo>
                      <a:pt x="1133" y="1494"/>
                    </a:lnTo>
                    <a:lnTo>
                      <a:pt x="1138" y="1488"/>
                    </a:lnTo>
                    <a:lnTo>
                      <a:pt x="1142" y="1483"/>
                    </a:lnTo>
                    <a:lnTo>
                      <a:pt x="1144" y="1478"/>
                    </a:lnTo>
                    <a:lnTo>
                      <a:pt x="1146" y="1473"/>
                    </a:lnTo>
                    <a:lnTo>
                      <a:pt x="1146" y="1464"/>
                    </a:lnTo>
                    <a:lnTo>
                      <a:pt x="1143" y="1456"/>
                    </a:lnTo>
                    <a:lnTo>
                      <a:pt x="1140" y="1446"/>
                    </a:lnTo>
                    <a:lnTo>
                      <a:pt x="1140" y="1435"/>
                    </a:lnTo>
                    <a:lnTo>
                      <a:pt x="1142" y="1430"/>
                    </a:lnTo>
                    <a:lnTo>
                      <a:pt x="1144" y="1424"/>
                    </a:lnTo>
                    <a:lnTo>
                      <a:pt x="1148" y="1416"/>
                    </a:lnTo>
                    <a:lnTo>
                      <a:pt x="1155" y="1408"/>
                    </a:lnTo>
                    <a:lnTo>
                      <a:pt x="1239" y="1304"/>
                    </a:lnTo>
                    <a:lnTo>
                      <a:pt x="1241" y="1294"/>
                    </a:lnTo>
                    <a:lnTo>
                      <a:pt x="1245" y="1285"/>
                    </a:lnTo>
                    <a:lnTo>
                      <a:pt x="1249" y="1277"/>
                    </a:lnTo>
                    <a:lnTo>
                      <a:pt x="1254" y="1271"/>
                    </a:lnTo>
                    <a:lnTo>
                      <a:pt x="1263" y="1258"/>
                    </a:lnTo>
                    <a:lnTo>
                      <a:pt x="1275" y="1246"/>
                    </a:lnTo>
                    <a:lnTo>
                      <a:pt x="1298" y="1227"/>
                    </a:lnTo>
                    <a:lnTo>
                      <a:pt x="1327" y="1205"/>
                    </a:lnTo>
                    <a:lnTo>
                      <a:pt x="1331" y="1201"/>
                    </a:lnTo>
                    <a:lnTo>
                      <a:pt x="1333" y="1196"/>
                    </a:lnTo>
                    <a:lnTo>
                      <a:pt x="1336" y="1190"/>
                    </a:lnTo>
                    <a:lnTo>
                      <a:pt x="1339" y="1185"/>
                    </a:lnTo>
                    <a:lnTo>
                      <a:pt x="1341" y="1172"/>
                    </a:lnTo>
                    <a:lnTo>
                      <a:pt x="1344" y="1158"/>
                    </a:lnTo>
                    <a:lnTo>
                      <a:pt x="1345" y="1144"/>
                    </a:lnTo>
                    <a:lnTo>
                      <a:pt x="1346" y="1130"/>
                    </a:lnTo>
                    <a:lnTo>
                      <a:pt x="1349" y="1117"/>
                    </a:lnTo>
                    <a:lnTo>
                      <a:pt x="1354" y="1105"/>
                    </a:lnTo>
                    <a:lnTo>
                      <a:pt x="1355" y="1101"/>
                    </a:lnTo>
                    <a:lnTo>
                      <a:pt x="1357" y="1096"/>
                    </a:lnTo>
                    <a:lnTo>
                      <a:pt x="1357" y="1092"/>
                    </a:lnTo>
                    <a:lnTo>
                      <a:pt x="1355" y="1087"/>
                    </a:lnTo>
                    <a:lnTo>
                      <a:pt x="1352" y="1079"/>
                    </a:lnTo>
                    <a:lnTo>
                      <a:pt x="1346" y="1070"/>
                    </a:lnTo>
                    <a:lnTo>
                      <a:pt x="1341" y="1062"/>
                    </a:lnTo>
                    <a:lnTo>
                      <a:pt x="1337" y="1053"/>
                    </a:lnTo>
                    <a:lnTo>
                      <a:pt x="1333" y="1045"/>
                    </a:lnTo>
                    <a:lnTo>
                      <a:pt x="1332" y="1038"/>
                    </a:lnTo>
                    <a:lnTo>
                      <a:pt x="1333" y="1035"/>
                    </a:lnTo>
                    <a:lnTo>
                      <a:pt x="1335" y="1031"/>
                    </a:lnTo>
                    <a:lnTo>
                      <a:pt x="1337" y="1030"/>
                    </a:lnTo>
                    <a:lnTo>
                      <a:pt x="1340" y="1029"/>
                    </a:lnTo>
                    <a:lnTo>
                      <a:pt x="1346" y="1026"/>
                    </a:lnTo>
                    <a:lnTo>
                      <a:pt x="1354" y="1025"/>
                    </a:lnTo>
                    <a:lnTo>
                      <a:pt x="1363" y="1023"/>
                    </a:lnTo>
                    <a:lnTo>
                      <a:pt x="1371" y="1020"/>
                    </a:lnTo>
                    <a:lnTo>
                      <a:pt x="1375" y="1017"/>
                    </a:lnTo>
                    <a:lnTo>
                      <a:pt x="1379" y="1013"/>
                    </a:lnTo>
                    <a:lnTo>
                      <a:pt x="1381" y="1008"/>
                    </a:lnTo>
                    <a:lnTo>
                      <a:pt x="1384" y="1001"/>
                    </a:lnTo>
                    <a:lnTo>
                      <a:pt x="1389" y="973"/>
                    </a:lnTo>
                    <a:lnTo>
                      <a:pt x="1392" y="944"/>
                    </a:lnTo>
                    <a:lnTo>
                      <a:pt x="1393" y="938"/>
                    </a:lnTo>
                    <a:lnTo>
                      <a:pt x="1394" y="931"/>
                    </a:lnTo>
                    <a:lnTo>
                      <a:pt x="1397" y="926"/>
                    </a:lnTo>
                    <a:lnTo>
                      <a:pt x="1401" y="920"/>
                    </a:lnTo>
                    <a:lnTo>
                      <a:pt x="1405" y="915"/>
                    </a:lnTo>
                    <a:lnTo>
                      <a:pt x="1411" y="909"/>
                    </a:lnTo>
                    <a:lnTo>
                      <a:pt x="1418" y="906"/>
                    </a:lnTo>
                    <a:lnTo>
                      <a:pt x="1425" y="902"/>
                    </a:lnTo>
                    <a:lnTo>
                      <a:pt x="1427" y="900"/>
                    </a:lnTo>
                    <a:lnTo>
                      <a:pt x="1427" y="899"/>
                    </a:lnTo>
                    <a:lnTo>
                      <a:pt x="1427" y="898"/>
                    </a:lnTo>
                    <a:lnTo>
                      <a:pt x="1425" y="895"/>
                    </a:lnTo>
                    <a:lnTo>
                      <a:pt x="1423" y="890"/>
                    </a:lnTo>
                    <a:lnTo>
                      <a:pt x="1420" y="883"/>
                    </a:lnTo>
                    <a:lnTo>
                      <a:pt x="1416" y="877"/>
                    </a:lnTo>
                    <a:lnTo>
                      <a:pt x="1412" y="869"/>
                    </a:lnTo>
                    <a:lnTo>
                      <a:pt x="1411" y="863"/>
                    </a:lnTo>
                    <a:lnTo>
                      <a:pt x="1411" y="856"/>
                    </a:lnTo>
                    <a:lnTo>
                      <a:pt x="1418" y="838"/>
                    </a:lnTo>
                    <a:lnTo>
                      <a:pt x="1425" y="820"/>
                    </a:lnTo>
                    <a:lnTo>
                      <a:pt x="1434" y="803"/>
                    </a:lnTo>
                    <a:lnTo>
                      <a:pt x="1441" y="784"/>
                    </a:lnTo>
                    <a:lnTo>
                      <a:pt x="1442" y="779"/>
                    </a:lnTo>
                    <a:lnTo>
                      <a:pt x="1442" y="775"/>
                    </a:lnTo>
                    <a:lnTo>
                      <a:pt x="1442" y="771"/>
                    </a:lnTo>
                    <a:lnTo>
                      <a:pt x="1441" y="768"/>
                    </a:lnTo>
                    <a:lnTo>
                      <a:pt x="1436" y="762"/>
                    </a:lnTo>
                    <a:lnTo>
                      <a:pt x="1429" y="757"/>
                    </a:lnTo>
                    <a:lnTo>
                      <a:pt x="1423" y="750"/>
                    </a:lnTo>
                    <a:lnTo>
                      <a:pt x="1416" y="742"/>
                    </a:lnTo>
                    <a:lnTo>
                      <a:pt x="1412" y="737"/>
                    </a:lnTo>
                    <a:lnTo>
                      <a:pt x="1410" y="731"/>
                    </a:lnTo>
                    <a:lnTo>
                      <a:pt x="1409" y="724"/>
                    </a:lnTo>
                    <a:lnTo>
                      <a:pt x="1407" y="716"/>
                    </a:lnTo>
                    <a:lnTo>
                      <a:pt x="1412" y="688"/>
                    </a:lnTo>
                    <a:lnTo>
                      <a:pt x="1415" y="674"/>
                    </a:lnTo>
                    <a:lnTo>
                      <a:pt x="1416" y="672"/>
                    </a:lnTo>
                    <a:lnTo>
                      <a:pt x="1418" y="672"/>
                    </a:lnTo>
                    <a:lnTo>
                      <a:pt x="1420" y="672"/>
                    </a:lnTo>
                    <a:lnTo>
                      <a:pt x="1423" y="675"/>
                    </a:lnTo>
                    <a:lnTo>
                      <a:pt x="1431" y="683"/>
                    </a:lnTo>
                    <a:lnTo>
                      <a:pt x="1442" y="696"/>
                    </a:lnTo>
                    <a:lnTo>
                      <a:pt x="1447" y="700"/>
                    </a:lnTo>
                    <a:lnTo>
                      <a:pt x="1451" y="703"/>
                    </a:lnTo>
                    <a:lnTo>
                      <a:pt x="1457" y="705"/>
                    </a:lnTo>
                    <a:lnTo>
                      <a:pt x="1459" y="703"/>
                    </a:lnTo>
                    <a:lnTo>
                      <a:pt x="1462" y="702"/>
                    </a:lnTo>
                    <a:lnTo>
                      <a:pt x="1464" y="700"/>
                    </a:lnTo>
                    <a:lnTo>
                      <a:pt x="1467" y="697"/>
                    </a:lnTo>
                    <a:lnTo>
                      <a:pt x="1469" y="693"/>
                    </a:lnTo>
                    <a:lnTo>
                      <a:pt x="1473" y="674"/>
                    </a:lnTo>
                    <a:lnTo>
                      <a:pt x="1476" y="661"/>
                    </a:lnTo>
                    <a:lnTo>
                      <a:pt x="1479" y="659"/>
                    </a:lnTo>
                    <a:lnTo>
                      <a:pt x="1475" y="648"/>
                    </a:lnTo>
                    <a:lnTo>
                      <a:pt x="1472" y="631"/>
                    </a:lnTo>
                    <a:lnTo>
                      <a:pt x="1469" y="623"/>
                    </a:lnTo>
                    <a:lnTo>
                      <a:pt x="1468" y="615"/>
                    </a:lnTo>
                    <a:lnTo>
                      <a:pt x="1466" y="610"/>
                    </a:lnTo>
                    <a:lnTo>
                      <a:pt x="1462" y="605"/>
                    </a:lnTo>
                    <a:lnTo>
                      <a:pt x="1455" y="600"/>
                    </a:lnTo>
                    <a:lnTo>
                      <a:pt x="1446" y="597"/>
                    </a:lnTo>
                    <a:lnTo>
                      <a:pt x="1437" y="595"/>
                    </a:lnTo>
                    <a:lnTo>
                      <a:pt x="1428" y="592"/>
                    </a:lnTo>
                    <a:lnTo>
                      <a:pt x="1418" y="588"/>
                    </a:lnTo>
                    <a:lnTo>
                      <a:pt x="1412" y="584"/>
                    </a:lnTo>
                    <a:lnTo>
                      <a:pt x="1407" y="578"/>
                    </a:lnTo>
                    <a:lnTo>
                      <a:pt x="1403" y="569"/>
                    </a:lnTo>
                    <a:lnTo>
                      <a:pt x="1397" y="548"/>
                    </a:lnTo>
                    <a:lnTo>
                      <a:pt x="1389" y="519"/>
                    </a:lnTo>
                    <a:lnTo>
                      <a:pt x="1383" y="507"/>
                    </a:lnTo>
                    <a:lnTo>
                      <a:pt x="1377" y="496"/>
                    </a:lnTo>
                    <a:lnTo>
                      <a:pt x="1374" y="491"/>
                    </a:lnTo>
                    <a:lnTo>
                      <a:pt x="1370" y="488"/>
                    </a:lnTo>
                    <a:lnTo>
                      <a:pt x="1366" y="486"/>
                    </a:lnTo>
                    <a:lnTo>
                      <a:pt x="1362" y="486"/>
                    </a:lnTo>
                    <a:lnTo>
                      <a:pt x="1353" y="486"/>
                    </a:lnTo>
                    <a:lnTo>
                      <a:pt x="1345" y="487"/>
                    </a:lnTo>
                    <a:lnTo>
                      <a:pt x="1337" y="490"/>
                    </a:lnTo>
                    <a:lnTo>
                      <a:pt x="1330" y="492"/>
                    </a:lnTo>
                    <a:lnTo>
                      <a:pt x="1315" y="500"/>
                    </a:lnTo>
                    <a:lnTo>
                      <a:pt x="1302" y="509"/>
                    </a:lnTo>
                    <a:lnTo>
                      <a:pt x="1291" y="517"/>
                    </a:lnTo>
                    <a:lnTo>
                      <a:pt x="1278" y="526"/>
                    </a:lnTo>
                    <a:lnTo>
                      <a:pt x="1271" y="530"/>
                    </a:lnTo>
                    <a:lnTo>
                      <a:pt x="1265" y="532"/>
                    </a:lnTo>
                    <a:lnTo>
                      <a:pt x="1258" y="535"/>
                    </a:lnTo>
                    <a:lnTo>
                      <a:pt x="1252" y="536"/>
                    </a:lnTo>
                    <a:lnTo>
                      <a:pt x="1240" y="538"/>
                    </a:lnTo>
                    <a:lnTo>
                      <a:pt x="1229" y="536"/>
                    </a:lnTo>
                    <a:lnTo>
                      <a:pt x="1217" y="534"/>
                    </a:lnTo>
                    <a:lnTo>
                      <a:pt x="1205" y="530"/>
                    </a:lnTo>
                    <a:lnTo>
                      <a:pt x="1194" y="525"/>
                    </a:lnTo>
                    <a:lnTo>
                      <a:pt x="1182" y="518"/>
                    </a:lnTo>
                    <a:lnTo>
                      <a:pt x="1172" y="509"/>
                    </a:lnTo>
                    <a:lnTo>
                      <a:pt x="1161" y="501"/>
                    </a:lnTo>
                    <a:lnTo>
                      <a:pt x="1151" y="491"/>
                    </a:lnTo>
                    <a:lnTo>
                      <a:pt x="1142" y="481"/>
                    </a:lnTo>
                    <a:lnTo>
                      <a:pt x="1133" y="470"/>
                    </a:lnTo>
                    <a:lnTo>
                      <a:pt x="1125" y="459"/>
                    </a:lnTo>
                    <a:lnTo>
                      <a:pt x="1117" y="448"/>
                    </a:lnTo>
                    <a:lnTo>
                      <a:pt x="1112" y="437"/>
                    </a:lnTo>
                    <a:lnTo>
                      <a:pt x="1107" y="426"/>
                    </a:lnTo>
                    <a:lnTo>
                      <a:pt x="1103" y="416"/>
                    </a:lnTo>
                    <a:lnTo>
                      <a:pt x="1098" y="400"/>
                    </a:lnTo>
                    <a:lnTo>
                      <a:pt x="1095" y="383"/>
                    </a:lnTo>
                    <a:lnTo>
                      <a:pt x="1095" y="367"/>
                    </a:lnTo>
                    <a:lnTo>
                      <a:pt x="1098" y="350"/>
                    </a:lnTo>
                    <a:lnTo>
                      <a:pt x="1099" y="341"/>
                    </a:lnTo>
                    <a:lnTo>
                      <a:pt x="1102" y="333"/>
                    </a:lnTo>
                    <a:lnTo>
                      <a:pt x="1105" y="325"/>
                    </a:lnTo>
                    <a:lnTo>
                      <a:pt x="1109" y="319"/>
                    </a:lnTo>
                    <a:lnTo>
                      <a:pt x="1115" y="312"/>
                    </a:lnTo>
                    <a:lnTo>
                      <a:pt x="1121" y="307"/>
                    </a:lnTo>
                    <a:lnTo>
                      <a:pt x="1127" y="302"/>
                    </a:lnTo>
                    <a:lnTo>
                      <a:pt x="1135" y="298"/>
                    </a:lnTo>
                    <a:lnTo>
                      <a:pt x="1153" y="294"/>
                    </a:lnTo>
                    <a:lnTo>
                      <a:pt x="1173" y="291"/>
                    </a:lnTo>
                    <a:lnTo>
                      <a:pt x="1177" y="290"/>
                    </a:lnTo>
                    <a:lnTo>
                      <a:pt x="1179" y="289"/>
                    </a:lnTo>
                    <a:lnTo>
                      <a:pt x="1182" y="286"/>
                    </a:lnTo>
                    <a:lnTo>
                      <a:pt x="1183" y="284"/>
                    </a:lnTo>
                    <a:lnTo>
                      <a:pt x="1183" y="280"/>
                    </a:lnTo>
                    <a:lnTo>
                      <a:pt x="1183" y="276"/>
                    </a:lnTo>
                    <a:lnTo>
                      <a:pt x="1181" y="271"/>
                    </a:lnTo>
                    <a:lnTo>
                      <a:pt x="1177" y="264"/>
                    </a:lnTo>
                    <a:lnTo>
                      <a:pt x="1172" y="255"/>
                    </a:lnTo>
                    <a:lnTo>
                      <a:pt x="1166" y="246"/>
                    </a:lnTo>
                    <a:lnTo>
                      <a:pt x="1162" y="236"/>
                    </a:lnTo>
                    <a:lnTo>
                      <a:pt x="1160" y="227"/>
                    </a:lnTo>
                    <a:lnTo>
                      <a:pt x="1160" y="222"/>
                    </a:lnTo>
                    <a:lnTo>
                      <a:pt x="1160" y="218"/>
                    </a:lnTo>
                    <a:lnTo>
                      <a:pt x="1161" y="214"/>
                    </a:lnTo>
                    <a:lnTo>
                      <a:pt x="1164" y="210"/>
                    </a:lnTo>
                    <a:lnTo>
                      <a:pt x="1168" y="206"/>
                    </a:lnTo>
                    <a:lnTo>
                      <a:pt x="1172" y="203"/>
                    </a:lnTo>
                    <a:lnTo>
                      <a:pt x="1177" y="201"/>
                    </a:lnTo>
                    <a:lnTo>
                      <a:pt x="1183" y="198"/>
                    </a:lnTo>
                    <a:lnTo>
                      <a:pt x="1205" y="197"/>
                    </a:lnTo>
                    <a:lnTo>
                      <a:pt x="1231" y="194"/>
                    </a:lnTo>
                    <a:lnTo>
                      <a:pt x="1243" y="192"/>
                    </a:lnTo>
                    <a:lnTo>
                      <a:pt x="1253" y="188"/>
                    </a:lnTo>
                    <a:lnTo>
                      <a:pt x="1256" y="184"/>
                    </a:lnTo>
                    <a:lnTo>
                      <a:pt x="1258" y="180"/>
                    </a:lnTo>
                    <a:lnTo>
                      <a:pt x="1260" y="176"/>
                    </a:lnTo>
                    <a:lnTo>
                      <a:pt x="1260" y="170"/>
                    </a:lnTo>
                    <a:lnTo>
                      <a:pt x="1288" y="128"/>
                    </a:lnTo>
                    <a:lnTo>
                      <a:pt x="1287" y="124"/>
                    </a:lnTo>
                    <a:close/>
                  </a:path>
                </a:pathLst>
              </a:custGeom>
              <a:solidFill>
                <a:schemeClr val="bg1">
                  <a:lumMod val="65000"/>
                </a:schemeClr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68" name="Freeform 226"/>
              <p:cNvSpPr>
                <a:spLocks noEditPoints="1"/>
              </p:cNvSpPr>
              <p:nvPr/>
            </p:nvSpPr>
            <p:spPr bwMode="auto">
              <a:xfrm>
                <a:off x="5041774" y="3582034"/>
                <a:ext cx="1865411" cy="2196467"/>
              </a:xfrm>
              <a:custGeom>
                <a:avLst/>
                <a:gdLst/>
                <a:ahLst/>
                <a:cxnLst>
                  <a:cxn ang="0">
                    <a:pos x="4086" y="4191"/>
                  </a:cxn>
                  <a:cxn ang="0">
                    <a:pos x="4017" y="4233"/>
                  </a:cxn>
                  <a:cxn ang="0">
                    <a:pos x="3767" y="4361"/>
                  </a:cxn>
                  <a:cxn ang="0">
                    <a:pos x="3817" y="4490"/>
                  </a:cxn>
                  <a:cxn ang="0">
                    <a:pos x="3767" y="4635"/>
                  </a:cxn>
                  <a:cxn ang="0">
                    <a:pos x="3876" y="4790"/>
                  </a:cxn>
                  <a:cxn ang="0">
                    <a:pos x="3968" y="4746"/>
                  </a:cxn>
                  <a:cxn ang="0">
                    <a:pos x="25" y="516"/>
                  </a:cxn>
                  <a:cxn ang="0">
                    <a:pos x="869" y="2047"/>
                  </a:cxn>
                  <a:cxn ang="0">
                    <a:pos x="898" y="1884"/>
                  </a:cxn>
                  <a:cxn ang="0">
                    <a:pos x="685" y="2730"/>
                  </a:cxn>
                  <a:cxn ang="0">
                    <a:pos x="742" y="2521"/>
                  </a:cxn>
                  <a:cxn ang="0">
                    <a:pos x="942" y="2398"/>
                  </a:cxn>
                  <a:cxn ang="0">
                    <a:pos x="859" y="2116"/>
                  </a:cxn>
                  <a:cxn ang="0">
                    <a:pos x="970" y="1852"/>
                  </a:cxn>
                  <a:cxn ang="0">
                    <a:pos x="763" y="1477"/>
                  </a:cxn>
                  <a:cxn ang="0">
                    <a:pos x="679" y="1349"/>
                  </a:cxn>
                  <a:cxn ang="0">
                    <a:pos x="627" y="1186"/>
                  </a:cxn>
                  <a:cxn ang="0">
                    <a:pos x="513" y="1124"/>
                  </a:cxn>
                  <a:cxn ang="0">
                    <a:pos x="420" y="1017"/>
                  </a:cxn>
                  <a:cxn ang="0">
                    <a:pos x="269" y="840"/>
                  </a:cxn>
                  <a:cxn ang="0">
                    <a:pos x="149" y="779"/>
                  </a:cxn>
                  <a:cxn ang="0">
                    <a:pos x="152" y="686"/>
                  </a:cxn>
                  <a:cxn ang="0">
                    <a:pos x="254" y="637"/>
                  </a:cxn>
                  <a:cxn ang="0">
                    <a:pos x="264" y="503"/>
                  </a:cxn>
                  <a:cxn ang="0">
                    <a:pos x="473" y="564"/>
                  </a:cxn>
                  <a:cxn ang="0">
                    <a:pos x="641" y="528"/>
                  </a:cxn>
                  <a:cxn ang="0">
                    <a:pos x="740" y="748"/>
                  </a:cxn>
                  <a:cxn ang="0">
                    <a:pos x="959" y="736"/>
                  </a:cxn>
                  <a:cxn ang="0">
                    <a:pos x="1038" y="753"/>
                  </a:cxn>
                  <a:cxn ang="0">
                    <a:pos x="1136" y="646"/>
                  </a:cxn>
                  <a:cxn ang="0">
                    <a:pos x="1091" y="270"/>
                  </a:cxn>
                  <a:cxn ang="0">
                    <a:pos x="1306" y="401"/>
                  </a:cxn>
                  <a:cxn ang="0">
                    <a:pos x="1521" y="560"/>
                  </a:cxn>
                  <a:cxn ang="0">
                    <a:pos x="1696" y="529"/>
                  </a:cxn>
                  <a:cxn ang="0">
                    <a:pos x="2206" y="333"/>
                  </a:cxn>
                  <a:cxn ang="0">
                    <a:pos x="2411" y="29"/>
                  </a:cxn>
                  <a:cxn ang="0">
                    <a:pos x="2700" y="162"/>
                  </a:cxn>
                  <a:cxn ang="0">
                    <a:pos x="2828" y="390"/>
                  </a:cxn>
                  <a:cxn ang="0">
                    <a:pos x="3009" y="649"/>
                  </a:cxn>
                  <a:cxn ang="0">
                    <a:pos x="3249" y="849"/>
                  </a:cxn>
                  <a:cxn ang="0">
                    <a:pos x="3668" y="1063"/>
                  </a:cxn>
                  <a:cxn ang="0">
                    <a:pos x="4085" y="1319"/>
                  </a:cxn>
                  <a:cxn ang="0">
                    <a:pos x="3805" y="1867"/>
                  </a:cxn>
                  <a:cxn ang="0">
                    <a:pos x="3525" y="1988"/>
                  </a:cxn>
                  <a:cxn ang="0">
                    <a:pos x="3384" y="2141"/>
                  </a:cxn>
                  <a:cxn ang="0">
                    <a:pos x="3162" y="2498"/>
                  </a:cxn>
                  <a:cxn ang="0">
                    <a:pos x="3421" y="2413"/>
                  </a:cxn>
                  <a:cxn ang="0">
                    <a:pos x="3419" y="2727"/>
                  </a:cxn>
                  <a:cxn ang="0">
                    <a:pos x="3379" y="2968"/>
                  </a:cxn>
                  <a:cxn ang="0">
                    <a:pos x="3337" y="3226"/>
                  </a:cxn>
                  <a:cxn ang="0">
                    <a:pos x="3503" y="3521"/>
                  </a:cxn>
                  <a:cxn ang="0">
                    <a:pos x="3263" y="3771"/>
                  </a:cxn>
                  <a:cxn ang="0">
                    <a:pos x="2880" y="3874"/>
                  </a:cxn>
                  <a:cxn ang="0">
                    <a:pos x="2626" y="3700"/>
                  </a:cxn>
                  <a:cxn ang="0">
                    <a:pos x="2456" y="3628"/>
                  </a:cxn>
                  <a:cxn ang="0">
                    <a:pos x="2091" y="3626"/>
                  </a:cxn>
                  <a:cxn ang="0">
                    <a:pos x="1951" y="3856"/>
                  </a:cxn>
                  <a:cxn ang="0">
                    <a:pos x="1583" y="3900"/>
                  </a:cxn>
                  <a:cxn ang="0">
                    <a:pos x="1338" y="3655"/>
                  </a:cxn>
                  <a:cxn ang="0">
                    <a:pos x="1112" y="3624"/>
                  </a:cxn>
                  <a:cxn ang="0">
                    <a:pos x="723" y="3464"/>
                  </a:cxn>
                  <a:cxn ang="0">
                    <a:pos x="548" y="3242"/>
                  </a:cxn>
                </a:cxnLst>
                <a:rect l="0" t="0" r="r" b="b"/>
                <a:pathLst>
                  <a:path w="4099" h="4863">
                    <a:moveTo>
                      <a:pt x="4010" y="4635"/>
                    </a:moveTo>
                    <a:lnTo>
                      <a:pt x="4013" y="4621"/>
                    </a:lnTo>
                    <a:lnTo>
                      <a:pt x="4017" y="4608"/>
                    </a:lnTo>
                    <a:lnTo>
                      <a:pt x="4021" y="4594"/>
                    </a:lnTo>
                    <a:lnTo>
                      <a:pt x="4028" y="4581"/>
                    </a:lnTo>
                    <a:lnTo>
                      <a:pt x="4041" y="4562"/>
                    </a:lnTo>
                    <a:lnTo>
                      <a:pt x="4055" y="4545"/>
                    </a:lnTo>
                    <a:lnTo>
                      <a:pt x="4063" y="4534"/>
                    </a:lnTo>
                    <a:lnTo>
                      <a:pt x="4069" y="4524"/>
                    </a:lnTo>
                    <a:lnTo>
                      <a:pt x="4074" y="4515"/>
                    </a:lnTo>
                    <a:lnTo>
                      <a:pt x="4080" y="4505"/>
                    </a:lnTo>
                    <a:lnTo>
                      <a:pt x="4083" y="4494"/>
                    </a:lnTo>
                    <a:lnTo>
                      <a:pt x="4086" y="4483"/>
                    </a:lnTo>
                    <a:lnTo>
                      <a:pt x="4087" y="4471"/>
                    </a:lnTo>
                    <a:lnTo>
                      <a:pt x="4089" y="4458"/>
                    </a:lnTo>
                    <a:lnTo>
                      <a:pt x="4089" y="4444"/>
                    </a:lnTo>
                    <a:lnTo>
                      <a:pt x="4090" y="4428"/>
                    </a:lnTo>
                    <a:lnTo>
                      <a:pt x="4090" y="4411"/>
                    </a:lnTo>
                    <a:lnTo>
                      <a:pt x="4087" y="4398"/>
                    </a:lnTo>
                    <a:lnTo>
                      <a:pt x="4086" y="4378"/>
                    </a:lnTo>
                    <a:lnTo>
                      <a:pt x="4083" y="4356"/>
                    </a:lnTo>
                    <a:lnTo>
                      <a:pt x="4078" y="4331"/>
                    </a:lnTo>
                    <a:lnTo>
                      <a:pt x="4074" y="4305"/>
                    </a:lnTo>
                    <a:lnTo>
                      <a:pt x="4072" y="4281"/>
                    </a:lnTo>
                    <a:lnTo>
                      <a:pt x="4070" y="4256"/>
                    </a:lnTo>
                    <a:lnTo>
                      <a:pt x="4070" y="4246"/>
                    </a:lnTo>
                    <a:lnTo>
                      <a:pt x="4072" y="4235"/>
                    </a:lnTo>
                    <a:lnTo>
                      <a:pt x="4074" y="4225"/>
                    </a:lnTo>
                    <a:lnTo>
                      <a:pt x="4078" y="4216"/>
                    </a:lnTo>
                    <a:lnTo>
                      <a:pt x="4081" y="4207"/>
                    </a:lnTo>
                    <a:lnTo>
                      <a:pt x="4086" y="4191"/>
                    </a:lnTo>
                    <a:lnTo>
                      <a:pt x="4091" y="4172"/>
                    </a:lnTo>
                    <a:lnTo>
                      <a:pt x="4095" y="4152"/>
                    </a:lnTo>
                    <a:lnTo>
                      <a:pt x="4096" y="4142"/>
                    </a:lnTo>
                    <a:lnTo>
                      <a:pt x="4096" y="4134"/>
                    </a:lnTo>
                    <a:lnTo>
                      <a:pt x="4096" y="4126"/>
                    </a:lnTo>
                    <a:lnTo>
                      <a:pt x="4095" y="4120"/>
                    </a:lnTo>
                    <a:lnTo>
                      <a:pt x="4094" y="4117"/>
                    </a:lnTo>
                    <a:lnTo>
                      <a:pt x="4092" y="4116"/>
                    </a:lnTo>
                    <a:lnTo>
                      <a:pt x="4090" y="4115"/>
                    </a:lnTo>
                    <a:lnTo>
                      <a:pt x="4089" y="4115"/>
                    </a:lnTo>
                    <a:lnTo>
                      <a:pt x="4082" y="4115"/>
                    </a:lnTo>
                    <a:lnTo>
                      <a:pt x="4076" y="4119"/>
                    </a:lnTo>
                    <a:lnTo>
                      <a:pt x="4068" y="4125"/>
                    </a:lnTo>
                    <a:lnTo>
                      <a:pt x="4063" y="4132"/>
                    </a:lnTo>
                    <a:lnTo>
                      <a:pt x="4057" y="4138"/>
                    </a:lnTo>
                    <a:lnTo>
                      <a:pt x="4054" y="4145"/>
                    </a:lnTo>
                    <a:lnTo>
                      <a:pt x="4047" y="4160"/>
                    </a:lnTo>
                    <a:lnTo>
                      <a:pt x="4038" y="4176"/>
                    </a:lnTo>
                    <a:lnTo>
                      <a:pt x="4035" y="4181"/>
                    </a:lnTo>
                    <a:lnTo>
                      <a:pt x="4034" y="4186"/>
                    </a:lnTo>
                    <a:lnTo>
                      <a:pt x="4034" y="4191"/>
                    </a:lnTo>
                    <a:lnTo>
                      <a:pt x="4037" y="4195"/>
                    </a:lnTo>
                    <a:lnTo>
                      <a:pt x="4041" y="4204"/>
                    </a:lnTo>
                    <a:lnTo>
                      <a:pt x="4043" y="4214"/>
                    </a:lnTo>
                    <a:lnTo>
                      <a:pt x="4043" y="4218"/>
                    </a:lnTo>
                    <a:lnTo>
                      <a:pt x="4042" y="4222"/>
                    </a:lnTo>
                    <a:lnTo>
                      <a:pt x="4039" y="4225"/>
                    </a:lnTo>
                    <a:lnTo>
                      <a:pt x="4038" y="4227"/>
                    </a:lnTo>
                    <a:lnTo>
                      <a:pt x="4032" y="4231"/>
                    </a:lnTo>
                    <a:lnTo>
                      <a:pt x="4025" y="4233"/>
                    </a:lnTo>
                    <a:lnTo>
                      <a:pt x="4017" y="4233"/>
                    </a:lnTo>
                    <a:lnTo>
                      <a:pt x="4010" y="4231"/>
                    </a:lnTo>
                    <a:lnTo>
                      <a:pt x="4003" y="4229"/>
                    </a:lnTo>
                    <a:lnTo>
                      <a:pt x="3998" y="4226"/>
                    </a:lnTo>
                    <a:lnTo>
                      <a:pt x="3988" y="4222"/>
                    </a:lnTo>
                    <a:lnTo>
                      <a:pt x="3978" y="4221"/>
                    </a:lnTo>
                    <a:lnTo>
                      <a:pt x="3968" y="4220"/>
                    </a:lnTo>
                    <a:lnTo>
                      <a:pt x="3956" y="4220"/>
                    </a:lnTo>
                    <a:lnTo>
                      <a:pt x="3945" y="4220"/>
                    </a:lnTo>
                    <a:lnTo>
                      <a:pt x="3933" y="4222"/>
                    </a:lnTo>
                    <a:lnTo>
                      <a:pt x="3921" y="4225"/>
                    </a:lnTo>
                    <a:lnTo>
                      <a:pt x="3910" y="4229"/>
                    </a:lnTo>
                    <a:lnTo>
                      <a:pt x="3886" y="4238"/>
                    </a:lnTo>
                    <a:lnTo>
                      <a:pt x="3864" y="4248"/>
                    </a:lnTo>
                    <a:lnTo>
                      <a:pt x="3855" y="4255"/>
                    </a:lnTo>
                    <a:lnTo>
                      <a:pt x="3846" y="4261"/>
                    </a:lnTo>
                    <a:lnTo>
                      <a:pt x="3837" y="4268"/>
                    </a:lnTo>
                    <a:lnTo>
                      <a:pt x="3831" y="4274"/>
                    </a:lnTo>
                    <a:lnTo>
                      <a:pt x="3824" y="4282"/>
                    </a:lnTo>
                    <a:lnTo>
                      <a:pt x="3820" y="4292"/>
                    </a:lnTo>
                    <a:lnTo>
                      <a:pt x="3815" y="4303"/>
                    </a:lnTo>
                    <a:lnTo>
                      <a:pt x="3811" y="4314"/>
                    </a:lnTo>
                    <a:lnTo>
                      <a:pt x="3806" y="4325"/>
                    </a:lnTo>
                    <a:lnTo>
                      <a:pt x="3801" y="4332"/>
                    </a:lnTo>
                    <a:lnTo>
                      <a:pt x="3798" y="4336"/>
                    </a:lnTo>
                    <a:lnTo>
                      <a:pt x="3794" y="4339"/>
                    </a:lnTo>
                    <a:lnTo>
                      <a:pt x="3791" y="4340"/>
                    </a:lnTo>
                    <a:lnTo>
                      <a:pt x="3785" y="4340"/>
                    </a:lnTo>
                    <a:lnTo>
                      <a:pt x="3776" y="4347"/>
                    </a:lnTo>
                    <a:lnTo>
                      <a:pt x="3769" y="4353"/>
                    </a:lnTo>
                    <a:lnTo>
                      <a:pt x="3767" y="4357"/>
                    </a:lnTo>
                    <a:lnTo>
                      <a:pt x="3767" y="4361"/>
                    </a:lnTo>
                    <a:lnTo>
                      <a:pt x="3769" y="4365"/>
                    </a:lnTo>
                    <a:lnTo>
                      <a:pt x="3774" y="4369"/>
                    </a:lnTo>
                    <a:lnTo>
                      <a:pt x="3783" y="4374"/>
                    </a:lnTo>
                    <a:lnTo>
                      <a:pt x="3793" y="4379"/>
                    </a:lnTo>
                    <a:lnTo>
                      <a:pt x="3798" y="4383"/>
                    </a:lnTo>
                    <a:lnTo>
                      <a:pt x="3802" y="4387"/>
                    </a:lnTo>
                    <a:lnTo>
                      <a:pt x="3805" y="4391"/>
                    </a:lnTo>
                    <a:lnTo>
                      <a:pt x="3805" y="4395"/>
                    </a:lnTo>
                    <a:lnTo>
                      <a:pt x="3804" y="4397"/>
                    </a:lnTo>
                    <a:lnTo>
                      <a:pt x="3802" y="4398"/>
                    </a:lnTo>
                    <a:lnTo>
                      <a:pt x="3800" y="4400"/>
                    </a:lnTo>
                    <a:lnTo>
                      <a:pt x="3796" y="4401"/>
                    </a:lnTo>
                    <a:lnTo>
                      <a:pt x="3789" y="4402"/>
                    </a:lnTo>
                    <a:lnTo>
                      <a:pt x="3782" y="4405"/>
                    </a:lnTo>
                    <a:lnTo>
                      <a:pt x="3778" y="4406"/>
                    </a:lnTo>
                    <a:lnTo>
                      <a:pt x="3774" y="4409"/>
                    </a:lnTo>
                    <a:lnTo>
                      <a:pt x="3770" y="4410"/>
                    </a:lnTo>
                    <a:lnTo>
                      <a:pt x="3767" y="4414"/>
                    </a:lnTo>
                    <a:lnTo>
                      <a:pt x="3765" y="4418"/>
                    </a:lnTo>
                    <a:lnTo>
                      <a:pt x="3763" y="4423"/>
                    </a:lnTo>
                    <a:lnTo>
                      <a:pt x="3763" y="4428"/>
                    </a:lnTo>
                    <a:lnTo>
                      <a:pt x="3763" y="4435"/>
                    </a:lnTo>
                    <a:lnTo>
                      <a:pt x="3766" y="4450"/>
                    </a:lnTo>
                    <a:lnTo>
                      <a:pt x="3770" y="4462"/>
                    </a:lnTo>
                    <a:lnTo>
                      <a:pt x="3774" y="4467"/>
                    </a:lnTo>
                    <a:lnTo>
                      <a:pt x="3778" y="4471"/>
                    </a:lnTo>
                    <a:lnTo>
                      <a:pt x="3783" y="4475"/>
                    </a:lnTo>
                    <a:lnTo>
                      <a:pt x="3791" y="4477"/>
                    </a:lnTo>
                    <a:lnTo>
                      <a:pt x="3800" y="4481"/>
                    </a:lnTo>
                    <a:lnTo>
                      <a:pt x="3811" y="4487"/>
                    </a:lnTo>
                    <a:lnTo>
                      <a:pt x="3817" y="4490"/>
                    </a:lnTo>
                    <a:lnTo>
                      <a:pt x="3820" y="4494"/>
                    </a:lnTo>
                    <a:lnTo>
                      <a:pt x="3824" y="4498"/>
                    </a:lnTo>
                    <a:lnTo>
                      <a:pt x="3824" y="4502"/>
                    </a:lnTo>
                    <a:lnTo>
                      <a:pt x="3823" y="4506"/>
                    </a:lnTo>
                    <a:lnTo>
                      <a:pt x="3818" y="4509"/>
                    </a:lnTo>
                    <a:lnTo>
                      <a:pt x="3810" y="4512"/>
                    </a:lnTo>
                    <a:lnTo>
                      <a:pt x="3802" y="4516"/>
                    </a:lnTo>
                    <a:lnTo>
                      <a:pt x="3794" y="4520"/>
                    </a:lnTo>
                    <a:lnTo>
                      <a:pt x="3787" y="4525"/>
                    </a:lnTo>
                    <a:lnTo>
                      <a:pt x="3784" y="4528"/>
                    </a:lnTo>
                    <a:lnTo>
                      <a:pt x="3782" y="4532"/>
                    </a:lnTo>
                    <a:lnTo>
                      <a:pt x="3779" y="4536"/>
                    </a:lnTo>
                    <a:lnTo>
                      <a:pt x="3778" y="4540"/>
                    </a:lnTo>
                    <a:lnTo>
                      <a:pt x="3776" y="4547"/>
                    </a:lnTo>
                    <a:lnTo>
                      <a:pt x="3772" y="4554"/>
                    </a:lnTo>
                    <a:lnTo>
                      <a:pt x="3770" y="4560"/>
                    </a:lnTo>
                    <a:lnTo>
                      <a:pt x="3765" y="4566"/>
                    </a:lnTo>
                    <a:lnTo>
                      <a:pt x="3756" y="4576"/>
                    </a:lnTo>
                    <a:lnTo>
                      <a:pt x="3748" y="4589"/>
                    </a:lnTo>
                    <a:lnTo>
                      <a:pt x="3743" y="4599"/>
                    </a:lnTo>
                    <a:lnTo>
                      <a:pt x="3741" y="4607"/>
                    </a:lnTo>
                    <a:lnTo>
                      <a:pt x="3743" y="4610"/>
                    </a:lnTo>
                    <a:lnTo>
                      <a:pt x="3743" y="4611"/>
                    </a:lnTo>
                    <a:lnTo>
                      <a:pt x="3745" y="4613"/>
                    </a:lnTo>
                    <a:lnTo>
                      <a:pt x="3747" y="4615"/>
                    </a:lnTo>
                    <a:lnTo>
                      <a:pt x="3760" y="4616"/>
                    </a:lnTo>
                    <a:lnTo>
                      <a:pt x="3774" y="4616"/>
                    </a:lnTo>
                    <a:lnTo>
                      <a:pt x="3774" y="4620"/>
                    </a:lnTo>
                    <a:lnTo>
                      <a:pt x="3774" y="4624"/>
                    </a:lnTo>
                    <a:lnTo>
                      <a:pt x="3771" y="4630"/>
                    </a:lnTo>
                    <a:lnTo>
                      <a:pt x="3767" y="4635"/>
                    </a:lnTo>
                    <a:lnTo>
                      <a:pt x="3760" y="4647"/>
                    </a:lnTo>
                    <a:lnTo>
                      <a:pt x="3752" y="4659"/>
                    </a:lnTo>
                    <a:lnTo>
                      <a:pt x="3745" y="4670"/>
                    </a:lnTo>
                    <a:lnTo>
                      <a:pt x="3743" y="4680"/>
                    </a:lnTo>
                    <a:lnTo>
                      <a:pt x="3743" y="4683"/>
                    </a:lnTo>
                    <a:lnTo>
                      <a:pt x="3745" y="4686"/>
                    </a:lnTo>
                    <a:lnTo>
                      <a:pt x="3749" y="4687"/>
                    </a:lnTo>
                    <a:lnTo>
                      <a:pt x="3756" y="4687"/>
                    </a:lnTo>
                    <a:lnTo>
                      <a:pt x="3776" y="4686"/>
                    </a:lnTo>
                    <a:lnTo>
                      <a:pt x="3800" y="4685"/>
                    </a:lnTo>
                    <a:lnTo>
                      <a:pt x="3804" y="4685"/>
                    </a:lnTo>
                    <a:lnTo>
                      <a:pt x="3806" y="4686"/>
                    </a:lnTo>
                    <a:lnTo>
                      <a:pt x="3809" y="4687"/>
                    </a:lnTo>
                    <a:lnTo>
                      <a:pt x="3810" y="4690"/>
                    </a:lnTo>
                    <a:lnTo>
                      <a:pt x="3809" y="4694"/>
                    </a:lnTo>
                    <a:lnTo>
                      <a:pt x="3807" y="4699"/>
                    </a:lnTo>
                    <a:lnTo>
                      <a:pt x="3804" y="4704"/>
                    </a:lnTo>
                    <a:lnTo>
                      <a:pt x="3797" y="4711"/>
                    </a:lnTo>
                    <a:lnTo>
                      <a:pt x="3794" y="4715"/>
                    </a:lnTo>
                    <a:lnTo>
                      <a:pt x="3792" y="4718"/>
                    </a:lnTo>
                    <a:lnTo>
                      <a:pt x="3791" y="4721"/>
                    </a:lnTo>
                    <a:lnTo>
                      <a:pt x="3791" y="4725"/>
                    </a:lnTo>
                    <a:lnTo>
                      <a:pt x="3792" y="4731"/>
                    </a:lnTo>
                    <a:lnTo>
                      <a:pt x="3796" y="4738"/>
                    </a:lnTo>
                    <a:lnTo>
                      <a:pt x="3802" y="4744"/>
                    </a:lnTo>
                    <a:lnTo>
                      <a:pt x="3809" y="4751"/>
                    </a:lnTo>
                    <a:lnTo>
                      <a:pt x="3818" y="4757"/>
                    </a:lnTo>
                    <a:lnTo>
                      <a:pt x="3828" y="4764"/>
                    </a:lnTo>
                    <a:lnTo>
                      <a:pt x="3849" y="4774"/>
                    </a:lnTo>
                    <a:lnTo>
                      <a:pt x="3868" y="4786"/>
                    </a:lnTo>
                    <a:lnTo>
                      <a:pt x="3876" y="4790"/>
                    </a:lnTo>
                    <a:lnTo>
                      <a:pt x="3884" y="4795"/>
                    </a:lnTo>
                    <a:lnTo>
                      <a:pt x="3888" y="4799"/>
                    </a:lnTo>
                    <a:lnTo>
                      <a:pt x="3892" y="4803"/>
                    </a:lnTo>
                    <a:lnTo>
                      <a:pt x="3894" y="4816"/>
                    </a:lnTo>
                    <a:lnTo>
                      <a:pt x="3897" y="4826"/>
                    </a:lnTo>
                    <a:lnTo>
                      <a:pt x="3898" y="4830"/>
                    </a:lnTo>
                    <a:lnTo>
                      <a:pt x="3901" y="4835"/>
                    </a:lnTo>
                    <a:lnTo>
                      <a:pt x="3905" y="4839"/>
                    </a:lnTo>
                    <a:lnTo>
                      <a:pt x="3912" y="4841"/>
                    </a:lnTo>
                    <a:lnTo>
                      <a:pt x="3923" y="4849"/>
                    </a:lnTo>
                    <a:lnTo>
                      <a:pt x="3931" y="4857"/>
                    </a:lnTo>
                    <a:lnTo>
                      <a:pt x="3934" y="4861"/>
                    </a:lnTo>
                    <a:lnTo>
                      <a:pt x="3938" y="4863"/>
                    </a:lnTo>
                    <a:lnTo>
                      <a:pt x="3945" y="4863"/>
                    </a:lnTo>
                    <a:lnTo>
                      <a:pt x="3953" y="4862"/>
                    </a:lnTo>
                    <a:lnTo>
                      <a:pt x="3949" y="4848"/>
                    </a:lnTo>
                    <a:lnTo>
                      <a:pt x="3945" y="4832"/>
                    </a:lnTo>
                    <a:lnTo>
                      <a:pt x="3942" y="4825"/>
                    </a:lnTo>
                    <a:lnTo>
                      <a:pt x="3942" y="4817"/>
                    </a:lnTo>
                    <a:lnTo>
                      <a:pt x="3942" y="4810"/>
                    </a:lnTo>
                    <a:lnTo>
                      <a:pt x="3946" y="4804"/>
                    </a:lnTo>
                    <a:lnTo>
                      <a:pt x="3953" y="4796"/>
                    </a:lnTo>
                    <a:lnTo>
                      <a:pt x="3959" y="4790"/>
                    </a:lnTo>
                    <a:lnTo>
                      <a:pt x="3966" y="4783"/>
                    </a:lnTo>
                    <a:lnTo>
                      <a:pt x="3971" y="4774"/>
                    </a:lnTo>
                    <a:lnTo>
                      <a:pt x="3972" y="4769"/>
                    </a:lnTo>
                    <a:lnTo>
                      <a:pt x="3973" y="4765"/>
                    </a:lnTo>
                    <a:lnTo>
                      <a:pt x="3973" y="4761"/>
                    </a:lnTo>
                    <a:lnTo>
                      <a:pt x="3972" y="4757"/>
                    </a:lnTo>
                    <a:lnTo>
                      <a:pt x="3969" y="4751"/>
                    </a:lnTo>
                    <a:lnTo>
                      <a:pt x="3968" y="4746"/>
                    </a:lnTo>
                    <a:lnTo>
                      <a:pt x="3967" y="4742"/>
                    </a:lnTo>
                    <a:lnTo>
                      <a:pt x="3967" y="4738"/>
                    </a:lnTo>
                    <a:lnTo>
                      <a:pt x="3972" y="4733"/>
                    </a:lnTo>
                    <a:lnTo>
                      <a:pt x="3982" y="4726"/>
                    </a:lnTo>
                    <a:lnTo>
                      <a:pt x="3985" y="4725"/>
                    </a:lnTo>
                    <a:lnTo>
                      <a:pt x="3988" y="4722"/>
                    </a:lnTo>
                    <a:lnTo>
                      <a:pt x="3990" y="4718"/>
                    </a:lnTo>
                    <a:lnTo>
                      <a:pt x="3991" y="4715"/>
                    </a:lnTo>
                    <a:lnTo>
                      <a:pt x="3994" y="4704"/>
                    </a:lnTo>
                    <a:lnTo>
                      <a:pt x="3997" y="4692"/>
                    </a:lnTo>
                    <a:lnTo>
                      <a:pt x="3998" y="4670"/>
                    </a:lnTo>
                    <a:lnTo>
                      <a:pt x="3999" y="4654"/>
                    </a:lnTo>
                    <a:lnTo>
                      <a:pt x="4010" y="4635"/>
                    </a:lnTo>
                    <a:close/>
                    <a:moveTo>
                      <a:pt x="47" y="554"/>
                    </a:moveTo>
                    <a:lnTo>
                      <a:pt x="39" y="556"/>
                    </a:lnTo>
                    <a:lnTo>
                      <a:pt x="30" y="558"/>
                    </a:lnTo>
                    <a:lnTo>
                      <a:pt x="25" y="558"/>
                    </a:lnTo>
                    <a:lnTo>
                      <a:pt x="21" y="556"/>
                    </a:lnTo>
                    <a:lnTo>
                      <a:pt x="16" y="555"/>
                    </a:lnTo>
                    <a:lnTo>
                      <a:pt x="12" y="554"/>
                    </a:lnTo>
                    <a:lnTo>
                      <a:pt x="8" y="550"/>
                    </a:lnTo>
                    <a:lnTo>
                      <a:pt x="5" y="545"/>
                    </a:lnTo>
                    <a:lnTo>
                      <a:pt x="3" y="539"/>
                    </a:lnTo>
                    <a:lnTo>
                      <a:pt x="0" y="532"/>
                    </a:lnTo>
                    <a:lnTo>
                      <a:pt x="0" y="526"/>
                    </a:lnTo>
                    <a:lnTo>
                      <a:pt x="1" y="520"/>
                    </a:lnTo>
                    <a:lnTo>
                      <a:pt x="3" y="519"/>
                    </a:lnTo>
                    <a:lnTo>
                      <a:pt x="5" y="516"/>
                    </a:lnTo>
                    <a:lnTo>
                      <a:pt x="8" y="515"/>
                    </a:lnTo>
                    <a:lnTo>
                      <a:pt x="10" y="515"/>
                    </a:lnTo>
                    <a:lnTo>
                      <a:pt x="25" y="516"/>
                    </a:lnTo>
                    <a:lnTo>
                      <a:pt x="38" y="521"/>
                    </a:lnTo>
                    <a:lnTo>
                      <a:pt x="44" y="524"/>
                    </a:lnTo>
                    <a:lnTo>
                      <a:pt x="49" y="528"/>
                    </a:lnTo>
                    <a:lnTo>
                      <a:pt x="53" y="533"/>
                    </a:lnTo>
                    <a:lnTo>
                      <a:pt x="57" y="539"/>
                    </a:lnTo>
                    <a:lnTo>
                      <a:pt x="47" y="554"/>
                    </a:lnTo>
                    <a:close/>
                    <a:moveTo>
                      <a:pt x="841" y="2025"/>
                    </a:moveTo>
                    <a:lnTo>
                      <a:pt x="837" y="2017"/>
                    </a:lnTo>
                    <a:lnTo>
                      <a:pt x="834" y="2006"/>
                    </a:lnTo>
                    <a:lnTo>
                      <a:pt x="830" y="1994"/>
                    </a:lnTo>
                    <a:lnTo>
                      <a:pt x="828" y="1985"/>
                    </a:lnTo>
                    <a:lnTo>
                      <a:pt x="824" y="1973"/>
                    </a:lnTo>
                    <a:lnTo>
                      <a:pt x="821" y="1962"/>
                    </a:lnTo>
                    <a:lnTo>
                      <a:pt x="820" y="1950"/>
                    </a:lnTo>
                    <a:lnTo>
                      <a:pt x="821" y="1938"/>
                    </a:lnTo>
                    <a:lnTo>
                      <a:pt x="824" y="1937"/>
                    </a:lnTo>
                    <a:lnTo>
                      <a:pt x="828" y="1938"/>
                    </a:lnTo>
                    <a:lnTo>
                      <a:pt x="832" y="1940"/>
                    </a:lnTo>
                    <a:lnTo>
                      <a:pt x="836" y="1944"/>
                    </a:lnTo>
                    <a:lnTo>
                      <a:pt x="842" y="1950"/>
                    </a:lnTo>
                    <a:lnTo>
                      <a:pt x="846" y="1957"/>
                    </a:lnTo>
                    <a:lnTo>
                      <a:pt x="855" y="1971"/>
                    </a:lnTo>
                    <a:lnTo>
                      <a:pt x="861" y="1984"/>
                    </a:lnTo>
                    <a:lnTo>
                      <a:pt x="864" y="1990"/>
                    </a:lnTo>
                    <a:lnTo>
                      <a:pt x="865" y="1997"/>
                    </a:lnTo>
                    <a:lnTo>
                      <a:pt x="867" y="2005"/>
                    </a:lnTo>
                    <a:lnTo>
                      <a:pt x="867" y="2014"/>
                    </a:lnTo>
                    <a:lnTo>
                      <a:pt x="867" y="2025"/>
                    </a:lnTo>
                    <a:lnTo>
                      <a:pt x="868" y="2037"/>
                    </a:lnTo>
                    <a:lnTo>
                      <a:pt x="868" y="2042"/>
                    </a:lnTo>
                    <a:lnTo>
                      <a:pt x="869" y="2047"/>
                    </a:lnTo>
                    <a:lnTo>
                      <a:pt x="869" y="2051"/>
                    </a:lnTo>
                    <a:lnTo>
                      <a:pt x="868" y="2056"/>
                    </a:lnTo>
                    <a:lnTo>
                      <a:pt x="864" y="2056"/>
                    </a:lnTo>
                    <a:lnTo>
                      <a:pt x="861" y="2055"/>
                    </a:lnTo>
                    <a:lnTo>
                      <a:pt x="858" y="2054"/>
                    </a:lnTo>
                    <a:lnTo>
                      <a:pt x="855" y="2051"/>
                    </a:lnTo>
                    <a:lnTo>
                      <a:pt x="851" y="2046"/>
                    </a:lnTo>
                    <a:lnTo>
                      <a:pt x="849" y="2038"/>
                    </a:lnTo>
                    <a:lnTo>
                      <a:pt x="841" y="2025"/>
                    </a:lnTo>
                    <a:close/>
                    <a:moveTo>
                      <a:pt x="859" y="1875"/>
                    </a:moveTo>
                    <a:lnTo>
                      <a:pt x="851" y="1875"/>
                    </a:lnTo>
                    <a:lnTo>
                      <a:pt x="845" y="1874"/>
                    </a:lnTo>
                    <a:lnTo>
                      <a:pt x="838" y="1871"/>
                    </a:lnTo>
                    <a:lnTo>
                      <a:pt x="832" y="1867"/>
                    </a:lnTo>
                    <a:lnTo>
                      <a:pt x="825" y="1863"/>
                    </a:lnTo>
                    <a:lnTo>
                      <a:pt x="820" y="1859"/>
                    </a:lnTo>
                    <a:lnTo>
                      <a:pt x="816" y="1854"/>
                    </a:lnTo>
                    <a:lnTo>
                      <a:pt x="812" y="1848"/>
                    </a:lnTo>
                    <a:lnTo>
                      <a:pt x="811" y="1841"/>
                    </a:lnTo>
                    <a:lnTo>
                      <a:pt x="811" y="1839"/>
                    </a:lnTo>
                    <a:lnTo>
                      <a:pt x="812" y="1837"/>
                    </a:lnTo>
                    <a:lnTo>
                      <a:pt x="816" y="1837"/>
                    </a:lnTo>
                    <a:lnTo>
                      <a:pt x="824" y="1840"/>
                    </a:lnTo>
                    <a:lnTo>
                      <a:pt x="832" y="1841"/>
                    </a:lnTo>
                    <a:lnTo>
                      <a:pt x="849" y="1843"/>
                    </a:lnTo>
                    <a:lnTo>
                      <a:pt x="864" y="1846"/>
                    </a:lnTo>
                    <a:lnTo>
                      <a:pt x="869" y="1852"/>
                    </a:lnTo>
                    <a:lnTo>
                      <a:pt x="873" y="1858"/>
                    </a:lnTo>
                    <a:lnTo>
                      <a:pt x="885" y="1871"/>
                    </a:lnTo>
                    <a:lnTo>
                      <a:pt x="896" y="1881"/>
                    </a:lnTo>
                    <a:lnTo>
                      <a:pt x="898" y="1884"/>
                    </a:lnTo>
                    <a:lnTo>
                      <a:pt x="898" y="1885"/>
                    </a:lnTo>
                    <a:lnTo>
                      <a:pt x="898" y="1887"/>
                    </a:lnTo>
                    <a:lnTo>
                      <a:pt x="895" y="1888"/>
                    </a:lnTo>
                    <a:lnTo>
                      <a:pt x="884" y="1887"/>
                    </a:lnTo>
                    <a:lnTo>
                      <a:pt x="872" y="1884"/>
                    </a:lnTo>
                    <a:lnTo>
                      <a:pt x="859" y="1875"/>
                    </a:lnTo>
                    <a:close/>
                    <a:moveTo>
                      <a:pt x="404" y="3097"/>
                    </a:moveTo>
                    <a:lnTo>
                      <a:pt x="416" y="3103"/>
                    </a:lnTo>
                    <a:lnTo>
                      <a:pt x="426" y="3107"/>
                    </a:lnTo>
                    <a:lnTo>
                      <a:pt x="437" y="3108"/>
                    </a:lnTo>
                    <a:lnTo>
                      <a:pt x="447" y="3108"/>
                    </a:lnTo>
                    <a:lnTo>
                      <a:pt x="457" y="3107"/>
                    </a:lnTo>
                    <a:lnTo>
                      <a:pt x="468" y="3104"/>
                    </a:lnTo>
                    <a:lnTo>
                      <a:pt x="478" y="3100"/>
                    </a:lnTo>
                    <a:lnTo>
                      <a:pt x="487" y="3095"/>
                    </a:lnTo>
                    <a:lnTo>
                      <a:pt x="497" y="3087"/>
                    </a:lnTo>
                    <a:lnTo>
                      <a:pt x="507" y="3080"/>
                    </a:lnTo>
                    <a:lnTo>
                      <a:pt x="516" y="3071"/>
                    </a:lnTo>
                    <a:lnTo>
                      <a:pt x="525" y="3062"/>
                    </a:lnTo>
                    <a:lnTo>
                      <a:pt x="543" y="3040"/>
                    </a:lnTo>
                    <a:lnTo>
                      <a:pt x="558" y="3015"/>
                    </a:lnTo>
                    <a:lnTo>
                      <a:pt x="575" y="2989"/>
                    </a:lnTo>
                    <a:lnTo>
                      <a:pt x="589" y="2962"/>
                    </a:lnTo>
                    <a:lnTo>
                      <a:pt x="604" y="2935"/>
                    </a:lnTo>
                    <a:lnTo>
                      <a:pt x="615" y="2909"/>
                    </a:lnTo>
                    <a:lnTo>
                      <a:pt x="637" y="2862"/>
                    </a:lnTo>
                    <a:lnTo>
                      <a:pt x="654" y="2828"/>
                    </a:lnTo>
                    <a:lnTo>
                      <a:pt x="663" y="2804"/>
                    </a:lnTo>
                    <a:lnTo>
                      <a:pt x="671" y="2779"/>
                    </a:lnTo>
                    <a:lnTo>
                      <a:pt x="679" y="2755"/>
                    </a:lnTo>
                    <a:lnTo>
                      <a:pt x="685" y="2730"/>
                    </a:lnTo>
                    <a:lnTo>
                      <a:pt x="693" y="2704"/>
                    </a:lnTo>
                    <a:lnTo>
                      <a:pt x="701" y="2679"/>
                    </a:lnTo>
                    <a:lnTo>
                      <a:pt x="709" y="2656"/>
                    </a:lnTo>
                    <a:lnTo>
                      <a:pt x="718" y="2631"/>
                    </a:lnTo>
                    <a:lnTo>
                      <a:pt x="722" y="2626"/>
                    </a:lnTo>
                    <a:lnTo>
                      <a:pt x="725" y="2621"/>
                    </a:lnTo>
                    <a:lnTo>
                      <a:pt x="729" y="2617"/>
                    </a:lnTo>
                    <a:lnTo>
                      <a:pt x="733" y="2613"/>
                    </a:lnTo>
                    <a:lnTo>
                      <a:pt x="744" y="2609"/>
                    </a:lnTo>
                    <a:lnTo>
                      <a:pt x="753" y="2606"/>
                    </a:lnTo>
                    <a:lnTo>
                      <a:pt x="762" y="2602"/>
                    </a:lnTo>
                    <a:lnTo>
                      <a:pt x="767" y="2597"/>
                    </a:lnTo>
                    <a:lnTo>
                      <a:pt x="770" y="2593"/>
                    </a:lnTo>
                    <a:lnTo>
                      <a:pt x="771" y="2589"/>
                    </a:lnTo>
                    <a:lnTo>
                      <a:pt x="771" y="2585"/>
                    </a:lnTo>
                    <a:lnTo>
                      <a:pt x="770" y="2580"/>
                    </a:lnTo>
                    <a:lnTo>
                      <a:pt x="767" y="2571"/>
                    </a:lnTo>
                    <a:lnTo>
                      <a:pt x="764" y="2565"/>
                    </a:lnTo>
                    <a:lnTo>
                      <a:pt x="760" y="2563"/>
                    </a:lnTo>
                    <a:lnTo>
                      <a:pt x="758" y="2563"/>
                    </a:lnTo>
                    <a:lnTo>
                      <a:pt x="753" y="2564"/>
                    </a:lnTo>
                    <a:lnTo>
                      <a:pt x="747" y="2568"/>
                    </a:lnTo>
                    <a:lnTo>
                      <a:pt x="742" y="2574"/>
                    </a:lnTo>
                    <a:lnTo>
                      <a:pt x="736" y="2584"/>
                    </a:lnTo>
                    <a:lnTo>
                      <a:pt x="733" y="2586"/>
                    </a:lnTo>
                    <a:lnTo>
                      <a:pt x="731" y="2586"/>
                    </a:lnTo>
                    <a:lnTo>
                      <a:pt x="729" y="2585"/>
                    </a:lnTo>
                    <a:lnTo>
                      <a:pt x="729" y="2581"/>
                    </a:lnTo>
                    <a:lnTo>
                      <a:pt x="731" y="2569"/>
                    </a:lnTo>
                    <a:lnTo>
                      <a:pt x="735" y="2555"/>
                    </a:lnTo>
                    <a:lnTo>
                      <a:pt x="742" y="2521"/>
                    </a:lnTo>
                    <a:lnTo>
                      <a:pt x="750" y="2501"/>
                    </a:lnTo>
                    <a:lnTo>
                      <a:pt x="762" y="2475"/>
                    </a:lnTo>
                    <a:lnTo>
                      <a:pt x="772" y="2448"/>
                    </a:lnTo>
                    <a:lnTo>
                      <a:pt x="782" y="2420"/>
                    </a:lnTo>
                    <a:lnTo>
                      <a:pt x="792" y="2394"/>
                    </a:lnTo>
                    <a:lnTo>
                      <a:pt x="801" y="2367"/>
                    </a:lnTo>
                    <a:lnTo>
                      <a:pt x="810" y="2340"/>
                    </a:lnTo>
                    <a:lnTo>
                      <a:pt x="817" y="2312"/>
                    </a:lnTo>
                    <a:lnTo>
                      <a:pt x="825" y="2284"/>
                    </a:lnTo>
                    <a:lnTo>
                      <a:pt x="827" y="2264"/>
                    </a:lnTo>
                    <a:lnTo>
                      <a:pt x="828" y="2238"/>
                    </a:lnTo>
                    <a:lnTo>
                      <a:pt x="828" y="2226"/>
                    </a:lnTo>
                    <a:lnTo>
                      <a:pt x="830" y="2216"/>
                    </a:lnTo>
                    <a:lnTo>
                      <a:pt x="832" y="2212"/>
                    </a:lnTo>
                    <a:lnTo>
                      <a:pt x="834" y="2209"/>
                    </a:lnTo>
                    <a:lnTo>
                      <a:pt x="837" y="2208"/>
                    </a:lnTo>
                    <a:lnTo>
                      <a:pt x="841" y="2207"/>
                    </a:lnTo>
                    <a:lnTo>
                      <a:pt x="854" y="2208"/>
                    </a:lnTo>
                    <a:lnTo>
                      <a:pt x="864" y="2209"/>
                    </a:lnTo>
                    <a:lnTo>
                      <a:pt x="874" y="2213"/>
                    </a:lnTo>
                    <a:lnTo>
                      <a:pt x="882" y="2218"/>
                    </a:lnTo>
                    <a:lnTo>
                      <a:pt x="890" y="2225"/>
                    </a:lnTo>
                    <a:lnTo>
                      <a:pt x="898" y="2232"/>
                    </a:lnTo>
                    <a:lnTo>
                      <a:pt x="904" y="2242"/>
                    </a:lnTo>
                    <a:lnTo>
                      <a:pt x="909" y="2253"/>
                    </a:lnTo>
                    <a:lnTo>
                      <a:pt x="916" y="2270"/>
                    </a:lnTo>
                    <a:lnTo>
                      <a:pt x="922" y="2288"/>
                    </a:lnTo>
                    <a:lnTo>
                      <a:pt x="928" y="2306"/>
                    </a:lnTo>
                    <a:lnTo>
                      <a:pt x="931" y="2324"/>
                    </a:lnTo>
                    <a:lnTo>
                      <a:pt x="938" y="2361"/>
                    </a:lnTo>
                    <a:lnTo>
                      <a:pt x="942" y="2398"/>
                    </a:lnTo>
                    <a:lnTo>
                      <a:pt x="946" y="2435"/>
                    </a:lnTo>
                    <a:lnTo>
                      <a:pt x="950" y="2472"/>
                    </a:lnTo>
                    <a:lnTo>
                      <a:pt x="955" y="2508"/>
                    </a:lnTo>
                    <a:lnTo>
                      <a:pt x="963" y="2545"/>
                    </a:lnTo>
                    <a:lnTo>
                      <a:pt x="966" y="2542"/>
                    </a:lnTo>
                    <a:lnTo>
                      <a:pt x="969" y="2537"/>
                    </a:lnTo>
                    <a:lnTo>
                      <a:pt x="972" y="2532"/>
                    </a:lnTo>
                    <a:lnTo>
                      <a:pt x="974" y="2525"/>
                    </a:lnTo>
                    <a:lnTo>
                      <a:pt x="978" y="2510"/>
                    </a:lnTo>
                    <a:lnTo>
                      <a:pt x="979" y="2490"/>
                    </a:lnTo>
                    <a:lnTo>
                      <a:pt x="979" y="2470"/>
                    </a:lnTo>
                    <a:lnTo>
                      <a:pt x="978" y="2448"/>
                    </a:lnTo>
                    <a:lnTo>
                      <a:pt x="977" y="2424"/>
                    </a:lnTo>
                    <a:lnTo>
                      <a:pt x="973" y="2400"/>
                    </a:lnTo>
                    <a:lnTo>
                      <a:pt x="966" y="2350"/>
                    </a:lnTo>
                    <a:lnTo>
                      <a:pt x="957" y="2305"/>
                    </a:lnTo>
                    <a:lnTo>
                      <a:pt x="948" y="2267"/>
                    </a:lnTo>
                    <a:lnTo>
                      <a:pt x="942" y="2243"/>
                    </a:lnTo>
                    <a:lnTo>
                      <a:pt x="926" y="2195"/>
                    </a:lnTo>
                    <a:lnTo>
                      <a:pt x="924" y="2188"/>
                    </a:lnTo>
                    <a:lnTo>
                      <a:pt x="920" y="2182"/>
                    </a:lnTo>
                    <a:lnTo>
                      <a:pt x="913" y="2175"/>
                    </a:lnTo>
                    <a:lnTo>
                      <a:pt x="908" y="2169"/>
                    </a:lnTo>
                    <a:lnTo>
                      <a:pt x="894" y="2157"/>
                    </a:lnTo>
                    <a:lnTo>
                      <a:pt x="880" y="2146"/>
                    </a:lnTo>
                    <a:lnTo>
                      <a:pt x="873" y="2141"/>
                    </a:lnTo>
                    <a:lnTo>
                      <a:pt x="868" y="2135"/>
                    </a:lnTo>
                    <a:lnTo>
                      <a:pt x="863" y="2130"/>
                    </a:lnTo>
                    <a:lnTo>
                      <a:pt x="860" y="2125"/>
                    </a:lnTo>
                    <a:lnTo>
                      <a:pt x="859" y="2121"/>
                    </a:lnTo>
                    <a:lnTo>
                      <a:pt x="859" y="2116"/>
                    </a:lnTo>
                    <a:lnTo>
                      <a:pt x="863" y="2112"/>
                    </a:lnTo>
                    <a:lnTo>
                      <a:pt x="868" y="2108"/>
                    </a:lnTo>
                    <a:lnTo>
                      <a:pt x="877" y="2103"/>
                    </a:lnTo>
                    <a:lnTo>
                      <a:pt x="884" y="2098"/>
                    </a:lnTo>
                    <a:lnTo>
                      <a:pt x="889" y="2093"/>
                    </a:lnTo>
                    <a:lnTo>
                      <a:pt x="893" y="2087"/>
                    </a:lnTo>
                    <a:lnTo>
                      <a:pt x="895" y="2081"/>
                    </a:lnTo>
                    <a:lnTo>
                      <a:pt x="898" y="2076"/>
                    </a:lnTo>
                    <a:lnTo>
                      <a:pt x="899" y="2071"/>
                    </a:lnTo>
                    <a:lnTo>
                      <a:pt x="899" y="2064"/>
                    </a:lnTo>
                    <a:lnTo>
                      <a:pt x="899" y="2052"/>
                    </a:lnTo>
                    <a:lnTo>
                      <a:pt x="898" y="2041"/>
                    </a:lnTo>
                    <a:lnTo>
                      <a:pt x="898" y="2034"/>
                    </a:lnTo>
                    <a:lnTo>
                      <a:pt x="899" y="2028"/>
                    </a:lnTo>
                    <a:lnTo>
                      <a:pt x="900" y="2021"/>
                    </a:lnTo>
                    <a:lnTo>
                      <a:pt x="903" y="2015"/>
                    </a:lnTo>
                    <a:lnTo>
                      <a:pt x="915" y="1995"/>
                    </a:lnTo>
                    <a:lnTo>
                      <a:pt x="925" y="1980"/>
                    </a:lnTo>
                    <a:lnTo>
                      <a:pt x="930" y="1972"/>
                    </a:lnTo>
                    <a:lnTo>
                      <a:pt x="934" y="1963"/>
                    </a:lnTo>
                    <a:lnTo>
                      <a:pt x="937" y="1953"/>
                    </a:lnTo>
                    <a:lnTo>
                      <a:pt x="938" y="1941"/>
                    </a:lnTo>
                    <a:lnTo>
                      <a:pt x="939" y="1920"/>
                    </a:lnTo>
                    <a:lnTo>
                      <a:pt x="943" y="1893"/>
                    </a:lnTo>
                    <a:lnTo>
                      <a:pt x="947" y="1880"/>
                    </a:lnTo>
                    <a:lnTo>
                      <a:pt x="952" y="1868"/>
                    </a:lnTo>
                    <a:lnTo>
                      <a:pt x="956" y="1863"/>
                    </a:lnTo>
                    <a:lnTo>
                      <a:pt x="960" y="1859"/>
                    </a:lnTo>
                    <a:lnTo>
                      <a:pt x="964" y="1857"/>
                    </a:lnTo>
                    <a:lnTo>
                      <a:pt x="970" y="1856"/>
                    </a:lnTo>
                    <a:lnTo>
                      <a:pt x="970" y="1852"/>
                    </a:lnTo>
                    <a:lnTo>
                      <a:pt x="955" y="1848"/>
                    </a:lnTo>
                    <a:lnTo>
                      <a:pt x="939" y="1843"/>
                    </a:lnTo>
                    <a:lnTo>
                      <a:pt x="924" y="1837"/>
                    </a:lnTo>
                    <a:lnTo>
                      <a:pt x="909" y="1831"/>
                    </a:lnTo>
                    <a:lnTo>
                      <a:pt x="894" y="1823"/>
                    </a:lnTo>
                    <a:lnTo>
                      <a:pt x="878" y="1815"/>
                    </a:lnTo>
                    <a:lnTo>
                      <a:pt x="864" y="1806"/>
                    </a:lnTo>
                    <a:lnTo>
                      <a:pt x="851" y="1797"/>
                    </a:lnTo>
                    <a:lnTo>
                      <a:pt x="837" y="1787"/>
                    </a:lnTo>
                    <a:lnTo>
                      <a:pt x="824" y="1777"/>
                    </a:lnTo>
                    <a:lnTo>
                      <a:pt x="812" y="1765"/>
                    </a:lnTo>
                    <a:lnTo>
                      <a:pt x="802" y="1752"/>
                    </a:lnTo>
                    <a:lnTo>
                      <a:pt x="792" y="1739"/>
                    </a:lnTo>
                    <a:lnTo>
                      <a:pt x="782" y="1725"/>
                    </a:lnTo>
                    <a:lnTo>
                      <a:pt x="775" y="1710"/>
                    </a:lnTo>
                    <a:lnTo>
                      <a:pt x="768" y="1695"/>
                    </a:lnTo>
                    <a:lnTo>
                      <a:pt x="763" y="1679"/>
                    </a:lnTo>
                    <a:lnTo>
                      <a:pt x="757" y="1665"/>
                    </a:lnTo>
                    <a:lnTo>
                      <a:pt x="750" y="1651"/>
                    </a:lnTo>
                    <a:lnTo>
                      <a:pt x="742" y="1638"/>
                    </a:lnTo>
                    <a:lnTo>
                      <a:pt x="738" y="1629"/>
                    </a:lnTo>
                    <a:lnTo>
                      <a:pt x="736" y="1621"/>
                    </a:lnTo>
                    <a:lnTo>
                      <a:pt x="731" y="1613"/>
                    </a:lnTo>
                    <a:lnTo>
                      <a:pt x="727" y="1604"/>
                    </a:lnTo>
                    <a:lnTo>
                      <a:pt x="723" y="1595"/>
                    </a:lnTo>
                    <a:lnTo>
                      <a:pt x="720" y="1586"/>
                    </a:lnTo>
                    <a:lnTo>
                      <a:pt x="715" y="1565"/>
                    </a:lnTo>
                    <a:lnTo>
                      <a:pt x="711" y="1547"/>
                    </a:lnTo>
                    <a:lnTo>
                      <a:pt x="733" y="1515"/>
                    </a:lnTo>
                    <a:lnTo>
                      <a:pt x="758" y="1485"/>
                    </a:lnTo>
                    <a:lnTo>
                      <a:pt x="763" y="1477"/>
                    </a:lnTo>
                    <a:lnTo>
                      <a:pt x="766" y="1469"/>
                    </a:lnTo>
                    <a:lnTo>
                      <a:pt x="768" y="1462"/>
                    </a:lnTo>
                    <a:lnTo>
                      <a:pt x="770" y="1453"/>
                    </a:lnTo>
                    <a:lnTo>
                      <a:pt x="770" y="1445"/>
                    </a:lnTo>
                    <a:lnTo>
                      <a:pt x="767" y="1436"/>
                    </a:lnTo>
                    <a:lnTo>
                      <a:pt x="763" y="1427"/>
                    </a:lnTo>
                    <a:lnTo>
                      <a:pt x="757" y="1416"/>
                    </a:lnTo>
                    <a:lnTo>
                      <a:pt x="751" y="1410"/>
                    </a:lnTo>
                    <a:lnTo>
                      <a:pt x="750" y="1403"/>
                    </a:lnTo>
                    <a:lnTo>
                      <a:pt x="750" y="1397"/>
                    </a:lnTo>
                    <a:lnTo>
                      <a:pt x="753" y="1392"/>
                    </a:lnTo>
                    <a:lnTo>
                      <a:pt x="758" y="1387"/>
                    </a:lnTo>
                    <a:lnTo>
                      <a:pt x="764" y="1383"/>
                    </a:lnTo>
                    <a:lnTo>
                      <a:pt x="772" y="1379"/>
                    </a:lnTo>
                    <a:lnTo>
                      <a:pt x="780" y="1376"/>
                    </a:lnTo>
                    <a:lnTo>
                      <a:pt x="798" y="1371"/>
                    </a:lnTo>
                    <a:lnTo>
                      <a:pt x="816" y="1368"/>
                    </a:lnTo>
                    <a:lnTo>
                      <a:pt x="832" y="1367"/>
                    </a:lnTo>
                    <a:lnTo>
                      <a:pt x="842" y="1366"/>
                    </a:lnTo>
                    <a:lnTo>
                      <a:pt x="842" y="1366"/>
                    </a:lnTo>
                    <a:lnTo>
                      <a:pt x="843" y="1365"/>
                    </a:lnTo>
                    <a:lnTo>
                      <a:pt x="820" y="1357"/>
                    </a:lnTo>
                    <a:lnTo>
                      <a:pt x="802" y="1349"/>
                    </a:lnTo>
                    <a:lnTo>
                      <a:pt x="792" y="1346"/>
                    </a:lnTo>
                    <a:lnTo>
                      <a:pt x="780" y="1344"/>
                    </a:lnTo>
                    <a:lnTo>
                      <a:pt x="766" y="1344"/>
                    </a:lnTo>
                    <a:lnTo>
                      <a:pt x="749" y="1345"/>
                    </a:lnTo>
                    <a:lnTo>
                      <a:pt x="729" y="1348"/>
                    </a:lnTo>
                    <a:lnTo>
                      <a:pt x="710" y="1349"/>
                    </a:lnTo>
                    <a:lnTo>
                      <a:pt x="693" y="1350"/>
                    </a:lnTo>
                    <a:lnTo>
                      <a:pt x="679" y="1349"/>
                    </a:lnTo>
                    <a:lnTo>
                      <a:pt x="672" y="1346"/>
                    </a:lnTo>
                    <a:lnTo>
                      <a:pt x="668" y="1344"/>
                    </a:lnTo>
                    <a:lnTo>
                      <a:pt x="665" y="1340"/>
                    </a:lnTo>
                    <a:lnTo>
                      <a:pt x="662" y="1335"/>
                    </a:lnTo>
                    <a:lnTo>
                      <a:pt x="662" y="1328"/>
                    </a:lnTo>
                    <a:lnTo>
                      <a:pt x="662" y="1321"/>
                    </a:lnTo>
                    <a:lnTo>
                      <a:pt x="665" y="1310"/>
                    </a:lnTo>
                    <a:lnTo>
                      <a:pt x="670" y="1300"/>
                    </a:lnTo>
                    <a:lnTo>
                      <a:pt x="670" y="1293"/>
                    </a:lnTo>
                    <a:lnTo>
                      <a:pt x="668" y="1287"/>
                    </a:lnTo>
                    <a:lnTo>
                      <a:pt x="666" y="1279"/>
                    </a:lnTo>
                    <a:lnTo>
                      <a:pt x="663" y="1273"/>
                    </a:lnTo>
                    <a:lnTo>
                      <a:pt x="661" y="1266"/>
                    </a:lnTo>
                    <a:lnTo>
                      <a:pt x="661" y="1261"/>
                    </a:lnTo>
                    <a:lnTo>
                      <a:pt x="662" y="1260"/>
                    </a:lnTo>
                    <a:lnTo>
                      <a:pt x="663" y="1258"/>
                    </a:lnTo>
                    <a:lnTo>
                      <a:pt x="666" y="1257"/>
                    </a:lnTo>
                    <a:lnTo>
                      <a:pt x="670" y="1256"/>
                    </a:lnTo>
                    <a:lnTo>
                      <a:pt x="679" y="1254"/>
                    </a:lnTo>
                    <a:lnTo>
                      <a:pt x="687" y="1252"/>
                    </a:lnTo>
                    <a:lnTo>
                      <a:pt x="693" y="1247"/>
                    </a:lnTo>
                    <a:lnTo>
                      <a:pt x="700" y="1240"/>
                    </a:lnTo>
                    <a:lnTo>
                      <a:pt x="703" y="1232"/>
                    </a:lnTo>
                    <a:lnTo>
                      <a:pt x="706" y="1225"/>
                    </a:lnTo>
                    <a:lnTo>
                      <a:pt x="709" y="1216"/>
                    </a:lnTo>
                    <a:lnTo>
                      <a:pt x="709" y="1207"/>
                    </a:lnTo>
                    <a:lnTo>
                      <a:pt x="692" y="1204"/>
                    </a:lnTo>
                    <a:lnTo>
                      <a:pt x="675" y="1201"/>
                    </a:lnTo>
                    <a:lnTo>
                      <a:pt x="658" y="1199"/>
                    </a:lnTo>
                    <a:lnTo>
                      <a:pt x="641" y="1194"/>
                    </a:lnTo>
                    <a:lnTo>
                      <a:pt x="627" y="1186"/>
                    </a:lnTo>
                    <a:lnTo>
                      <a:pt x="611" y="1177"/>
                    </a:lnTo>
                    <a:lnTo>
                      <a:pt x="604" y="1172"/>
                    </a:lnTo>
                    <a:lnTo>
                      <a:pt x="596" y="1169"/>
                    </a:lnTo>
                    <a:lnTo>
                      <a:pt x="588" y="1166"/>
                    </a:lnTo>
                    <a:lnTo>
                      <a:pt x="580" y="1165"/>
                    </a:lnTo>
                    <a:lnTo>
                      <a:pt x="582" y="1161"/>
                    </a:lnTo>
                    <a:lnTo>
                      <a:pt x="583" y="1159"/>
                    </a:lnTo>
                    <a:lnTo>
                      <a:pt x="587" y="1156"/>
                    </a:lnTo>
                    <a:lnTo>
                      <a:pt x="591" y="1153"/>
                    </a:lnTo>
                    <a:lnTo>
                      <a:pt x="601" y="1151"/>
                    </a:lnTo>
                    <a:lnTo>
                      <a:pt x="613" y="1148"/>
                    </a:lnTo>
                    <a:lnTo>
                      <a:pt x="624" y="1146"/>
                    </a:lnTo>
                    <a:lnTo>
                      <a:pt x="635" y="1142"/>
                    </a:lnTo>
                    <a:lnTo>
                      <a:pt x="637" y="1139"/>
                    </a:lnTo>
                    <a:lnTo>
                      <a:pt x="641" y="1135"/>
                    </a:lnTo>
                    <a:lnTo>
                      <a:pt x="643" y="1131"/>
                    </a:lnTo>
                    <a:lnTo>
                      <a:pt x="643" y="1128"/>
                    </a:lnTo>
                    <a:lnTo>
                      <a:pt x="640" y="1124"/>
                    </a:lnTo>
                    <a:lnTo>
                      <a:pt x="632" y="1121"/>
                    </a:lnTo>
                    <a:lnTo>
                      <a:pt x="623" y="1117"/>
                    </a:lnTo>
                    <a:lnTo>
                      <a:pt x="611" y="1115"/>
                    </a:lnTo>
                    <a:lnTo>
                      <a:pt x="587" y="1109"/>
                    </a:lnTo>
                    <a:lnTo>
                      <a:pt x="573" y="1108"/>
                    </a:lnTo>
                    <a:lnTo>
                      <a:pt x="564" y="1108"/>
                    </a:lnTo>
                    <a:lnTo>
                      <a:pt x="556" y="1111"/>
                    </a:lnTo>
                    <a:lnTo>
                      <a:pt x="548" y="1113"/>
                    </a:lnTo>
                    <a:lnTo>
                      <a:pt x="541" y="1117"/>
                    </a:lnTo>
                    <a:lnTo>
                      <a:pt x="534" y="1120"/>
                    </a:lnTo>
                    <a:lnTo>
                      <a:pt x="527" y="1122"/>
                    </a:lnTo>
                    <a:lnTo>
                      <a:pt x="519" y="1124"/>
                    </a:lnTo>
                    <a:lnTo>
                      <a:pt x="513" y="1124"/>
                    </a:lnTo>
                    <a:lnTo>
                      <a:pt x="512" y="1111"/>
                    </a:lnTo>
                    <a:lnTo>
                      <a:pt x="512" y="1094"/>
                    </a:lnTo>
                    <a:lnTo>
                      <a:pt x="512" y="1085"/>
                    </a:lnTo>
                    <a:lnTo>
                      <a:pt x="513" y="1077"/>
                    </a:lnTo>
                    <a:lnTo>
                      <a:pt x="514" y="1071"/>
                    </a:lnTo>
                    <a:lnTo>
                      <a:pt x="518" y="1065"/>
                    </a:lnTo>
                    <a:lnTo>
                      <a:pt x="530" y="1054"/>
                    </a:lnTo>
                    <a:lnTo>
                      <a:pt x="536" y="1046"/>
                    </a:lnTo>
                    <a:lnTo>
                      <a:pt x="538" y="1043"/>
                    </a:lnTo>
                    <a:lnTo>
                      <a:pt x="536" y="1042"/>
                    </a:lnTo>
                    <a:lnTo>
                      <a:pt x="535" y="1041"/>
                    </a:lnTo>
                    <a:lnTo>
                      <a:pt x="532" y="1041"/>
                    </a:lnTo>
                    <a:lnTo>
                      <a:pt x="523" y="1038"/>
                    </a:lnTo>
                    <a:lnTo>
                      <a:pt x="509" y="1038"/>
                    </a:lnTo>
                    <a:lnTo>
                      <a:pt x="500" y="1037"/>
                    </a:lnTo>
                    <a:lnTo>
                      <a:pt x="494" y="1036"/>
                    </a:lnTo>
                    <a:lnTo>
                      <a:pt x="490" y="1032"/>
                    </a:lnTo>
                    <a:lnTo>
                      <a:pt x="488" y="1028"/>
                    </a:lnTo>
                    <a:lnTo>
                      <a:pt x="488" y="1024"/>
                    </a:lnTo>
                    <a:lnTo>
                      <a:pt x="488" y="1020"/>
                    </a:lnTo>
                    <a:lnTo>
                      <a:pt x="487" y="1017"/>
                    </a:lnTo>
                    <a:lnTo>
                      <a:pt x="484" y="1015"/>
                    </a:lnTo>
                    <a:lnTo>
                      <a:pt x="479" y="1014"/>
                    </a:lnTo>
                    <a:lnTo>
                      <a:pt x="474" y="1014"/>
                    </a:lnTo>
                    <a:lnTo>
                      <a:pt x="469" y="1014"/>
                    </a:lnTo>
                    <a:lnTo>
                      <a:pt x="464" y="1015"/>
                    </a:lnTo>
                    <a:lnTo>
                      <a:pt x="453" y="1017"/>
                    </a:lnTo>
                    <a:lnTo>
                      <a:pt x="443" y="1019"/>
                    </a:lnTo>
                    <a:lnTo>
                      <a:pt x="434" y="1020"/>
                    </a:lnTo>
                    <a:lnTo>
                      <a:pt x="424" y="1020"/>
                    </a:lnTo>
                    <a:lnTo>
                      <a:pt x="420" y="1017"/>
                    </a:lnTo>
                    <a:lnTo>
                      <a:pt x="416" y="1015"/>
                    </a:lnTo>
                    <a:lnTo>
                      <a:pt x="412" y="1010"/>
                    </a:lnTo>
                    <a:lnTo>
                      <a:pt x="409" y="1004"/>
                    </a:lnTo>
                    <a:lnTo>
                      <a:pt x="405" y="993"/>
                    </a:lnTo>
                    <a:lnTo>
                      <a:pt x="403" y="980"/>
                    </a:lnTo>
                    <a:lnTo>
                      <a:pt x="402" y="966"/>
                    </a:lnTo>
                    <a:lnTo>
                      <a:pt x="400" y="951"/>
                    </a:lnTo>
                    <a:lnTo>
                      <a:pt x="398" y="938"/>
                    </a:lnTo>
                    <a:lnTo>
                      <a:pt x="394" y="928"/>
                    </a:lnTo>
                    <a:lnTo>
                      <a:pt x="391" y="923"/>
                    </a:lnTo>
                    <a:lnTo>
                      <a:pt x="387" y="920"/>
                    </a:lnTo>
                    <a:lnTo>
                      <a:pt x="383" y="918"/>
                    </a:lnTo>
                    <a:lnTo>
                      <a:pt x="378" y="915"/>
                    </a:lnTo>
                    <a:lnTo>
                      <a:pt x="359" y="915"/>
                    </a:lnTo>
                    <a:lnTo>
                      <a:pt x="343" y="915"/>
                    </a:lnTo>
                    <a:lnTo>
                      <a:pt x="337" y="915"/>
                    </a:lnTo>
                    <a:lnTo>
                      <a:pt x="332" y="914"/>
                    </a:lnTo>
                    <a:lnTo>
                      <a:pt x="326" y="912"/>
                    </a:lnTo>
                    <a:lnTo>
                      <a:pt x="321" y="910"/>
                    </a:lnTo>
                    <a:lnTo>
                      <a:pt x="317" y="907"/>
                    </a:lnTo>
                    <a:lnTo>
                      <a:pt x="313" y="903"/>
                    </a:lnTo>
                    <a:lnTo>
                      <a:pt x="311" y="898"/>
                    </a:lnTo>
                    <a:lnTo>
                      <a:pt x="307" y="893"/>
                    </a:lnTo>
                    <a:lnTo>
                      <a:pt x="301" y="877"/>
                    </a:lnTo>
                    <a:lnTo>
                      <a:pt x="294" y="858"/>
                    </a:lnTo>
                    <a:lnTo>
                      <a:pt x="290" y="848"/>
                    </a:lnTo>
                    <a:lnTo>
                      <a:pt x="286" y="841"/>
                    </a:lnTo>
                    <a:lnTo>
                      <a:pt x="282" y="839"/>
                    </a:lnTo>
                    <a:lnTo>
                      <a:pt x="279" y="836"/>
                    </a:lnTo>
                    <a:lnTo>
                      <a:pt x="273" y="837"/>
                    </a:lnTo>
                    <a:lnTo>
                      <a:pt x="269" y="840"/>
                    </a:lnTo>
                    <a:lnTo>
                      <a:pt x="266" y="844"/>
                    </a:lnTo>
                    <a:lnTo>
                      <a:pt x="262" y="849"/>
                    </a:lnTo>
                    <a:lnTo>
                      <a:pt x="253" y="861"/>
                    </a:lnTo>
                    <a:lnTo>
                      <a:pt x="245" y="874"/>
                    </a:lnTo>
                    <a:lnTo>
                      <a:pt x="241" y="880"/>
                    </a:lnTo>
                    <a:lnTo>
                      <a:pt x="236" y="884"/>
                    </a:lnTo>
                    <a:lnTo>
                      <a:pt x="233" y="888"/>
                    </a:lnTo>
                    <a:lnTo>
                      <a:pt x="229" y="890"/>
                    </a:lnTo>
                    <a:lnTo>
                      <a:pt x="224" y="892"/>
                    </a:lnTo>
                    <a:lnTo>
                      <a:pt x="220" y="893"/>
                    </a:lnTo>
                    <a:lnTo>
                      <a:pt x="216" y="893"/>
                    </a:lnTo>
                    <a:lnTo>
                      <a:pt x="212" y="892"/>
                    </a:lnTo>
                    <a:lnTo>
                      <a:pt x="206" y="888"/>
                    </a:lnTo>
                    <a:lnTo>
                      <a:pt x="199" y="883"/>
                    </a:lnTo>
                    <a:lnTo>
                      <a:pt x="193" y="876"/>
                    </a:lnTo>
                    <a:lnTo>
                      <a:pt x="187" y="871"/>
                    </a:lnTo>
                    <a:lnTo>
                      <a:pt x="179" y="865"/>
                    </a:lnTo>
                    <a:lnTo>
                      <a:pt x="172" y="861"/>
                    </a:lnTo>
                    <a:lnTo>
                      <a:pt x="166" y="858"/>
                    </a:lnTo>
                    <a:lnTo>
                      <a:pt x="162" y="854"/>
                    </a:lnTo>
                    <a:lnTo>
                      <a:pt x="159" y="850"/>
                    </a:lnTo>
                    <a:lnTo>
                      <a:pt x="157" y="846"/>
                    </a:lnTo>
                    <a:lnTo>
                      <a:pt x="155" y="837"/>
                    </a:lnTo>
                    <a:lnTo>
                      <a:pt x="157" y="826"/>
                    </a:lnTo>
                    <a:lnTo>
                      <a:pt x="158" y="815"/>
                    </a:lnTo>
                    <a:lnTo>
                      <a:pt x="158" y="804"/>
                    </a:lnTo>
                    <a:lnTo>
                      <a:pt x="158" y="798"/>
                    </a:lnTo>
                    <a:lnTo>
                      <a:pt x="158" y="793"/>
                    </a:lnTo>
                    <a:lnTo>
                      <a:pt x="155" y="788"/>
                    </a:lnTo>
                    <a:lnTo>
                      <a:pt x="153" y="784"/>
                    </a:lnTo>
                    <a:lnTo>
                      <a:pt x="149" y="779"/>
                    </a:lnTo>
                    <a:lnTo>
                      <a:pt x="145" y="775"/>
                    </a:lnTo>
                    <a:lnTo>
                      <a:pt x="140" y="771"/>
                    </a:lnTo>
                    <a:lnTo>
                      <a:pt x="136" y="769"/>
                    </a:lnTo>
                    <a:lnTo>
                      <a:pt x="127" y="766"/>
                    </a:lnTo>
                    <a:lnTo>
                      <a:pt x="118" y="763"/>
                    </a:lnTo>
                    <a:lnTo>
                      <a:pt x="109" y="763"/>
                    </a:lnTo>
                    <a:lnTo>
                      <a:pt x="98" y="762"/>
                    </a:lnTo>
                    <a:lnTo>
                      <a:pt x="89" y="760"/>
                    </a:lnTo>
                    <a:lnTo>
                      <a:pt x="80" y="756"/>
                    </a:lnTo>
                    <a:lnTo>
                      <a:pt x="82" y="749"/>
                    </a:lnTo>
                    <a:lnTo>
                      <a:pt x="84" y="745"/>
                    </a:lnTo>
                    <a:lnTo>
                      <a:pt x="88" y="743"/>
                    </a:lnTo>
                    <a:lnTo>
                      <a:pt x="93" y="740"/>
                    </a:lnTo>
                    <a:lnTo>
                      <a:pt x="100" y="739"/>
                    </a:lnTo>
                    <a:lnTo>
                      <a:pt x="108" y="738"/>
                    </a:lnTo>
                    <a:lnTo>
                      <a:pt x="115" y="739"/>
                    </a:lnTo>
                    <a:lnTo>
                      <a:pt x="123" y="739"/>
                    </a:lnTo>
                    <a:lnTo>
                      <a:pt x="155" y="744"/>
                    </a:lnTo>
                    <a:lnTo>
                      <a:pt x="176" y="748"/>
                    </a:lnTo>
                    <a:lnTo>
                      <a:pt x="188" y="745"/>
                    </a:lnTo>
                    <a:lnTo>
                      <a:pt x="197" y="743"/>
                    </a:lnTo>
                    <a:lnTo>
                      <a:pt x="203" y="740"/>
                    </a:lnTo>
                    <a:lnTo>
                      <a:pt x="207" y="736"/>
                    </a:lnTo>
                    <a:lnTo>
                      <a:pt x="207" y="732"/>
                    </a:lnTo>
                    <a:lnTo>
                      <a:pt x="206" y="727"/>
                    </a:lnTo>
                    <a:lnTo>
                      <a:pt x="203" y="722"/>
                    </a:lnTo>
                    <a:lnTo>
                      <a:pt x="199" y="718"/>
                    </a:lnTo>
                    <a:lnTo>
                      <a:pt x="188" y="708"/>
                    </a:lnTo>
                    <a:lnTo>
                      <a:pt x="174" y="699"/>
                    </a:lnTo>
                    <a:lnTo>
                      <a:pt x="162" y="691"/>
                    </a:lnTo>
                    <a:lnTo>
                      <a:pt x="152" y="686"/>
                    </a:lnTo>
                    <a:lnTo>
                      <a:pt x="153" y="681"/>
                    </a:lnTo>
                    <a:lnTo>
                      <a:pt x="155" y="678"/>
                    </a:lnTo>
                    <a:lnTo>
                      <a:pt x="159" y="675"/>
                    </a:lnTo>
                    <a:lnTo>
                      <a:pt x="163" y="673"/>
                    </a:lnTo>
                    <a:lnTo>
                      <a:pt x="172" y="668"/>
                    </a:lnTo>
                    <a:lnTo>
                      <a:pt x="179" y="665"/>
                    </a:lnTo>
                    <a:lnTo>
                      <a:pt x="188" y="655"/>
                    </a:lnTo>
                    <a:lnTo>
                      <a:pt x="196" y="647"/>
                    </a:lnTo>
                    <a:lnTo>
                      <a:pt x="199" y="657"/>
                    </a:lnTo>
                    <a:lnTo>
                      <a:pt x="210" y="670"/>
                    </a:lnTo>
                    <a:lnTo>
                      <a:pt x="222" y="687"/>
                    </a:lnTo>
                    <a:lnTo>
                      <a:pt x="236" y="701"/>
                    </a:lnTo>
                    <a:lnTo>
                      <a:pt x="242" y="706"/>
                    </a:lnTo>
                    <a:lnTo>
                      <a:pt x="249" y="712"/>
                    </a:lnTo>
                    <a:lnTo>
                      <a:pt x="255" y="714"/>
                    </a:lnTo>
                    <a:lnTo>
                      <a:pt x="260" y="716"/>
                    </a:lnTo>
                    <a:lnTo>
                      <a:pt x="263" y="714"/>
                    </a:lnTo>
                    <a:lnTo>
                      <a:pt x="264" y="713"/>
                    </a:lnTo>
                    <a:lnTo>
                      <a:pt x="267" y="712"/>
                    </a:lnTo>
                    <a:lnTo>
                      <a:pt x="268" y="709"/>
                    </a:lnTo>
                    <a:lnTo>
                      <a:pt x="271" y="701"/>
                    </a:lnTo>
                    <a:lnTo>
                      <a:pt x="271" y="691"/>
                    </a:lnTo>
                    <a:lnTo>
                      <a:pt x="264" y="687"/>
                    </a:lnTo>
                    <a:lnTo>
                      <a:pt x="254" y="679"/>
                    </a:lnTo>
                    <a:lnTo>
                      <a:pt x="245" y="670"/>
                    </a:lnTo>
                    <a:lnTo>
                      <a:pt x="238" y="664"/>
                    </a:lnTo>
                    <a:lnTo>
                      <a:pt x="238" y="660"/>
                    </a:lnTo>
                    <a:lnTo>
                      <a:pt x="241" y="653"/>
                    </a:lnTo>
                    <a:lnTo>
                      <a:pt x="245" y="648"/>
                    </a:lnTo>
                    <a:lnTo>
                      <a:pt x="249" y="642"/>
                    </a:lnTo>
                    <a:lnTo>
                      <a:pt x="254" y="637"/>
                    </a:lnTo>
                    <a:lnTo>
                      <a:pt x="256" y="631"/>
                    </a:lnTo>
                    <a:lnTo>
                      <a:pt x="256" y="630"/>
                    </a:lnTo>
                    <a:lnTo>
                      <a:pt x="256" y="627"/>
                    </a:lnTo>
                    <a:lnTo>
                      <a:pt x="255" y="626"/>
                    </a:lnTo>
                    <a:lnTo>
                      <a:pt x="254" y="625"/>
                    </a:lnTo>
                    <a:lnTo>
                      <a:pt x="240" y="624"/>
                    </a:lnTo>
                    <a:lnTo>
                      <a:pt x="220" y="624"/>
                    </a:lnTo>
                    <a:lnTo>
                      <a:pt x="197" y="625"/>
                    </a:lnTo>
                    <a:lnTo>
                      <a:pt x="172" y="625"/>
                    </a:lnTo>
                    <a:lnTo>
                      <a:pt x="161" y="625"/>
                    </a:lnTo>
                    <a:lnTo>
                      <a:pt x="149" y="625"/>
                    </a:lnTo>
                    <a:lnTo>
                      <a:pt x="140" y="624"/>
                    </a:lnTo>
                    <a:lnTo>
                      <a:pt x="131" y="621"/>
                    </a:lnTo>
                    <a:lnTo>
                      <a:pt x="124" y="618"/>
                    </a:lnTo>
                    <a:lnTo>
                      <a:pt x="119" y="615"/>
                    </a:lnTo>
                    <a:lnTo>
                      <a:pt x="118" y="612"/>
                    </a:lnTo>
                    <a:lnTo>
                      <a:pt x="117" y="609"/>
                    </a:lnTo>
                    <a:lnTo>
                      <a:pt x="117" y="605"/>
                    </a:lnTo>
                    <a:lnTo>
                      <a:pt x="118" y="603"/>
                    </a:lnTo>
                    <a:lnTo>
                      <a:pt x="122" y="586"/>
                    </a:lnTo>
                    <a:lnTo>
                      <a:pt x="131" y="560"/>
                    </a:lnTo>
                    <a:lnTo>
                      <a:pt x="141" y="536"/>
                    </a:lnTo>
                    <a:lnTo>
                      <a:pt x="148" y="524"/>
                    </a:lnTo>
                    <a:lnTo>
                      <a:pt x="157" y="520"/>
                    </a:lnTo>
                    <a:lnTo>
                      <a:pt x="170" y="515"/>
                    </a:lnTo>
                    <a:lnTo>
                      <a:pt x="187" y="511"/>
                    </a:lnTo>
                    <a:lnTo>
                      <a:pt x="205" y="508"/>
                    </a:lnTo>
                    <a:lnTo>
                      <a:pt x="223" y="506"/>
                    </a:lnTo>
                    <a:lnTo>
                      <a:pt x="240" y="503"/>
                    </a:lnTo>
                    <a:lnTo>
                      <a:pt x="254" y="502"/>
                    </a:lnTo>
                    <a:lnTo>
                      <a:pt x="264" y="503"/>
                    </a:lnTo>
                    <a:lnTo>
                      <a:pt x="273" y="506"/>
                    </a:lnTo>
                    <a:lnTo>
                      <a:pt x="284" y="508"/>
                    </a:lnTo>
                    <a:lnTo>
                      <a:pt x="293" y="512"/>
                    </a:lnTo>
                    <a:lnTo>
                      <a:pt x="302" y="517"/>
                    </a:lnTo>
                    <a:lnTo>
                      <a:pt x="311" y="521"/>
                    </a:lnTo>
                    <a:lnTo>
                      <a:pt x="320" y="524"/>
                    </a:lnTo>
                    <a:lnTo>
                      <a:pt x="330" y="526"/>
                    </a:lnTo>
                    <a:lnTo>
                      <a:pt x="342" y="526"/>
                    </a:lnTo>
                    <a:lnTo>
                      <a:pt x="351" y="525"/>
                    </a:lnTo>
                    <a:lnTo>
                      <a:pt x="361" y="523"/>
                    </a:lnTo>
                    <a:lnTo>
                      <a:pt x="372" y="519"/>
                    </a:lnTo>
                    <a:lnTo>
                      <a:pt x="381" y="515"/>
                    </a:lnTo>
                    <a:lnTo>
                      <a:pt x="391" y="511"/>
                    </a:lnTo>
                    <a:lnTo>
                      <a:pt x="400" y="508"/>
                    </a:lnTo>
                    <a:lnTo>
                      <a:pt x="411" y="507"/>
                    </a:lnTo>
                    <a:lnTo>
                      <a:pt x="420" y="507"/>
                    </a:lnTo>
                    <a:lnTo>
                      <a:pt x="421" y="526"/>
                    </a:lnTo>
                    <a:lnTo>
                      <a:pt x="421" y="545"/>
                    </a:lnTo>
                    <a:lnTo>
                      <a:pt x="422" y="554"/>
                    </a:lnTo>
                    <a:lnTo>
                      <a:pt x="426" y="561"/>
                    </a:lnTo>
                    <a:lnTo>
                      <a:pt x="429" y="565"/>
                    </a:lnTo>
                    <a:lnTo>
                      <a:pt x="431" y="569"/>
                    </a:lnTo>
                    <a:lnTo>
                      <a:pt x="435" y="572"/>
                    </a:lnTo>
                    <a:lnTo>
                      <a:pt x="440" y="576"/>
                    </a:lnTo>
                    <a:lnTo>
                      <a:pt x="446" y="578"/>
                    </a:lnTo>
                    <a:lnTo>
                      <a:pt x="450" y="578"/>
                    </a:lnTo>
                    <a:lnTo>
                      <a:pt x="452" y="578"/>
                    </a:lnTo>
                    <a:lnTo>
                      <a:pt x="456" y="578"/>
                    </a:lnTo>
                    <a:lnTo>
                      <a:pt x="462" y="574"/>
                    </a:lnTo>
                    <a:lnTo>
                      <a:pt x="468" y="569"/>
                    </a:lnTo>
                    <a:lnTo>
                      <a:pt x="473" y="564"/>
                    </a:lnTo>
                    <a:lnTo>
                      <a:pt x="478" y="559"/>
                    </a:lnTo>
                    <a:lnTo>
                      <a:pt x="483" y="555"/>
                    </a:lnTo>
                    <a:lnTo>
                      <a:pt x="488" y="554"/>
                    </a:lnTo>
                    <a:lnTo>
                      <a:pt x="494" y="555"/>
                    </a:lnTo>
                    <a:lnTo>
                      <a:pt x="497" y="558"/>
                    </a:lnTo>
                    <a:lnTo>
                      <a:pt x="501" y="560"/>
                    </a:lnTo>
                    <a:lnTo>
                      <a:pt x="507" y="564"/>
                    </a:lnTo>
                    <a:lnTo>
                      <a:pt x="510" y="567"/>
                    </a:lnTo>
                    <a:lnTo>
                      <a:pt x="514" y="569"/>
                    </a:lnTo>
                    <a:lnTo>
                      <a:pt x="519" y="570"/>
                    </a:lnTo>
                    <a:lnTo>
                      <a:pt x="525" y="570"/>
                    </a:lnTo>
                    <a:lnTo>
                      <a:pt x="530" y="569"/>
                    </a:lnTo>
                    <a:lnTo>
                      <a:pt x="534" y="567"/>
                    </a:lnTo>
                    <a:lnTo>
                      <a:pt x="536" y="564"/>
                    </a:lnTo>
                    <a:lnTo>
                      <a:pt x="539" y="561"/>
                    </a:lnTo>
                    <a:lnTo>
                      <a:pt x="541" y="554"/>
                    </a:lnTo>
                    <a:lnTo>
                      <a:pt x="543" y="546"/>
                    </a:lnTo>
                    <a:lnTo>
                      <a:pt x="543" y="528"/>
                    </a:lnTo>
                    <a:lnTo>
                      <a:pt x="543" y="512"/>
                    </a:lnTo>
                    <a:lnTo>
                      <a:pt x="545" y="510"/>
                    </a:lnTo>
                    <a:lnTo>
                      <a:pt x="553" y="507"/>
                    </a:lnTo>
                    <a:lnTo>
                      <a:pt x="562" y="504"/>
                    </a:lnTo>
                    <a:lnTo>
                      <a:pt x="574" y="503"/>
                    </a:lnTo>
                    <a:lnTo>
                      <a:pt x="587" y="502"/>
                    </a:lnTo>
                    <a:lnTo>
                      <a:pt x="597" y="501"/>
                    </a:lnTo>
                    <a:lnTo>
                      <a:pt x="605" y="502"/>
                    </a:lnTo>
                    <a:lnTo>
                      <a:pt x="610" y="503"/>
                    </a:lnTo>
                    <a:lnTo>
                      <a:pt x="624" y="517"/>
                    </a:lnTo>
                    <a:lnTo>
                      <a:pt x="635" y="525"/>
                    </a:lnTo>
                    <a:lnTo>
                      <a:pt x="639" y="526"/>
                    </a:lnTo>
                    <a:lnTo>
                      <a:pt x="641" y="528"/>
                    </a:lnTo>
                    <a:lnTo>
                      <a:pt x="644" y="528"/>
                    </a:lnTo>
                    <a:lnTo>
                      <a:pt x="648" y="528"/>
                    </a:lnTo>
                    <a:lnTo>
                      <a:pt x="654" y="525"/>
                    </a:lnTo>
                    <a:lnTo>
                      <a:pt x="662" y="523"/>
                    </a:lnTo>
                    <a:lnTo>
                      <a:pt x="675" y="521"/>
                    </a:lnTo>
                    <a:lnTo>
                      <a:pt x="693" y="521"/>
                    </a:lnTo>
                    <a:lnTo>
                      <a:pt x="700" y="528"/>
                    </a:lnTo>
                    <a:lnTo>
                      <a:pt x="706" y="534"/>
                    </a:lnTo>
                    <a:lnTo>
                      <a:pt x="711" y="542"/>
                    </a:lnTo>
                    <a:lnTo>
                      <a:pt x="715" y="550"/>
                    </a:lnTo>
                    <a:lnTo>
                      <a:pt x="719" y="559"/>
                    </a:lnTo>
                    <a:lnTo>
                      <a:pt x="720" y="568"/>
                    </a:lnTo>
                    <a:lnTo>
                      <a:pt x="722" y="576"/>
                    </a:lnTo>
                    <a:lnTo>
                      <a:pt x="720" y="585"/>
                    </a:lnTo>
                    <a:lnTo>
                      <a:pt x="719" y="598"/>
                    </a:lnTo>
                    <a:lnTo>
                      <a:pt x="719" y="607"/>
                    </a:lnTo>
                    <a:lnTo>
                      <a:pt x="720" y="613"/>
                    </a:lnTo>
                    <a:lnTo>
                      <a:pt x="723" y="618"/>
                    </a:lnTo>
                    <a:lnTo>
                      <a:pt x="727" y="622"/>
                    </a:lnTo>
                    <a:lnTo>
                      <a:pt x="731" y="629"/>
                    </a:lnTo>
                    <a:lnTo>
                      <a:pt x="735" y="635"/>
                    </a:lnTo>
                    <a:lnTo>
                      <a:pt x="738" y="646"/>
                    </a:lnTo>
                    <a:lnTo>
                      <a:pt x="740" y="659"/>
                    </a:lnTo>
                    <a:lnTo>
                      <a:pt x="740" y="674"/>
                    </a:lnTo>
                    <a:lnTo>
                      <a:pt x="737" y="691"/>
                    </a:lnTo>
                    <a:lnTo>
                      <a:pt x="736" y="709"/>
                    </a:lnTo>
                    <a:lnTo>
                      <a:pt x="735" y="725"/>
                    </a:lnTo>
                    <a:lnTo>
                      <a:pt x="735" y="738"/>
                    </a:lnTo>
                    <a:lnTo>
                      <a:pt x="735" y="741"/>
                    </a:lnTo>
                    <a:lnTo>
                      <a:pt x="737" y="745"/>
                    </a:lnTo>
                    <a:lnTo>
                      <a:pt x="740" y="748"/>
                    </a:lnTo>
                    <a:lnTo>
                      <a:pt x="744" y="749"/>
                    </a:lnTo>
                    <a:lnTo>
                      <a:pt x="751" y="748"/>
                    </a:lnTo>
                    <a:lnTo>
                      <a:pt x="760" y="745"/>
                    </a:lnTo>
                    <a:lnTo>
                      <a:pt x="771" y="743"/>
                    </a:lnTo>
                    <a:lnTo>
                      <a:pt x="781" y="739"/>
                    </a:lnTo>
                    <a:lnTo>
                      <a:pt x="801" y="730"/>
                    </a:lnTo>
                    <a:lnTo>
                      <a:pt x="816" y="722"/>
                    </a:lnTo>
                    <a:lnTo>
                      <a:pt x="830" y="713"/>
                    </a:lnTo>
                    <a:lnTo>
                      <a:pt x="839" y="705"/>
                    </a:lnTo>
                    <a:lnTo>
                      <a:pt x="845" y="700"/>
                    </a:lnTo>
                    <a:lnTo>
                      <a:pt x="847" y="696"/>
                    </a:lnTo>
                    <a:lnTo>
                      <a:pt x="852" y="694"/>
                    </a:lnTo>
                    <a:lnTo>
                      <a:pt x="859" y="691"/>
                    </a:lnTo>
                    <a:lnTo>
                      <a:pt x="872" y="691"/>
                    </a:lnTo>
                    <a:lnTo>
                      <a:pt x="891" y="690"/>
                    </a:lnTo>
                    <a:lnTo>
                      <a:pt x="894" y="691"/>
                    </a:lnTo>
                    <a:lnTo>
                      <a:pt x="895" y="691"/>
                    </a:lnTo>
                    <a:lnTo>
                      <a:pt x="895" y="694"/>
                    </a:lnTo>
                    <a:lnTo>
                      <a:pt x="895" y="695"/>
                    </a:lnTo>
                    <a:lnTo>
                      <a:pt x="894" y="700"/>
                    </a:lnTo>
                    <a:lnTo>
                      <a:pt x="891" y="705"/>
                    </a:lnTo>
                    <a:lnTo>
                      <a:pt x="885" y="718"/>
                    </a:lnTo>
                    <a:lnTo>
                      <a:pt x="881" y="725"/>
                    </a:lnTo>
                    <a:lnTo>
                      <a:pt x="898" y="727"/>
                    </a:lnTo>
                    <a:lnTo>
                      <a:pt x="913" y="729"/>
                    </a:lnTo>
                    <a:lnTo>
                      <a:pt x="928" y="729"/>
                    </a:lnTo>
                    <a:lnTo>
                      <a:pt x="941" y="729"/>
                    </a:lnTo>
                    <a:lnTo>
                      <a:pt x="946" y="730"/>
                    </a:lnTo>
                    <a:lnTo>
                      <a:pt x="951" y="731"/>
                    </a:lnTo>
                    <a:lnTo>
                      <a:pt x="955" y="734"/>
                    </a:lnTo>
                    <a:lnTo>
                      <a:pt x="959" y="736"/>
                    </a:lnTo>
                    <a:lnTo>
                      <a:pt x="961" y="740"/>
                    </a:lnTo>
                    <a:lnTo>
                      <a:pt x="963" y="745"/>
                    </a:lnTo>
                    <a:lnTo>
                      <a:pt x="964" y="752"/>
                    </a:lnTo>
                    <a:lnTo>
                      <a:pt x="965" y="761"/>
                    </a:lnTo>
                    <a:lnTo>
                      <a:pt x="965" y="770"/>
                    </a:lnTo>
                    <a:lnTo>
                      <a:pt x="966" y="779"/>
                    </a:lnTo>
                    <a:lnTo>
                      <a:pt x="968" y="786"/>
                    </a:lnTo>
                    <a:lnTo>
                      <a:pt x="970" y="791"/>
                    </a:lnTo>
                    <a:lnTo>
                      <a:pt x="973" y="795"/>
                    </a:lnTo>
                    <a:lnTo>
                      <a:pt x="975" y="797"/>
                    </a:lnTo>
                    <a:lnTo>
                      <a:pt x="978" y="798"/>
                    </a:lnTo>
                    <a:lnTo>
                      <a:pt x="981" y="798"/>
                    </a:lnTo>
                    <a:lnTo>
                      <a:pt x="985" y="798"/>
                    </a:lnTo>
                    <a:lnTo>
                      <a:pt x="987" y="796"/>
                    </a:lnTo>
                    <a:lnTo>
                      <a:pt x="990" y="793"/>
                    </a:lnTo>
                    <a:lnTo>
                      <a:pt x="992" y="789"/>
                    </a:lnTo>
                    <a:lnTo>
                      <a:pt x="995" y="784"/>
                    </a:lnTo>
                    <a:lnTo>
                      <a:pt x="996" y="779"/>
                    </a:lnTo>
                    <a:lnTo>
                      <a:pt x="998" y="773"/>
                    </a:lnTo>
                    <a:lnTo>
                      <a:pt x="998" y="766"/>
                    </a:lnTo>
                    <a:lnTo>
                      <a:pt x="998" y="756"/>
                    </a:lnTo>
                    <a:lnTo>
                      <a:pt x="998" y="748"/>
                    </a:lnTo>
                    <a:lnTo>
                      <a:pt x="998" y="743"/>
                    </a:lnTo>
                    <a:lnTo>
                      <a:pt x="1000" y="739"/>
                    </a:lnTo>
                    <a:lnTo>
                      <a:pt x="1003" y="738"/>
                    </a:lnTo>
                    <a:lnTo>
                      <a:pt x="1009" y="736"/>
                    </a:lnTo>
                    <a:lnTo>
                      <a:pt x="1018" y="736"/>
                    </a:lnTo>
                    <a:lnTo>
                      <a:pt x="1030" y="736"/>
                    </a:lnTo>
                    <a:lnTo>
                      <a:pt x="1032" y="738"/>
                    </a:lnTo>
                    <a:lnTo>
                      <a:pt x="1035" y="744"/>
                    </a:lnTo>
                    <a:lnTo>
                      <a:pt x="1038" y="753"/>
                    </a:lnTo>
                    <a:lnTo>
                      <a:pt x="1042" y="763"/>
                    </a:lnTo>
                    <a:lnTo>
                      <a:pt x="1045" y="775"/>
                    </a:lnTo>
                    <a:lnTo>
                      <a:pt x="1051" y="786"/>
                    </a:lnTo>
                    <a:lnTo>
                      <a:pt x="1055" y="791"/>
                    </a:lnTo>
                    <a:lnTo>
                      <a:pt x="1058" y="796"/>
                    </a:lnTo>
                    <a:lnTo>
                      <a:pt x="1064" y="800"/>
                    </a:lnTo>
                    <a:lnTo>
                      <a:pt x="1069" y="802"/>
                    </a:lnTo>
                    <a:lnTo>
                      <a:pt x="1079" y="808"/>
                    </a:lnTo>
                    <a:lnTo>
                      <a:pt x="1095" y="815"/>
                    </a:lnTo>
                    <a:lnTo>
                      <a:pt x="1114" y="823"/>
                    </a:lnTo>
                    <a:lnTo>
                      <a:pt x="1134" y="828"/>
                    </a:lnTo>
                    <a:lnTo>
                      <a:pt x="1143" y="830"/>
                    </a:lnTo>
                    <a:lnTo>
                      <a:pt x="1150" y="830"/>
                    </a:lnTo>
                    <a:lnTo>
                      <a:pt x="1158" y="828"/>
                    </a:lnTo>
                    <a:lnTo>
                      <a:pt x="1163" y="826"/>
                    </a:lnTo>
                    <a:lnTo>
                      <a:pt x="1165" y="824"/>
                    </a:lnTo>
                    <a:lnTo>
                      <a:pt x="1166" y="822"/>
                    </a:lnTo>
                    <a:lnTo>
                      <a:pt x="1167" y="818"/>
                    </a:lnTo>
                    <a:lnTo>
                      <a:pt x="1167" y="814"/>
                    </a:lnTo>
                    <a:lnTo>
                      <a:pt x="1165" y="805"/>
                    </a:lnTo>
                    <a:lnTo>
                      <a:pt x="1159" y="793"/>
                    </a:lnTo>
                    <a:lnTo>
                      <a:pt x="1152" y="778"/>
                    </a:lnTo>
                    <a:lnTo>
                      <a:pt x="1146" y="763"/>
                    </a:lnTo>
                    <a:lnTo>
                      <a:pt x="1141" y="749"/>
                    </a:lnTo>
                    <a:lnTo>
                      <a:pt x="1137" y="736"/>
                    </a:lnTo>
                    <a:lnTo>
                      <a:pt x="1135" y="725"/>
                    </a:lnTo>
                    <a:lnTo>
                      <a:pt x="1132" y="714"/>
                    </a:lnTo>
                    <a:lnTo>
                      <a:pt x="1131" y="703"/>
                    </a:lnTo>
                    <a:lnTo>
                      <a:pt x="1131" y="692"/>
                    </a:lnTo>
                    <a:lnTo>
                      <a:pt x="1134" y="670"/>
                    </a:lnTo>
                    <a:lnTo>
                      <a:pt x="1136" y="646"/>
                    </a:lnTo>
                    <a:lnTo>
                      <a:pt x="1141" y="617"/>
                    </a:lnTo>
                    <a:lnTo>
                      <a:pt x="1146" y="583"/>
                    </a:lnTo>
                    <a:lnTo>
                      <a:pt x="1148" y="565"/>
                    </a:lnTo>
                    <a:lnTo>
                      <a:pt x="1146" y="551"/>
                    </a:lnTo>
                    <a:lnTo>
                      <a:pt x="1144" y="541"/>
                    </a:lnTo>
                    <a:lnTo>
                      <a:pt x="1140" y="532"/>
                    </a:lnTo>
                    <a:lnTo>
                      <a:pt x="1135" y="523"/>
                    </a:lnTo>
                    <a:lnTo>
                      <a:pt x="1132" y="513"/>
                    </a:lnTo>
                    <a:lnTo>
                      <a:pt x="1128" y="503"/>
                    </a:lnTo>
                    <a:lnTo>
                      <a:pt x="1128" y="490"/>
                    </a:lnTo>
                    <a:lnTo>
                      <a:pt x="1126" y="475"/>
                    </a:lnTo>
                    <a:lnTo>
                      <a:pt x="1122" y="455"/>
                    </a:lnTo>
                    <a:lnTo>
                      <a:pt x="1115" y="434"/>
                    </a:lnTo>
                    <a:lnTo>
                      <a:pt x="1109" y="414"/>
                    </a:lnTo>
                    <a:lnTo>
                      <a:pt x="1105" y="393"/>
                    </a:lnTo>
                    <a:lnTo>
                      <a:pt x="1102" y="375"/>
                    </a:lnTo>
                    <a:lnTo>
                      <a:pt x="1104" y="367"/>
                    </a:lnTo>
                    <a:lnTo>
                      <a:pt x="1105" y="361"/>
                    </a:lnTo>
                    <a:lnTo>
                      <a:pt x="1108" y="354"/>
                    </a:lnTo>
                    <a:lnTo>
                      <a:pt x="1112" y="349"/>
                    </a:lnTo>
                    <a:lnTo>
                      <a:pt x="1122" y="341"/>
                    </a:lnTo>
                    <a:lnTo>
                      <a:pt x="1128" y="333"/>
                    </a:lnTo>
                    <a:lnTo>
                      <a:pt x="1132" y="327"/>
                    </a:lnTo>
                    <a:lnTo>
                      <a:pt x="1134" y="320"/>
                    </a:lnTo>
                    <a:lnTo>
                      <a:pt x="1132" y="314"/>
                    </a:lnTo>
                    <a:lnTo>
                      <a:pt x="1130" y="309"/>
                    </a:lnTo>
                    <a:lnTo>
                      <a:pt x="1126" y="302"/>
                    </a:lnTo>
                    <a:lnTo>
                      <a:pt x="1121" y="297"/>
                    </a:lnTo>
                    <a:lnTo>
                      <a:pt x="1108" y="287"/>
                    </a:lnTo>
                    <a:lnTo>
                      <a:pt x="1096" y="276"/>
                    </a:lnTo>
                    <a:lnTo>
                      <a:pt x="1091" y="270"/>
                    </a:lnTo>
                    <a:lnTo>
                      <a:pt x="1086" y="265"/>
                    </a:lnTo>
                    <a:lnTo>
                      <a:pt x="1083" y="257"/>
                    </a:lnTo>
                    <a:lnTo>
                      <a:pt x="1082" y="251"/>
                    </a:lnTo>
                    <a:lnTo>
                      <a:pt x="1089" y="249"/>
                    </a:lnTo>
                    <a:lnTo>
                      <a:pt x="1097" y="249"/>
                    </a:lnTo>
                    <a:lnTo>
                      <a:pt x="1105" y="249"/>
                    </a:lnTo>
                    <a:lnTo>
                      <a:pt x="1114" y="252"/>
                    </a:lnTo>
                    <a:lnTo>
                      <a:pt x="1132" y="257"/>
                    </a:lnTo>
                    <a:lnTo>
                      <a:pt x="1150" y="265"/>
                    </a:lnTo>
                    <a:lnTo>
                      <a:pt x="1185" y="283"/>
                    </a:lnTo>
                    <a:lnTo>
                      <a:pt x="1215" y="296"/>
                    </a:lnTo>
                    <a:lnTo>
                      <a:pt x="1235" y="300"/>
                    </a:lnTo>
                    <a:lnTo>
                      <a:pt x="1260" y="304"/>
                    </a:lnTo>
                    <a:lnTo>
                      <a:pt x="1289" y="308"/>
                    </a:lnTo>
                    <a:lnTo>
                      <a:pt x="1315" y="315"/>
                    </a:lnTo>
                    <a:lnTo>
                      <a:pt x="1327" y="319"/>
                    </a:lnTo>
                    <a:lnTo>
                      <a:pt x="1336" y="326"/>
                    </a:lnTo>
                    <a:lnTo>
                      <a:pt x="1340" y="328"/>
                    </a:lnTo>
                    <a:lnTo>
                      <a:pt x="1342" y="332"/>
                    </a:lnTo>
                    <a:lnTo>
                      <a:pt x="1343" y="336"/>
                    </a:lnTo>
                    <a:lnTo>
                      <a:pt x="1345" y="340"/>
                    </a:lnTo>
                    <a:lnTo>
                      <a:pt x="1346" y="345"/>
                    </a:lnTo>
                    <a:lnTo>
                      <a:pt x="1345" y="349"/>
                    </a:lnTo>
                    <a:lnTo>
                      <a:pt x="1343" y="355"/>
                    </a:lnTo>
                    <a:lnTo>
                      <a:pt x="1340" y="361"/>
                    </a:lnTo>
                    <a:lnTo>
                      <a:pt x="1336" y="367"/>
                    </a:lnTo>
                    <a:lnTo>
                      <a:pt x="1330" y="374"/>
                    </a:lnTo>
                    <a:lnTo>
                      <a:pt x="1324" y="381"/>
                    </a:lnTo>
                    <a:lnTo>
                      <a:pt x="1316" y="388"/>
                    </a:lnTo>
                    <a:lnTo>
                      <a:pt x="1310" y="394"/>
                    </a:lnTo>
                    <a:lnTo>
                      <a:pt x="1306" y="401"/>
                    </a:lnTo>
                    <a:lnTo>
                      <a:pt x="1303" y="406"/>
                    </a:lnTo>
                    <a:lnTo>
                      <a:pt x="1303" y="412"/>
                    </a:lnTo>
                    <a:lnTo>
                      <a:pt x="1303" y="418"/>
                    </a:lnTo>
                    <a:lnTo>
                      <a:pt x="1305" y="423"/>
                    </a:lnTo>
                    <a:lnTo>
                      <a:pt x="1307" y="428"/>
                    </a:lnTo>
                    <a:lnTo>
                      <a:pt x="1310" y="432"/>
                    </a:lnTo>
                    <a:lnTo>
                      <a:pt x="1316" y="442"/>
                    </a:lnTo>
                    <a:lnTo>
                      <a:pt x="1320" y="453"/>
                    </a:lnTo>
                    <a:lnTo>
                      <a:pt x="1321" y="456"/>
                    </a:lnTo>
                    <a:lnTo>
                      <a:pt x="1321" y="462"/>
                    </a:lnTo>
                    <a:lnTo>
                      <a:pt x="1319" y="468"/>
                    </a:lnTo>
                    <a:lnTo>
                      <a:pt x="1316" y="473"/>
                    </a:lnTo>
                    <a:lnTo>
                      <a:pt x="1308" y="484"/>
                    </a:lnTo>
                    <a:lnTo>
                      <a:pt x="1305" y="491"/>
                    </a:lnTo>
                    <a:lnTo>
                      <a:pt x="1303" y="499"/>
                    </a:lnTo>
                    <a:lnTo>
                      <a:pt x="1305" y="504"/>
                    </a:lnTo>
                    <a:lnTo>
                      <a:pt x="1307" y="510"/>
                    </a:lnTo>
                    <a:lnTo>
                      <a:pt x="1312" y="512"/>
                    </a:lnTo>
                    <a:lnTo>
                      <a:pt x="1319" y="515"/>
                    </a:lnTo>
                    <a:lnTo>
                      <a:pt x="1328" y="516"/>
                    </a:lnTo>
                    <a:lnTo>
                      <a:pt x="1346" y="516"/>
                    </a:lnTo>
                    <a:lnTo>
                      <a:pt x="1365" y="515"/>
                    </a:lnTo>
                    <a:lnTo>
                      <a:pt x="1382" y="512"/>
                    </a:lnTo>
                    <a:lnTo>
                      <a:pt x="1397" y="510"/>
                    </a:lnTo>
                    <a:lnTo>
                      <a:pt x="1409" y="511"/>
                    </a:lnTo>
                    <a:lnTo>
                      <a:pt x="1424" y="516"/>
                    </a:lnTo>
                    <a:lnTo>
                      <a:pt x="1439" y="521"/>
                    </a:lnTo>
                    <a:lnTo>
                      <a:pt x="1456" y="529"/>
                    </a:lnTo>
                    <a:lnTo>
                      <a:pt x="1490" y="545"/>
                    </a:lnTo>
                    <a:lnTo>
                      <a:pt x="1516" y="558"/>
                    </a:lnTo>
                    <a:lnTo>
                      <a:pt x="1521" y="560"/>
                    </a:lnTo>
                    <a:lnTo>
                      <a:pt x="1525" y="564"/>
                    </a:lnTo>
                    <a:lnTo>
                      <a:pt x="1529" y="568"/>
                    </a:lnTo>
                    <a:lnTo>
                      <a:pt x="1531" y="573"/>
                    </a:lnTo>
                    <a:lnTo>
                      <a:pt x="1536" y="582"/>
                    </a:lnTo>
                    <a:lnTo>
                      <a:pt x="1540" y="594"/>
                    </a:lnTo>
                    <a:lnTo>
                      <a:pt x="1543" y="603"/>
                    </a:lnTo>
                    <a:lnTo>
                      <a:pt x="1547" y="612"/>
                    </a:lnTo>
                    <a:lnTo>
                      <a:pt x="1548" y="615"/>
                    </a:lnTo>
                    <a:lnTo>
                      <a:pt x="1551" y="617"/>
                    </a:lnTo>
                    <a:lnTo>
                      <a:pt x="1553" y="618"/>
                    </a:lnTo>
                    <a:lnTo>
                      <a:pt x="1556" y="618"/>
                    </a:lnTo>
                    <a:lnTo>
                      <a:pt x="1776" y="612"/>
                    </a:lnTo>
                    <a:lnTo>
                      <a:pt x="1797" y="612"/>
                    </a:lnTo>
                    <a:lnTo>
                      <a:pt x="1828" y="615"/>
                    </a:lnTo>
                    <a:lnTo>
                      <a:pt x="1845" y="615"/>
                    </a:lnTo>
                    <a:lnTo>
                      <a:pt x="1859" y="615"/>
                    </a:lnTo>
                    <a:lnTo>
                      <a:pt x="1864" y="615"/>
                    </a:lnTo>
                    <a:lnTo>
                      <a:pt x="1869" y="613"/>
                    </a:lnTo>
                    <a:lnTo>
                      <a:pt x="1872" y="612"/>
                    </a:lnTo>
                    <a:lnTo>
                      <a:pt x="1873" y="611"/>
                    </a:lnTo>
                    <a:lnTo>
                      <a:pt x="1872" y="611"/>
                    </a:lnTo>
                    <a:lnTo>
                      <a:pt x="1872" y="609"/>
                    </a:lnTo>
                    <a:lnTo>
                      <a:pt x="1854" y="604"/>
                    </a:lnTo>
                    <a:lnTo>
                      <a:pt x="1825" y="596"/>
                    </a:lnTo>
                    <a:lnTo>
                      <a:pt x="1789" y="585"/>
                    </a:lnTo>
                    <a:lnTo>
                      <a:pt x="1753" y="570"/>
                    </a:lnTo>
                    <a:lnTo>
                      <a:pt x="1736" y="561"/>
                    </a:lnTo>
                    <a:lnTo>
                      <a:pt x="1722" y="554"/>
                    </a:lnTo>
                    <a:lnTo>
                      <a:pt x="1709" y="545"/>
                    </a:lnTo>
                    <a:lnTo>
                      <a:pt x="1700" y="534"/>
                    </a:lnTo>
                    <a:lnTo>
                      <a:pt x="1696" y="529"/>
                    </a:lnTo>
                    <a:lnTo>
                      <a:pt x="1693" y="524"/>
                    </a:lnTo>
                    <a:lnTo>
                      <a:pt x="1692" y="519"/>
                    </a:lnTo>
                    <a:lnTo>
                      <a:pt x="1692" y="513"/>
                    </a:lnTo>
                    <a:lnTo>
                      <a:pt x="1693" y="508"/>
                    </a:lnTo>
                    <a:lnTo>
                      <a:pt x="1696" y="503"/>
                    </a:lnTo>
                    <a:lnTo>
                      <a:pt x="1700" y="498"/>
                    </a:lnTo>
                    <a:lnTo>
                      <a:pt x="1705" y="491"/>
                    </a:lnTo>
                    <a:lnTo>
                      <a:pt x="1719" y="481"/>
                    </a:lnTo>
                    <a:lnTo>
                      <a:pt x="1735" y="472"/>
                    </a:lnTo>
                    <a:lnTo>
                      <a:pt x="1751" y="463"/>
                    </a:lnTo>
                    <a:lnTo>
                      <a:pt x="1770" y="456"/>
                    </a:lnTo>
                    <a:lnTo>
                      <a:pt x="1789" y="451"/>
                    </a:lnTo>
                    <a:lnTo>
                      <a:pt x="1810" y="446"/>
                    </a:lnTo>
                    <a:lnTo>
                      <a:pt x="1831" y="442"/>
                    </a:lnTo>
                    <a:lnTo>
                      <a:pt x="1853" y="440"/>
                    </a:lnTo>
                    <a:lnTo>
                      <a:pt x="1895" y="434"/>
                    </a:lnTo>
                    <a:lnTo>
                      <a:pt x="1938" y="431"/>
                    </a:lnTo>
                    <a:lnTo>
                      <a:pt x="1959" y="428"/>
                    </a:lnTo>
                    <a:lnTo>
                      <a:pt x="1978" y="425"/>
                    </a:lnTo>
                    <a:lnTo>
                      <a:pt x="1998" y="422"/>
                    </a:lnTo>
                    <a:lnTo>
                      <a:pt x="2014" y="418"/>
                    </a:lnTo>
                    <a:lnTo>
                      <a:pt x="2091" y="398"/>
                    </a:lnTo>
                    <a:lnTo>
                      <a:pt x="2114" y="389"/>
                    </a:lnTo>
                    <a:lnTo>
                      <a:pt x="2140" y="380"/>
                    </a:lnTo>
                    <a:lnTo>
                      <a:pt x="2153" y="375"/>
                    </a:lnTo>
                    <a:lnTo>
                      <a:pt x="2165" y="370"/>
                    </a:lnTo>
                    <a:lnTo>
                      <a:pt x="2175" y="363"/>
                    </a:lnTo>
                    <a:lnTo>
                      <a:pt x="2184" y="357"/>
                    </a:lnTo>
                    <a:lnTo>
                      <a:pt x="2192" y="348"/>
                    </a:lnTo>
                    <a:lnTo>
                      <a:pt x="2201" y="339"/>
                    </a:lnTo>
                    <a:lnTo>
                      <a:pt x="2206" y="333"/>
                    </a:lnTo>
                    <a:lnTo>
                      <a:pt x="2211" y="331"/>
                    </a:lnTo>
                    <a:lnTo>
                      <a:pt x="2217" y="328"/>
                    </a:lnTo>
                    <a:lnTo>
                      <a:pt x="2220" y="327"/>
                    </a:lnTo>
                    <a:lnTo>
                      <a:pt x="2235" y="330"/>
                    </a:lnTo>
                    <a:lnTo>
                      <a:pt x="2245" y="328"/>
                    </a:lnTo>
                    <a:lnTo>
                      <a:pt x="2244" y="319"/>
                    </a:lnTo>
                    <a:lnTo>
                      <a:pt x="2240" y="310"/>
                    </a:lnTo>
                    <a:lnTo>
                      <a:pt x="2236" y="302"/>
                    </a:lnTo>
                    <a:lnTo>
                      <a:pt x="2231" y="295"/>
                    </a:lnTo>
                    <a:lnTo>
                      <a:pt x="2227" y="284"/>
                    </a:lnTo>
                    <a:lnTo>
                      <a:pt x="2226" y="274"/>
                    </a:lnTo>
                    <a:lnTo>
                      <a:pt x="2227" y="261"/>
                    </a:lnTo>
                    <a:lnTo>
                      <a:pt x="2230" y="247"/>
                    </a:lnTo>
                    <a:lnTo>
                      <a:pt x="2233" y="232"/>
                    </a:lnTo>
                    <a:lnTo>
                      <a:pt x="2237" y="217"/>
                    </a:lnTo>
                    <a:lnTo>
                      <a:pt x="2244" y="201"/>
                    </a:lnTo>
                    <a:lnTo>
                      <a:pt x="2250" y="184"/>
                    </a:lnTo>
                    <a:lnTo>
                      <a:pt x="2266" y="152"/>
                    </a:lnTo>
                    <a:lnTo>
                      <a:pt x="2280" y="121"/>
                    </a:lnTo>
                    <a:lnTo>
                      <a:pt x="2294" y="95"/>
                    </a:lnTo>
                    <a:lnTo>
                      <a:pt x="2303" y="74"/>
                    </a:lnTo>
                    <a:lnTo>
                      <a:pt x="2309" y="64"/>
                    </a:lnTo>
                    <a:lnTo>
                      <a:pt x="2314" y="56"/>
                    </a:lnTo>
                    <a:lnTo>
                      <a:pt x="2318" y="48"/>
                    </a:lnTo>
                    <a:lnTo>
                      <a:pt x="2323" y="43"/>
                    </a:lnTo>
                    <a:lnTo>
                      <a:pt x="2328" y="39"/>
                    </a:lnTo>
                    <a:lnTo>
                      <a:pt x="2333" y="35"/>
                    </a:lnTo>
                    <a:lnTo>
                      <a:pt x="2338" y="34"/>
                    </a:lnTo>
                    <a:lnTo>
                      <a:pt x="2344" y="32"/>
                    </a:lnTo>
                    <a:lnTo>
                      <a:pt x="2371" y="30"/>
                    </a:lnTo>
                    <a:lnTo>
                      <a:pt x="2411" y="29"/>
                    </a:lnTo>
                    <a:lnTo>
                      <a:pt x="2434" y="26"/>
                    </a:lnTo>
                    <a:lnTo>
                      <a:pt x="2460" y="24"/>
                    </a:lnTo>
                    <a:lnTo>
                      <a:pt x="2486" y="21"/>
                    </a:lnTo>
                    <a:lnTo>
                      <a:pt x="2513" y="19"/>
                    </a:lnTo>
                    <a:lnTo>
                      <a:pt x="2539" y="16"/>
                    </a:lnTo>
                    <a:lnTo>
                      <a:pt x="2566" y="12"/>
                    </a:lnTo>
                    <a:lnTo>
                      <a:pt x="2592" y="7"/>
                    </a:lnTo>
                    <a:lnTo>
                      <a:pt x="2617" y="0"/>
                    </a:lnTo>
                    <a:lnTo>
                      <a:pt x="2630" y="38"/>
                    </a:lnTo>
                    <a:lnTo>
                      <a:pt x="2618" y="54"/>
                    </a:lnTo>
                    <a:lnTo>
                      <a:pt x="2605" y="68"/>
                    </a:lnTo>
                    <a:lnTo>
                      <a:pt x="2600" y="76"/>
                    </a:lnTo>
                    <a:lnTo>
                      <a:pt x="2596" y="83"/>
                    </a:lnTo>
                    <a:lnTo>
                      <a:pt x="2595" y="92"/>
                    </a:lnTo>
                    <a:lnTo>
                      <a:pt x="2595" y="104"/>
                    </a:lnTo>
                    <a:lnTo>
                      <a:pt x="2599" y="126"/>
                    </a:lnTo>
                    <a:lnTo>
                      <a:pt x="2605" y="144"/>
                    </a:lnTo>
                    <a:lnTo>
                      <a:pt x="2608" y="152"/>
                    </a:lnTo>
                    <a:lnTo>
                      <a:pt x="2612" y="160"/>
                    </a:lnTo>
                    <a:lnTo>
                      <a:pt x="2616" y="165"/>
                    </a:lnTo>
                    <a:lnTo>
                      <a:pt x="2621" y="170"/>
                    </a:lnTo>
                    <a:lnTo>
                      <a:pt x="2626" y="175"/>
                    </a:lnTo>
                    <a:lnTo>
                      <a:pt x="2632" y="178"/>
                    </a:lnTo>
                    <a:lnTo>
                      <a:pt x="2639" y="179"/>
                    </a:lnTo>
                    <a:lnTo>
                      <a:pt x="2647" y="181"/>
                    </a:lnTo>
                    <a:lnTo>
                      <a:pt x="2654" y="179"/>
                    </a:lnTo>
                    <a:lnTo>
                      <a:pt x="2664" y="177"/>
                    </a:lnTo>
                    <a:lnTo>
                      <a:pt x="2674" y="174"/>
                    </a:lnTo>
                    <a:lnTo>
                      <a:pt x="2684" y="169"/>
                    </a:lnTo>
                    <a:lnTo>
                      <a:pt x="2692" y="165"/>
                    </a:lnTo>
                    <a:lnTo>
                      <a:pt x="2700" y="162"/>
                    </a:lnTo>
                    <a:lnTo>
                      <a:pt x="2708" y="161"/>
                    </a:lnTo>
                    <a:lnTo>
                      <a:pt x="2714" y="160"/>
                    </a:lnTo>
                    <a:lnTo>
                      <a:pt x="2719" y="161"/>
                    </a:lnTo>
                    <a:lnTo>
                      <a:pt x="2724" y="161"/>
                    </a:lnTo>
                    <a:lnTo>
                      <a:pt x="2730" y="164"/>
                    </a:lnTo>
                    <a:lnTo>
                      <a:pt x="2733" y="166"/>
                    </a:lnTo>
                    <a:lnTo>
                      <a:pt x="2737" y="170"/>
                    </a:lnTo>
                    <a:lnTo>
                      <a:pt x="2740" y="174"/>
                    </a:lnTo>
                    <a:lnTo>
                      <a:pt x="2741" y="179"/>
                    </a:lnTo>
                    <a:lnTo>
                      <a:pt x="2743" y="186"/>
                    </a:lnTo>
                    <a:lnTo>
                      <a:pt x="2744" y="192"/>
                    </a:lnTo>
                    <a:lnTo>
                      <a:pt x="2744" y="199"/>
                    </a:lnTo>
                    <a:lnTo>
                      <a:pt x="2743" y="206"/>
                    </a:lnTo>
                    <a:lnTo>
                      <a:pt x="2741" y="216"/>
                    </a:lnTo>
                    <a:lnTo>
                      <a:pt x="2737" y="234"/>
                    </a:lnTo>
                    <a:lnTo>
                      <a:pt x="2736" y="249"/>
                    </a:lnTo>
                    <a:lnTo>
                      <a:pt x="2736" y="262"/>
                    </a:lnTo>
                    <a:lnTo>
                      <a:pt x="2739" y="273"/>
                    </a:lnTo>
                    <a:lnTo>
                      <a:pt x="2743" y="282"/>
                    </a:lnTo>
                    <a:lnTo>
                      <a:pt x="2748" y="288"/>
                    </a:lnTo>
                    <a:lnTo>
                      <a:pt x="2753" y="295"/>
                    </a:lnTo>
                    <a:lnTo>
                      <a:pt x="2761" y="300"/>
                    </a:lnTo>
                    <a:lnTo>
                      <a:pt x="2776" y="310"/>
                    </a:lnTo>
                    <a:lnTo>
                      <a:pt x="2792" y="320"/>
                    </a:lnTo>
                    <a:lnTo>
                      <a:pt x="2798" y="327"/>
                    </a:lnTo>
                    <a:lnTo>
                      <a:pt x="2805" y="336"/>
                    </a:lnTo>
                    <a:lnTo>
                      <a:pt x="2811" y="345"/>
                    </a:lnTo>
                    <a:lnTo>
                      <a:pt x="2815" y="357"/>
                    </a:lnTo>
                    <a:lnTo>
                      <a:pt x="2819" y="368"/>
                    </a:lnTo>
                    <a:lnTo>
                      <a:pt x="2823" y="380"/>
                    </a:lnTo>
                    <a:lnTo>
                      <a:pt x="2828" y="390"/>
                    </a:lnTo>
                    <a:lnTo>
                      <a:pt x="2833" y="401"/>
                    </a:lnTo>
                    <a:lnTo>
                      <a:pt x="2840" y="410"/>
                    </a:lnTo>
                    <a:lnTo>
                      <a:pt x="2847" y="419"/>
                    </a:lnTo>
                    <a:lnTo>
                      <a:pt x="2857" y="427"/>
                    </a:lnTo>
                    <a:lnTo>
                      <a:pt x="2867" y="434"/>
                    </a:lnTo>
                    <a:lnTo>
                      <a:pt x="2879" y="438"/>
                    </a:lnTo>
                    <a:lnTo>
                      <a:pt x="2890" y="441"/>
                    </a:lnTo>
                    <a:lnTo>
                      <a:pt x="2901" y="444"/>
                    </a:lnTo>
                    <a:lnTo>
                      <a:pt x="2912" y="445"/>
                    </a:lnTo>
                    <a:lnTo>
                      <a:pt x="2921" y="447"/>
                    </a:lnTo>
                    <a:lnTo>
                      <a:pt x="2930" y="453"/>
                    </a:lnTo>
                    <a:lnTo>
                      <a:pt x="2936" y="456"/>
                    </a:lnTo>
                    <a:lnTo>
                      <a:pt x="2939" y="460"/>
                    </a:lnTo>
                    <a:lnTo>
                      <a:pt x="2943" y="466"/>
                    </a:lnTo>
                    <a:lnTo>
                      <a:pt x="2947" y="473"/>
                    </a:lnTo>
                    <a:lnTo>
                      <a:pt x="2945" y="493"/>
                    </a:lnTo>
                    <a:lnTo>
                      <a:pt x="2945" y="515"/>
                    </a:lnTo>
                    <a:lnTo>
                      <a:pt x="2946" y="538"/>
                    </a:lnTo>
                    <a:lnTo>
                      <a:pt x="2950" y="561"/>
                    </a:lnTo>
                    <a:lnTo>
                      <a:pt x="2955" y="583"/>
                    </a:lnTo>
                    <a:lnTo>
                      <a:pt x="2961" y="605"/>
                    </a:lnTo>
                    <a:lnTo>
                      <a:pt x="2967" y="616"/>
                    </a:lnTo>
                    <a:lnTo>
                      <a:pt x="2971" y="625"/>
                    </a:lnTo>
                    <a:lnTo>
                      <a:pt x="2976" y="634"/>
                    </a:lnTo>
                    <a:lnTo>
                      <a:pt x="2982" y="642"/>
                    </a:lnTo>
                    <a:lnTo>
                      <a:pt x="2985" y="646"/>
                    </a:lnTo>
                    <a:lnTo>
                      <a:pt x="2989" y="648"/>
                    </a:lnTo>
                    <a:lnTo>
                      <a:pt x="2991" y="651"/>
                    </a:lnTo>
                    <a:lnTo>
                      <a:pt x="2995" y="652"/>
                    </a:lnTo>
                    <a:lnTo>
                      <a:pt x="3002" y="652"/>
                    </a:lnTo>
                    <a:lnTo>
                      <a:pt x="3009" y="649"/>
                    </a:lnTo>
                    <a:lnTo>
                      <a:pt x="3016" y="644"/>
                    </a:lnTo>
                    <a:lnTo>
                      <a:pt x="3024" y="639"/>
                    </a:lnTo>
                    <a:lnTo>
                      <a:pt x="3031" y="631"/>
                    </a:lnTo>
                    <a:lnTo>
                      <a:pt x="3039" y="622"/>
                    </a:lnTo>
                    <a:lnTo>
                      <a:pt x="3053" y="605"/>
                    </a:lnTo>
                    <a:lnTo>
                      <a:pt x="3069" y="589"/>
                    </a:lnTo>
                    <a:lnTo>
                      <a:pt x="3075" y="582"/>
                    </a:lnTo>
                    <a:lnTo>
                      <a:pt x="3083" y="578"/>
                    </a:lnTo>
                    <a:lnTo>
                      <a:pt x="3090" y="574"/>
                    </a:lnTo>
                    <a:lnTo>
                      <a:pt x="3096" y="574"/>
                    </a:lnTo>
                    <a:lnTo>
                      <a:pt x="3101" y="577"/>
                    </a:lnTo>
                    <a:lnTo>
                      <a:pt x="3107" y="581"/>
                    </a:lnTo>
                    <a:lnTo>
                      <a:pt x="3110" y="585"/>
                    </a:lnTo>
                    <a:lnTo>
                      <a:pt x="3113" y="591"/>
                    </a:lnTo>
                    <a:lnTo>
                      <a:pt x="3120" y="607"/>
                    </a:lnTo>
                    <a:lnTo>
                      <a:pt x="3123" y="624"/>
                    </a:lnTo>
                    <a:lnTo>
                      <a:pt x="3130" y="660"/>
                    </a:lnTo>
                    <a:lnTo>
                      <a:pt x="3136" y="687"/>
                    </a:lnTo>
                    <a:lnTo>
                      <a:pt x="3143" y="701"/>
                    </a:lnTo>
                    <a:lnTo>
                      <a:pt x="3151" y="714"/>
                    </a:lnTo>
                    <a:lnTo>
                      <a:pt x="3160" y="726"/>
                    </a:lnTo>
                    <a:lnTo>
                      <a:pt x="3169" y="736"/>
                    </a:lnTo>
                    <a:lnTo>
                      <a:pt x="3189" y="757"/>
                    </a:lnTo>
                    <a:lnTo>
                      <a:pt x="3212" y="778"/>
                    </a:lnTo>
                    <a:lnTo>
                      <a:pt x="3217" y="783"/>
                    </a:lnTo>
                    <a:lnTo>
                      <a:pt x="3222" y="789"/>
                    </a:lnTo>
                    <a:lnTo>
                      <a:pt x="3226" y="797"/>
                    </a:lnTo>
                    <a:lnTo>
                      <a:pt x="3230" y="806"/>
                    </a:lnTo>
                    <a:lnTo>
                      <a:pt x="3237" y="823"/>
                    </a:lnTo>
                    <a:lnTo>
                      <a:pt x="3245" y="841"/>
                    </a:lnTo>
                    <a:lnTo>
                      <a:pt x="3249" y="849"/>
                    </a:lnTo>
                    <a:lnTo>
                      <a:pt x="3254" y="857"/>
                    </a:lnTo>
                    <a:lnTo>
                      <a:pt x="3259" y="865"/>
                    </a:lnTo>
                    <a:lnTo>
                      <a:pt x="3265" y="871"/>
                    </a:lnTo>
                    <a:lnTo>
                      <a:pt x="3271" y="876"/>
                    </a:lnTo>
                    <a:lnTo>
                      <a:pt x="3278" y="880"/>
                    </a:lnTo>
                    <a:lnTo>
                      <a:pt x="3285" y="883"/>
                    </a:lnTo>
                    <a:lnTo>
                      <a:pt x="3294" y="883"/>
                    </a:lnTo>
                    <a:lnTo>
                      <a:pt x="3333" y="883"/>
                    </a:lnTo>
                    <a:lnTo>
                      <a:pt x="3359" y="884"/>
                    </a:lnTo>
                    <a:lnTo>
                      <a:pt x="3370" y="887"/>
                    </a:lnTo>
                    <a:lnTo>
                      <a:pt x="3383" y="893"/>
                    </a:lnTo>
                    <a:lnTo>
                      <a:pt x="3398" y="901"/>
                    </a:lnTo>
                    <a:lnTo>
                      <a:pt x="3418" y="914"/>
                    </a:lnTo>
                    <a:lnTo>
                      <a:pt x="3427" y="924"/>
                    </a:lnTo>
                    <a:lnTo>
                      <a:pt x="3437" y="934"/>
                    </a:lnTo>
                    <a:lnTo>
                      <a:pt x="3442" y="940"/>
                    </a:lnTo>
                    <a:lnTo>
                      <a:pt x="3447" y="944"/>
                    </a:lnTo>
                    <a:lnTo>
                      <a:pt x="3454" y="947"/>
                    </a:lnTo>
                    <a:lnTo>
                      <a:pt x="3460" y="950"/>
                    </a:lnTo>
                    <a:lnTo>
                      <a:pt x="3473" y="951"/>
                    </a:lnTo>
                    <a:lnTo>
                      <a:pt x="3486" y="950"/>
                    </a:lnTo>
                    <a:lnTo>
                      <a:pt x="3504" y="947"/>
                    </a:lnTo>
                    <a:lnTo>
                      <a:pt x="3522" y="945"/>
                    </a:lnTo>
                    <a:lnTo>
                      <a:pt x="3573" y="950"/>
                    </a:lnTo>
                    <a:lnTo>
                      <a:pt x="3587" y="962"/>
                    </a:lnTo>
                    <a:lnTo>
                      <a:pt x="3599" y="975"/>
                    </a:lnTo>
                    <a:lnTo>
                      <a:pt x="3611" y="988"/>
                    </a:lnTo>
                    <a:lnTo>
                      <a:pt x="3622" y="1001"/>
                    </a:lnTo>
                    <a:lnTo>
                      <a:pt x="3642" y="1028"/>
                    </a:lnTo>
                    <a:lnTo>
                      <a:pt x="3662" y="1056"/>
                    </a:lnTo>
                    <a:lnTo>
                      <a:pt x="3668" y="1063"/>
                    </a:lnTo>
                    <a:lnTo>
                      <a:pt x="3673" y="1069"/>
                    </a:lnTo>
                    <a:lnTo>
                      <a:pt x="3679" y="1073"/>
                    </a:lnTo>
                    <a:lnTo>
                      <a:pt x="3686" y="1077"/>
                    </a:lnTo>
                    <a:lnTo>
                      <a:pt x="3699" y="1083"/>
                    </a:lnTo>
                    <a:lnTo>
                      <a:pt x="3713" y="1087"/>
                    </a:lnTo>
                    <a:lnTo>
                      <a:pt x="3728" y="1091"/>
                    </a:lnTo>
                    <a:lnTo>
                      <a:pt x="3744" y="1094"/>
                    </a:lnTo>
                    <a:lnTo>
                      <a:pt x="3760" y="1098"/>
                    </a:lnTo>
                    <a:lnTo>
                      <a:pt x="3774" y="1103"/>
                    </a:lnTo>
                    <a:lnTo>
                      <a:pt x="3783" y="1108"/>
                    </a:lnTo>
                    <a:lnTo>
                      <a:pt x="3792" y="1113"/>
                    </a:lnTo>
                    <a:lnTo>
                      <a:pt x="3800" y="1118"/>
                    </a:lnTo>
                    <a:lnTo>
                      <a:pt x="3807" y="1125"/>
                    </a:lnTo>
                    <a:lnTo>
                      <a:pt x="3823" y="1139"/>
                    </a:lnTo>
                    <a:lnTo>
                      <a:pt x="3836" y="1153"/>
                    </a:lnTo>
                    <a:lnTo>
                      <a:pt x="3851" y="1168"/>
                    </a:lnTo>
                    <a:lnTo>
                      <a:pt x="3867" y="1181"/>
                    </a:lnTo>
                    <a:lnTo>
                      <a:pt x="3876" y="1186"/>
                    </a:lnTo>
                    <a:lnTo>
                      <a:pt x="3886" y="1191"/>
                    </a:lnTo>
                    <a:lnTo>
                      <a:pt x="3897" y="1195"/>
                    </a:lnTo>
                    <a:lnTo>
                      <a:pt x="3910" y="1199"/>
                    </a:lnTo>
                    <a:lnTo>
                      <a:pt x="3931" y="1204"/>
                    </a:lnTo>
                    <a:lnTo>
                      <a:pt x="3951" y="1210"/>
                    </a:lnTo>
                    <a:lnTo>
                      <a:pt x="3972" y="1218"/>
                    </a:lnTo>
                    <a:lnTo>
                      <a:pt x="3993" y="1226"/>
                    </a:lnTo>
                    <a:lnTo>
                      <a:pt x="4012" y="1235"/>
                    </a:lnTo>
                    <a:lnTo>
                      <a:pt x="4033" y="1245"/>
                    </a:lnTo>
                    <a:lnTo>
                      <a:pt x="4051" y="1256"/>
                    </a:lnTo>
                    <a:lnTo>
                      <a:pt x="4069" y="1267"/>
                    </a:lnTo>
                    <a:lnTo>
                      <a:pt x="4099" y="1295"/>
                    </a:lnTo>
                    <a:lnTo>
                      <a:pt x="4085" y="1319"/>
                    </a:lnTo>
                    <a:lnTo>
                      <a:pt x="4069" y="1343"/>
                    </a:lnTo>
                    <a:lnTo>
                      <a:pt x="4051" y="1367"/>
                    </a:lnTo>
                    <a:lnTo>
                      <a:pt x="4032" y="1389"/>
                    </a:lnTo>
                    <a:lnTo>
                      <a:pt x="4010" y="1412"/>
                    </a:lnTo>
                    <a:lnTo>
                      <a:pt x="3988" y="1435"/>
                    </a:lnTo>
                    <a:lnTo>
                      <a:pt x="3968" y="1457"/>
                    </a:lnTo>
                    <a:lnTo>
                      <a:pt x="3950" y="1480"/>
                    </a:lnTo>
                    <a:lnTo>
                      <a:pt x="3942" y="1492"/>
                    </a:lnTo>
                    <a:lnTo>
                      <a:pt x="3934" y="1503"/>
                    </a:lnTo>
                    <a:lnTo>
                      <a:pt x="3927" y="1515"/>
                    </a:lnTo>
                    <a:lnTo>
                      <a:pt x="3920" y="1528"/>
                    </a:lnTo>
                    <a:lnTo>
                      <a:pt x="3914" y="1542"/>
                    </a:lnTo>
                    <a:lnTo>
                      <a:pt x="3909" y="1556"/>
                    </a:lnTo>
                    <a:lnTo>
                      <a:pt x="3905" y="1571"/>
                    </a:lnTo>
                    <a:lnTo>
                      <a:pt x="3901" y="1587"/>
                    </a:lnTo>
                    <a:lnTo>
                      <a:pt x="3896" y="1603"/>
                    </a:lnTo>
                    <a:lnTo>
                      <a:pt x="3890" y="1617"/>
                    </a:lnTo>
                    <a:lnTo>
                      <a:pt x="3883" y="1631"/>
                    </a:lnTo>
                    <a:lnTo>
                      <a:pt x="3875" y="1643"/>
                    </a:lnTo>
                    <a:lnTo>
                      <a:pt x="3858" y="1668"/>
                    </a:lnTo>
                    <a:lnTo>
                      <a:pt x="3841" y="1694"/>
                    </a:lnTo>
                    <a:lnTo>
                      <a:pt x="3832" y="1710"/>
                    </a:lnTo>
                    <a:lnTo>
                      <a:pt x="3826" y="1727"/>
                    </a:lnTo>
                    <a:lnTo>
                      <a:pt x="3822" y="1744"/>
                    </a:lnTo>
                    <a:lnTo>
                      <a:pt x="3819" y="1761"/>
                    </a:lnTo>
                    <a:lnTo>
                      <a:pt x="3814" y="1796"/>
                    </a:lnTo>
                    <a:lnTo>
                      <a:pt x="3806" y="1834"/>
                    </a:lnTo>
                    <a:lnTo>
                      <a:pt x="3805" y="1841"/>
                    </a:lnTo>
                    <a:lnTo>
                      <a:pt x="3804" y="1849"/>
                    </a:lnTo>
                    <a:lnTo>
                      <a:pt x="3804" y="1858"/>
                    </a:lnTo>
                    <a:lnTo>
                      <a:pt x="3805" y="1867"/>
                    </a:lnTo>
                    <a:lnTo>
                      <a:pt x="3806" y="1878"/>
                    </a:lnTo>
                    <a:lnTo>
                      <a:pt x="3807" y="1887"/>
                    </a:lnTo>
                    <a:lnTo>
                      <a:pt x="3810" y="1897"/>
                    </a:lnTo>
                    <a:lnTo>
                      <a:pt x="3814" y="1906"/>
                    </a:lnTo>
                    <a:lnTo>
                      <a:pt x="3753" y="1935"/>
                    </a:lnTo>
                    <a:lnTo>
                      <a:pt x="3747" y="1940"/>
                    </a:lnTo>
                    <a:lnTo>
                      <a:pt x="3740" y="1942"/>
                    </a:lnTo>
                    <a:lnTo>
                      <a:pt x="3732" y="1946"/>
                    </a:lnTo>
                    <a:lnTo>
                      <a:pt x="3726" y="1948"/>
                    </a:lnTo>
                    <a:lnTo>
                      <a:pt x="3717" y="1948"/>
                    </a:lnTo>
                    <a:lnTo>
                      <a:pt x="3709" y="1949"/>
                    </a:lnTo>
                    <a:lnTo>
                      <a:pt x="3700" y="1948"/>
                    </a:lnTo>
                    <a:lnTo>
                      <a:pt x="3692" y="1946"/>
                    </a:lnTo>
                    <a:lnTo>
                      <a:pt x="3674" y="1942"/>
                    </a:lnTo>
                    <a:lnTo>
                      <a:pt x="3657" y="1937"/>
                    </a:lnTo>
                    <a:lnTo>
                      <a:pt x="3642" y="1932"/>
                    </a:lnTo>
                    <a:lnTo>
                      <a:pt x="3627" y="1927"/>
                    </a:lnTo>
                    <a:lnTo>
                      <a:pt x="3613" y="1922"/>
                    </a:lnTo>
                    <a:lnTo>
                      <a:pt x="3601" y="1916"/>
                    </a:lnTo>
                    <a:lnTo>
                      <a:pt x="3591" y="1915"/>
                    </a:lnTo>
                    <a:lnTo>
                      <a:pt x="3582" y="1914"/>
                    </a:lnTo>
                    <a:lnTo>
                      <a:pt x="3574" y="1916"/>
                    </a:lnTo>
                    <a:lnTo>
                      <a:pt x="3566" y="1920"/>
                    </a:lnTo>
                    <a:lnTo>
                      <a:pt x="3559" y="1929"/>
                    </a:lnTo>
                    <a:lnTo>
                      <a:pt x="3550" y="1940"/>
                    </a:lnTo>
                    <a:lnTo>
                      <a:pt x="3537" y="1957"/>
                    </a:lnTo>
                    <a:lnTo>
                      <a:pt x="3526" y="1972"/>
                    </a:lnTo>
                    <a:lnTo>
                      <a:pt x="3525" y="1976"/>
                    </a:lnTo>
                    <a:lnTo>
                      <a:pt x="3524" y="1980"/>
                    </a:lnTo>
                    <a:lnTo>
                      <a:pt x="3524" y="1984"/>
                    </a:lnTo>
                    <a:lnTo>
                      <a:pt x="3525" y="1988"/>
                    </a:lnTo>
                    <a:lnTo>
                      <a:pt x="3526" y="1992"/>
                    </a:lnTo>
                    <a:lnTo>
                      <a:pt x="3530" y="1995"/>
                    </a:lnTo>
                    <a:lnTo>
                      <a:pt x="3534" y="1999"/>
                    </a:lnTo>
                    <a:lnTo>
                      <a:pt x="3539" y="2003"/>
                    </a:lnTo>
                    <a:lnTo>
                      <a:pt x="3555" y="2008"/>
                    </a:lnTo>
                    <a:lnTo>
                      <a:pt x="3572" y="2012"/>
                    </a:lnTo>
                    <a:lnTo>
                      <a:pt x="3574" y="2014"/>
                    </a:lnTo>
                    <a:lnTo>
                      <a:pt x="3578" y="2015"/>
                    </a:lnTo>
                    <a:lnTo>
                      <a:pt x="3579" y="2016"/>
                    </a:lnTo>
                    <a:lnTo>
                      <a:pt x="3581" y="2019"/>
                    </a:lnTo>
                    <a:lnTo>
                      <a:pt x="3582" y="2021"/>
                    </a:lnTo>
                    <a:lnTo>
                      <a:pt x="3581" y="2025"/>
                    </a:lnTo>
                    <a:lnTo>
                      <a:pt x="3579" y="2029"/>
                    </a:lnTo>
                    <a:lnTo>
                      <a:pt x="3577" y="2034"/>
                    </a:lnTo>
                    <a:lnTo>
                      <a:pt x="3566" y="2047"/>
                    </a:lnTo>
                    <a:lnTo>
                      <a:pt x="3555" y="2060"/>
                    </a:lnTo>
                    <a:lnTo>
                      <a:pt x="3539" y="2073"/>
                    </a:lnTo>
                    <a:lnTo>
                      <a:pt x="3524" y="2084"/>
                    </a:lnTo>
                    <a:lnTo>
                      <a:pt x="3508" y="2094"/>
                    </a:lnTo>
                    <a:lnTo>
                      <a:pt x="3490" y="2100"/>
                    </a:lnTo>
                    <a:lnTo>
                      <a:pt x="3482" y="2103"/>
                    </a:lnTo>
                    <a:lnTo>
                      <a:pt x="3473" y="2104"/>
                    </a:lnTo>
                    <a:lnTo>
                      <a:pt x="3465" y="2106"/>
                    </a:lnTo>
                    <a:lnTo>
                      <a:pt x="3458" y="2106"/>
                    </a:lnTo>
                    <a:lnTo>
                      <a:pt x="3445" y="2104"/>
                    </a:lnTo>
                    <a:lnTo>
                      <a:pt x="3433" y="2107"/>
                    </a:lnTo>
                    <a:lnTo>
                      <a:pt x="3421" y="2111"/>
                    </a:lnTo>
                    <a:lnTo>
                      <a:pt x="3411" y="2116"/>
                    </a:lnTo>
                    <a:lnTo>
                      <a:pt x="3402" y="2124"/>
                    </a:lnTo>
                    <a:lnTo>
                      <a:pt x="3393" y="2131"/>
                    </a:lnTo>
                    <a:lnTo>
                      <a:pt x="3384" y="2141"/>
                    </a:lnTo>
                    <a:lnTo>
                      <a:pt x="3375" y="2151"/>
                    </a:lnTo>
                    <a:lnTo>
                      <a:pt x="3359" y="2173"/>
                    </a:lnTo>
                    <a:lnTo>
                      <a:pt x="3341" y="2194"/>
                    </a:lnTo>
                    <a:lnTo>
                      <a:pt x="3332" y="2204"/>
                    </a:lnTo>
                    <a:lnTo>
                      <a:pt x="3323" y="2213"/>
                    </a:lnTo>
                    <a:lnTo>
                      <a:pt x="3313" y="2221"/>
                    </a:lnTo>
                    <a:lnTo>
                      <a:pt x="3302" y="2229"/>
                    </a:lnTo>
                    <a:lnTo>
                      <a:pt x="3289" y="2236"/>
                    </a:lnTo>
                    <a:lnTo>
                      <a:pt x="3279" y="2245"/>
                    </a:lnTo>
                    <a:lnTo>
                      <a:pt x="3270" y="2256"/>
                    </a:lnTo>
                    <a:lnTo>
                      <a:pt x="3262" y="2267"/>
                    </a:lnTo>
                    <a:lnTo>
                      <a:pt x="3248" y="2292"/>
                    </a:lnTo>
                    <a:lnTo>
                      <a:pt x="3234" y="2317"/>
                    </a:lnTo>
                    <a:lnTo>
                      <a:pt x="3226" y="2330"/>
                    </a:lnTo>
                    <a:lnTo>
                      <a:pt x="3217" y="2341"/>
                    </a:lnTo>
                    <a:lnTo>
                      <a:pt x="3208" y="2353"/>
                    </a:lnTo>
                    <a:lnTo>
                      <a:pt x="3197" y="2363"/>
                    </a:lnTo>
                    <a:lnTo>
                      <a:pt x="3174" y="2384"/>
                    </a:lnTo>
                    <a:lnTo>
                      <a:pt x="3152" y="2405"/>
                    </a:lnTo>
                    <a:lnTo>
                      <a:pt x="3144" y="2410"/>
                    </a:lnTo>
                    <a:lnTo>
                      <a:pt x="3136" y="2416"/>
                    </a:lnTo>
                    <a:lnTo>
                      <a:pt x="3130" y="2423"/>
                    </a:lnTo>
                    <a:lnTo>
                      <a:pt x="3126" y="2429"/>
                    </a:lnTo>
                    <a:lnTo>
                      <a:pt x="3123" y="2437"/>
                    </a:lnTo>
                    <a:lnTo>
                      <a:pt x="3123" y="2445"/>
                    </a:lnTo>
                    <a:lnTo>
                      <a:pt x="3126" y="2454"/>
                    </a:lnTo>
                    <a:lnTo>
                      <a:pt x="3131" y="2464"/>
                    </a:lnTo>
                    <a:lnTo>
                      <a:pt x="3140" y="2477"/>
                    </a:lnTo>
                    <a:lnTo>
                      <a:pt x="3151" y="2490"/>
                    </a:lnTo>
                    <a:lnTo>
                      <a:pt x="3156" y="2494"/>
                    </a:lnTo>
                    <a:lnTo>
                      <a:pt x="3162" y="2498"/>
                    </a:lnTo>
                    <a:lnTo>
                      <a:pt x="3170" y="2502"/>
                    </a:lnTo>
                    <a:lnTo>
                      <a:pt x="3179" y="2503"/>
                    </a:lnTo>
                    <a:lnTo>
                      <a:pt x="3192" y="2505"/>
                    </a:lnTo>
                    <a:lnTo>
                      <a:pt x="3204" y="2505"/>
                    </a:lnTo>
                    <a:lnTo>
                      <a:pt x="3215" y="2502"/>
                    </a:lnTo>
                    <a:lnTo>
                      <a:pt x="3227" y="2498"/>
                    </a:lnTo>
                    <a:lnTo>
                      <a:pt x="3236" y="2492"/>
                    </a:lnTo>
                    <a:lnTo>
                      <a:pt x="3244" y="2484"/>
                    </a:lnTo>
                    <a:lnTo>
                      <a:pt x="3248" y="2480"/>
                    </a:lnTo>
                    <a:lnTo>
                      <a:pt x="3250" y="2475"/>
                    </a:lnTo>
                    <a:lnTo>
                      <a:pt x="3253" y="2468"/>
                    </a:lnTo>
                    <a:lnTo>
                      <a:pt x="3254" y="2462"/>
                    </a:lnTo>
                    <a:lnTo>
                      <a:pt x="3257" y="2454"/>
                    </a:lnTo>
                    <a:lnTo>
                      <a:pt x="3261" y="2446"/>
                    </a:lnTo>
                    <a:lnTo>
                      <a:pt x="3263" y="2438"/>
                    </a:lnTo>
                    <a:lnTo>
                      <a:pt x="3269" y="2432"/>
                    </a:lnTo>
                    <a:lnTo>
                      <a:pt x="3272" y="2427"/>
                    </a:lnTo>
                    <a:lnTo>
                      <a:pt x="3278" y="2422"/>
                    </a:lnTo>
                    <a:lnTo>
                      <a:pt x="3283" y="2418"/>
                    </a:lnTo>
                    <a:lnTo>
                      <a:pt x="3288" y="2414"/>
                    </a:lnTo>
                    <a:lnTo>
                      <a:pt x="3300" y="2407"/>
                    </a:lnTo>
                    <a:lnTo>
                      <a:pt x="3314" y="2403"/>
                    </a:lnTo>
                    <a:lnTo>
                      <a:pt x="3328" y="2400"/>
                    </a:lnTo>
                    <a:lnTo>
                      <a:pt x="3345" y="2396"/>
                    </a:lnTo>
                    <a:lnTo>
                      <a:pt x="3359" y="2394"/>
                    </a:lnTo>
                    <a:lnTo>
                      <a:pt x="3373" y="2393"/>
                    </a:lnTo>
                    <a:lnTo>
                      <a:pt x="3385" y="2394"/>
                    </a:lnTo>
                    <a:lnTo>
                      <a:pt x="3395" y="2397"/>
                    </a:lnTo>
                    <a:lnTo>
                      <a:pt x="3405" y="2401"/>
                    </a:lnTo>
                    <a:lnTo>
                      <a:pt x="3414" y="2406"/>
                    </a:lnTo>
                    <a:lnTo>
                      <a:pt x="3421" y="2413"/>
                    </a:lnTo>
                    <a:lnTo>
                      <a:pt x="3427" y="2420"/>
                    </a:lnTo>
                    <a:lnTo>
                      <a:pt x="3432" y="2429"/>
                    </a:lnTo>
                    <a:lnTo>
                      <a:pt x="3437" y="2438"/>
                    </a:lnTo>
                    <a:lnTo>
                      <a:pt x="3441" y="2449"/>
                    </a:lnTo>
                    <a:lnTo>
                      <a:pt x="3443" y="2460"/>
                    </a:lnTo>
                    <a:lnTo>
                      <a:pt x="3446" y="2484"/>
                    </a:lnTo>
                    <a:lnTo>
                      <a:pt x="3447" y="2510"/>
                    </a:lnTo>
                    <a:lnTo>
                      <a:pt x="3443" y="2520"/>
                    </a:lnTo>
                    <a:lnTo>
                      <a:pt x="3440" y="2528"/>
                    </a:lnTo>
                    <a:lnTo>
                      <a:pt x="3438" y="2537"/>
                    </a:lnTo>
                    <a:lnTo>
                      <a:pt x="3438" y="2547"/>
                    </a:lnTo>
                    <a:lnTo>
                      <a:pt x="3438" y="2555"/>
                    </a:lnTo>
                    <a:lnTo>
                      <a:pt x="3440" y="2560"/>
                    </a:lnTo>
                    <a:lnTo>
                      <a:pt x="3441" y="2567"/>
                    </a:lnTo>
                    <a:lnTo>
                      <a:pt x="3445" y="2572"/>
                    </a:lnTo>
                    <a:lnTo>
                      <a:pt x="3450" y="2581"/>
                    </a:lnTo>
                    <a:lnTo>
                      <a:pt x="3454" y="2589"/>
                    </a:lnTo>
                    <a:lnTo>
                      <a:pt x="3458" y="2597"/>
                    </a:lnTo>
                    <a:lnTo>
                      <a:pt x="3460" y="2607"/>
                    </a:lnTo>
                    <a:lnTo>
                      <a:pt x="3460" y="2617"/>
                    </a:lnTo>
                    <a:lnTo>
                      <a:pt x="3460" y="2629"/>
                    </a:lnTo>
                    <a:lnTo>
                      <a:pt x="3462" y="2641"/>
                    </a:lnTo>
                    <a:lnTo>
                      <a:pt x="3462" y="2651"/>
                    </a:lnTo>
                    <a:lnTo>
                      <a:pt x="3403" y="2666"/>
                    </a:lnTo>
                    <a:lnTo>
                      <a:pt x="3405" y="2678"/>
                    </a:lnTo>
                    <a:lnTo>
                      <a:pt x="3405" y="2688"/>
                    </a:lnTo>
                    <a:lnTo>
                      <a:pt x="3405" y="2700"/>
                    </a:lnTo>
                    <a:lnTo>
                      <a:pt x="3406" y="2711"/>
                    </a:lnTo>
                    <a:lnTo>
                      <a:pt x="3410" y="2717"/>
                    </a:lnTo>
                    <a:lnTo>
                      <a:pt x="3414" y="2723"/>
                    </a:lnTo>
                    <a:lnTo>
                      <a:pt x="3419" y="2727"/>
                    </a:lnTo>
                    <a:lnTo>
                      <a:pt x="3423" y="2731"/>
                    </a:lnTo>
                    <a:lnTo>
                      <a:pt x="3428" y="2735"/>
                    </a:lnTo>
                    <a:lnTo>
                      <a:pt x="3430" y="2742"/>
                    </a:lnTo>
                    <a:lnTo>
                      <a:pt x="3433" y="2748"/>
                    </a:lnTo>
                    <a:lnTo>
                      <a:pt x="3434" y="2758"/>
                    </a:lnTo>
                    <a:lnTo>
                      <a:pt x="3433" y="2775"/>
                    </a:lnTo>
                    <a:lnTo>
                      <a:pt x="3433" y="2793"/>
                    </a:lnTo>
                    <a:lnTo>
                      <a:pt x="3434" y="2802"/>
                    </a:lnTo>
                    <a:lnTo>
                      <a:pt x="3436" y="2810"/>
                    </a:lnTo>
                    <a:lnTo>
                      <a:pt x="3440" y="2817"/>
                    </a:lnTo>
                    <a:lnTo>
                      <a:pt x="3446" y="2823"/>
                    </a:lnTo>
                    <a:lnTo>
                      <a:pt x="3454" y="2830"/>
                    </a:lnTo>
                    <a:lnTo>
                      <a:pt x="3460" y="2837"/>
                    </a:lnTo>
                    <a:lnTo>
                      <a:pt x="3465" y="2844"/>
                    </a:lnTo>
                    <a:lnTo>
                      <a:pt x="3469" y="2849"/>
                    </a:lnTo>
                    <a:lnTo>
                      <a:pt x="3472" y="2856"/>
                    </a:lnTo>
                    <a:lnTo>
                      <a:pt x="3473" y="2862"/>
                    </a:lnTo>
                    <a:lnTo>
                      <a:pt x="3473" y="2869"/>
                    </a:lnTo>
                    <a:lnTo>
                      <a:pt x="3473" y="2874"/>
                    </a:lnTo>
                    <a:lnTo>
                      <a:pt x="3472" y="2880"/>
                    </a:lnTo>
                    <a:lnTo>
                      <a:pt x="3469" y="2887"/>
                    </a:lnTo>
                    <a:lnTo>
                      <a:pt x="3465" y="2892"/>
                    </a:lnTo>
                    <a:lnTo>
                      <a:pt x="3462" y="2898"/>
                    </a:lnTo>
                    <a:lnTo>
                      <a:pt x="3452" y="2910"/>
                    </a:lnTo>
                    <a:lnTo>
                      <a:pt x="3440" y="2923"/>
                    </a:lnTo>
                    <a:lnTo>
                      <a:pt x="3430" y="2932"/>
                    </a:lnTo>
                    <a:lnTo>
                      <a:pt x="3421" y="2941"/>
                    </a:lnTo>
                    <a:lnTo>
                      <a:pt x="3411" y="2949"/>
                    </a:lnTo>
                    <a:lnTo>
                      <a:pt x="3401" y="2957"/>
                    </a:lnTo>
                    <a:lnTo>
                      <a:pt x="3390" y="2963"/>
                    </a:lnTo>
                    <a:lnTo>
                      <a:pt x="3379" y="2968"/>
                    </a:lnTo>
                    <a:lnTo>
                      <a:pt x="3366" y="2972"/>
                    </a:lnTo>
                    <a:lnTo>
                      <a:pt x="3353" y="2975"/>
                    </a:lnTo>
                    <a:lnTo>
                      <a:pt x="3336" y="2979"/>
                    </a:lnTo>
                    <a:lnTo>
                      <a:pt x="3322" y="2983"/>
                    </a:lnTo>
                    <a:lnTo>
                      <a:pt x="3315" y="2986"/>
                    </a:lnTo>
                    <a:lnTo>
                      <a:pt x="3310" y="2992"/>
                    </a:lnTo>
                    <a:lnTo>
                      <a:pt x="3307" y="2999"/>
                    </a:lnTo>
                    <a:lnTo>
                      <a:pt x="3307" y="3008"/>
                    </a:lnTo>
                    <a:lnTo>
                      <a:pt x="3307" y="3019"/>
                    </a:lnTo>
                    <a:lnTo>
                      <a:pt x="3309" y="3030"/>
                    </a:lnTo>
                    <a:lnTo>
                      <a:pt x="3311" y="3042"/>
                    </a:lnTo>
                    <a:lnTo>
                      <a:pt x="3314" y="3055"/>
                    </a:lnTo>
                    <a:lnTo>
                      <a:pt x="3318" y="3067"/>
                    </a:lnTo>
                    <a:lnTo>
                      <a:pt x="3323" y="3077"/>
                    </a:lnTo>
                    <a:lnTo>
                      <a:pt x="3329" y="3086"/>
                    </a:lnTo>
                    <a:lnTo>
                      <a:pt x="3337" y="3093"/>
                    </a:lnTo>
                    <a:lnTo>
                      <a:pt x="3350" y="3102"/>
                    </a:lnTo>
                    <a:lnTo>
                      <a:pt x="3362" y="3108"/>
                    </a:lnTo>
                    <a:lnTo>
                      <a:pt x="3372" y="3115"/>
                    </a:lnTo>
                    <a:lnTo>
                      <a:pt x="3380" y="3121"/>
                    </a:lnTo>
                    <a:lnTo>
                      <a:pt x="3385" y="3129"/>
                    </a:lnTo>
                    <a:lnTo>
                      <a:pt x="3389" y="3139"/>
                    </a:lnTo>
                    <a:lnTo>
                      <a:pt x="3392" y="3154"/>
                    </a:lnTo>
                    <a:lnTo>
                      <a:pt x="3392" y="3170"/>
                    </a:lnTo>
                    <a:lnTo>
                      <a:pt x="3386" y="3178"/>
                    </a:lnTo>
                    <a:lnTo>
                      <a:pt x="3380" y="3186"/>
                    </a:lnTo>
                    <a:lnTo>
                      <a:pt x="3373" y="3192"/>
                    </a:lnTo>
                    <a:lnTo>
                      <a:pt x="3367" y="3198"/>
                    </a:lnTo>
                    <a:lnTo>
                      <a:pt x="3354" y="3209"/>
                    </a:lnTo>
                    <a:lnTo>
                      <a:pt x="3342" y="3220"/>
                    </a:lnTo>
                    <a:lnTo>
                      <a:pt x="3337" y="3226"/>
                    </a:lnTo>
                    <a:lnTo>
                      <a:pt x="3332" y="3231"/>
                    </a:lnTo>
                    <a:lnTo>
                      <a:pt x="3328" y="3239"/>
                    </a:lnTo>
                    <a:lnTo>
                      <a:pt x="3326" y="3246"/>
                    </a:lnTo>
                    <a:lnTo>
                      <a:pt x="3324" y="3255"/>
                    </a:lnTo>
                    <a:lnTo>
                      <a:pt x="3324" y="3265"/>
                    </a:lnTo>
                    <a:lnTo>
                      <a:pt x="3326" y="3275"/>
                    </a:lnTo>
                    <a:lnTo>
                      <a:pt x="3328" y="3288"/>
                    </a:lnTo>
                    <a:lnTo>
                      <a:pt x="3332" y="3305"/>
                    </a:lnTo>
                    <a:lnTo>
                      <a:pt x="3335" y="3322"/>
                    </a:lnTo>
                    <a:lnTo>
                      <a:pt x="3336" y="3339"/>
                    </a:lnTo>
                    <a:lnTo>
                      <a:pt x="3337" y="3357"/>
                    </a:lnTo>
                    <a:lnTo>
                      <a:pt x="3340" y="3374"/>
                    </a:lnTo>
                    <a:lnTo>
                      <a:pt x="3342" y="3391"/>
                    </a:lnTo>
                    <a:lnTo>
                      <a:pt x="3348" y="3407"/>
                    </a:lnTo>
                    <a:lnTo>
                      <a:pt x="3354" y="3424"/>
                    </a:lnTo>
                    <a:lnTo>
                      <a:pt x="3361" y="3432"/>
                    </a:lnTo>
                    <a:lnTo>
                      <a:pt x="3368" y="3440"/>
                    </a:lnTo>
                    <a:lnTo>
                      <a:pt x="3377" y="3445"/>
                    </a:lnTo>
                    <a:lnTo>
                      <a:pt x="3388" y="3451"/>
                    </a:lnTo>
                    <a:lnTo>
                      <a:pt x="3412" y="3459"/>
                    </a:lnTo>
                    <a:lnTo>
                      <a:pt x="3437" y="3468"/>
                    </a:lnTo>
                    <a:lnTo>
                      <a:pt x="3450" y="3472"/>
                    </a:lnTo>
                    <a:lnTo>
                      <a:pt x="3462" y="3476"/>
                    </a:lnTo>
                    <a:lnTo>
                      <a:pt x="3472" y="3481"/>
                    </a:lnTo>
                    <a:lnTo>
                      <a:pt x="3482" y="3486"/>
                    </a:lnTo>
                    <a:lnTo>
                      <a:pt x="3490" y="3494"/>
                    </a:lnTo>
                    <a:lnTo>
                      <a:pt x="3497" y="3502"/>
                    </a:lnTo>
                    <a:lnTo>
                      <a:pt x="3499" y="3506"/>
                    </a:lnTo>
                    <a:lnTo>
                      <a:pt x="3502" y="3511"/>
                    </a:lnTo>
                    <a:lnTo>
                      <a:pt x="3502" y="3516"/>
                    </a:lnTo>
                    <a:lnTo>
                      <a:pt x="3503" y="3521"/>
                    </a:lnTo>
                    <a:lnTo>
                      <a:pt x="3503" y="3529"/>
                    </a:lnTo>
                    <a:lnTo>
                      <a:pt x="3500" y="3537"/>
                    </a:lnTo>
                    <a:lnTo>
                      <a:pt x="3498" y="3543"/>
                    </a:lnTo>
                    <a:lnTo>
                      <a:pt x="3495" y="3549"/>
                    </a:lnTo>
                    <a:lnTo>
                      <a:pt x="3487" y="3560"/>
                    </a:lnTo>
                    <a:lnTo>
                      <a:pt x="3481" y="3575"/>
                    </a:lnTo>
                    <a:lnTo>
                      <a:pt x="3478" y="3586"/>
                    </a:lnTo>
                    <a:lnTo>
                      <a:pt x="3478" y="3600"/>
                    </a:lnTo>
                    <a:lnTo>
                      <a:pt x="3478" y="3615"/>
                    </a:lnTo>
                    <a:lnTo>
                      <a:pt x="3480" y="3629"/>
                    </a:lnTo>
                    <a:lnTo>
                      <a:pt x="3486" y="3657"/>
                    </a:lnTo>
                    <a:lnTo>
                      <a:pt x="3493" y="3683"/>
                    </a:lnTo>
                    <a:lnTo>
                      <a:pt x="3484" y="3685"/>
                    </a:lnTo>
                    <a:lnTo>
                      <a:pt x="3473" y="3687"/>
                    </a:lnTo>
                    <a:lnTo>
                      <a:pt x="3468" y="3676"/>
                    </a:lnTo>
                    <a:lnTo>
                      <a:pt x="3462" y="3664"/>
                    </a:lnTo>
                    <a:lnTo>
                      <a:pt x="3445" y="3661"/>
                    </a:lnTo>
                    <a:lnTo>
                      <a:pt x="3428" y="3660"/>
                    </a:lnTo>
                    <a:lnTo>
                      <a:pt x="3419" y="3661"/>
                    </a:lnTo>
                    <a:lnTo>
                      <a:pt x="3411" y="3664"/>
                    </a:lnTo>
                    <a:lnTo>
                      <a:pt x="3403" y="3668"/>
                    </a:lnTo>
                    <a:lnTo>
                      <a:pt x="3395" y="3673"/>
                    </a:lnTo>
                    <a:lnTo>
                      <a:pt x="3389" y="3712"/>
                    </a:lnTo>
                    <a:lnTo>
                      <a:pt x="3362" y="3721"/>
                    </a:lnTo>
                    <a:lnTo>
                      <a:pt x="3336" y="3730"/>
                    </a:lnTo>
                    <a:lnTo>
                      <a:pt x="3315" y="3739"/>
                    </a:lnTo>
                    <a:lnTo>
                      <a:pt x="3301" y="3748"/>
                    </a:lnTo>
                    <a:lnTo>
                      <a:pt x="3292" y="3756"/>
                    </a:lnTo>
                    <a:lnTo>
                      <a:pt x="3281" y="3762"/>
                    </a:lnTo>
                    <a:lnTo>
                      <a:pt x="3272" y="3768"/>
                    </a:lnTo>
                    <a:lnTo>
                      <a:pt x="3263" y="3771"/>
                    </a:lnTo>
                    <a:lnTo>
                      <a:pt x="3245" y="3778"/>
                    </a:lnTo>
                    <a:lnTo>
                      <a:pt x="3227" y="3783"/>
                    </a:lnTo>
                    <a:lnTo>
                      <a:pt x="3209" y="3788"/>
                    </a:lnTo>
                    <a:lnTo>
                      <a:pt x="3189" y="3793"/>
                    </a:lnTo>
                    <a:lnTo>
                      <a:pt x="3171" y="3800"/>
                    </a:lnTo>
                    <a:lnTo>
                      <a:pt x="3151" y="3810"/>
                    </a:lnTo>
                    <a:lnTo>
                      <a:pt x="3145" y="3814"/>
                    </a:lnTo>
                    <a:lnTo>
                      <a:pt x="3142" y="3819"/>
                    </a:lnTo>
                    <a:lnTo>
                      <a:pt x="3139" y="3823"/>
                    </a:lnTo>
                    <a:lnTo>
                      <a:pt x="3138" y="3828"/>
                    </a:lnTo>
                    <a:lnTo>
                      <a:pt x="3138" y="3840"/>
                    </a:lnTo>
                    <a:lnTo>
                      <a:pt x="3140" y="3850"/>
                    </a:lnTo>
                    <a:lnTo>
                      <a:pt x="3144" y="3860"/>
                    </a:lnTo>
                    <a:lnTo>
                      <a:pt x="3144" y="3869"/>
                    </a:lnTo>
                    <a:lnTo>
                      <a:pt x="3144" y="3871"/>
                    </a:lnTo>
                    <a:lnTo>
                      <a:pt x="3142" y="3874"/>
                    </a:lnTo>
                    <a:lnTo>
                      <a:pt x="3138" y="3875"/>
                    </a:lnTo>
                    <a:lnTo>
                      <a:pt x="3132" y="3876"/>
                    </a:lnTo>
                    <a:lnTo>
                      <a:pt x="3103" y="3876"/>
                    </a:lnTo>
                    <a:lnTo>
                      <a:pt x="3074" y="3875"/>
                    </a:lnTo>
                    <a:lnTo>
                      <a:pt x="3060" y="3874"/>
                    </a:lnTo>
                    <a:lnTo>
                      <a:pt x="3046" y="3874"/>
                    </a:lnTo>
                    <a:lnTo>
                      <a:pt x="3030" y="3874"/>
                    </a:lnTo>
                    <a:lnTo>
                      <a:pt x="3015" y="3876"/>
                    </a:lnTo>
                    <a:lnTo>
                      <a:pt x="2985" y="3880"/>
                    </a:lnTo>
                    <a:lnTo>
                      <a:pt x="2943" y="3883"/>
                    </a:lnTo>
                    <a:lnTo>
                      <a:pt x="2923" y="3883"/>
                    </a:lnTo>
                    <a:lnTo>
                      <a:pt x="2903" y="3880"/>
                    </a:lnTo>
                    <a:lnTo>
                      <a:pt x="2894" y="3879"/>
                    </a:lnTo>
                    <a:lnTo>
                      <a:pt x="2886" y="3876"/>
                    </a:lnTo>
                    <a:lnTo>
                      <a:pt x="2880" y="3874"/>
                    </a:lnTo>
                    <a:lnTo>
                      <a:pt x="2873" y="3870"/>
                    </a:lnTo>
                    <a:lnTo>
                      <a:pt x="2866" y="3862"/>
                    </a:lnTo>
                    <a:lnTo>
                      <a:pt x="2859" y="3854"/>
                    </a:lnTo>
                    <a:lnTo>
                      <a:pt x="2854" y="3847"/>
                    </a:lnTo>
                    <a:lnTo>
                      <a:pt x="2849" y="3839"/>
                    </a:lnTo>
                    <a:lnTo>
                      <a:pt x="2844" y="3831"/>
                    </a:lnTo>
                    <a:lnTo>
                      <a:pt x="2836" y="3826"/>
                    </a:lnTo>
                    <a:lnTo>
                      <a:pt x="2827" y="3819"/>
                    </a:lnTo>
                    <a:lnTo>
                      <a:pt x="2814" y="3815"/>
                    </a:lnTo>
                    <a:lnTo>
                      <a:pt x="2781" y="3809"/>
                    </a:lnTo>
                    <a:lnTo>
                      <a:pt x="2756" y="3801"/>
                    </a:lnTo>
                    <a:lnTo>
                      <a:pt x="2750" y="3799"/>
                    </a:lnTo>
                    <a:lnTo>
                      <a:pt x="2745" y="3795"/>
                    </a:lnTo>
                    <a:lnTo>
                      <a:pt x="2740" y="3791"/>
                    </a:lnTo>
                    <a:lnTo>
                      <a:pt x="2736" y="3786"/>
                    </a:lnTo>
                    <a:lnTo>
                      <a:pt x="2732" y="3779"/>
                    </a:lnTo>
                    <a:lnTo>
                      <a:pt x="2730" y="3771"/>
                    </a:lnTo>
                    <a:lnTo>
                      <a:pt x="2726" y="3764"/>
                    </a:lnTo>
                    <a:lnTo>
                      <a:pt x="2723" y="3753"/>
                    </a:lnTo>
                    <a:lnTo>
                      <a:pt x="2721" y="3744"/>
                    </a:lnTo>
                    <a:lnTo>
                      <a:pt x="2715" y="3736"/>
                    </a:lnTo>
                    <a:lnTo>
                      <a:pt x="2710" y="3730"/>
                    </a:lnTo>
                    <a:lnTo>
                      <a:pt x="2702" y="3726"/>
                    </a:lnTo>
                    <a:lnTo>
                      <a:pt x="2695" y="3722"/>
                    </a:lnTo>
                    <a:lnTo>
                      <a:pt x="2687" y="3720"/>
                    </a:lnTo>
                    <a:lnTo>
                      <a:pt x="2678" y="3717"/>
                    </a:lnTo>
                    <a:lnTo>
                      <a:pt x="2669" y="3716"/>
                    </a:lnTo>
                    <a:lnTo>
                      <a:pt x="2652" y="3712"/>
                    </a:lnTo>
                    <a:lnTo>
                      <a:pt x="2638" y="3708"/>
                    </a:lnTo>
                    <a:lnTo>
                      <a:pt x="2631" y="3704"/>
                    </a:lnTo>
                    <a:lnTo>
                      <a:pt x="2626" y="3700"/>
                    </a:lnTo>
                    <a:lnTo>
                      <a:pt x="2623" y="3695"/>
                    </a:lnTo>
                    <a:lnTo>
                      <a:pt x="2622" y="3689"/>
                    </a:lnTo>
                    <a:lnTo>
                      <a:pt x="2619" y="3677"/>
                    </a:lnTo>
                    <a:lnTo>
                      <a:pt x="2617" y="3672"/>
                    </a:lnTo>
                    <a:lnTo>
                      <a:pt x="2616" y="3670"/>
                    </a:lnTo>
                    <a:lnTo>
                      <a:pt x="2614" y="3669"/>
                    </a:lnTo>
                    <a:lnTo>
                      <a:pt x="2612" y="3669"/>
                    </a:lnTo>
                    <a:lnTo>
                      <a:pt x="2609" y="3670"/>
                    </a:lnTo>
                    <a:lnTo>
                      <a:pt x="2596" y="3678"/>
                    </a:lnTo>
                    <a:lnTo>
                      <a:pt x="2578" y="3686"/>
                    </a:lnTo>
                    <a:lnTo>
                      <a:pt x="2570" y="3690"/>
                    </a:lnTo>
                    <a:lnTo>
                      <a:pt x="2562" y="3694"/>
                    </a:lnTo>
                    <a:lnTo>
                      <a:pt x="2556" y="3695"/>
                    </a:lnTo>
                    <a:lnTo>
                      <a:pt x="2548" y="3696"/>
                    </a:lnTo>
                    <a:lnTo>
                      <a:pt x="2540" y="3696"/>
                    </a:lnTo>
                    <a:lnTo>
                      <a:pt x="2533" y="3696"/>
                    </a:lnTo>
                    <a:lnTo>
                      <a:pt x="2525" y="3694"/>
                    </a:lnTo>
                    <a:lnTo>
                      <a:pt x="2516" y="3691"/>
                    </a:lnTo>
                    <a:lnTo>
                      <a:pt x="2508" y="3687"/>
                    </a:lnTo>
                    <a:lnTo>
                      <a:pt x="2503" y="3683"/>
                    </a:lnTo>
                    <a:lnTo>
                      <a:pt x="2502" y="3678"/>
                    </a:lnTo>
                    <a:lnTo>
                      <a:pt x="2502" y="3673"/>
                    </a:lnTo>
                    <a:lnTo>
                      <a:pt x="2503" y="3668"/>
                    </a:lnTo>
                    <a:lnTo>
                      <a:pt x="2503" y="3661"/>
                    </a:lnTo>
                    <a:lnTo>
                      <a:pt x="2503" y="3656"/>
                    </a:lnTo>
                    <a:lnTo>
                      <a:pt x="2500" y="3650"/>
                    </a:lnTo>
                    <a:lnTo>
                      <a:pt x="2496" y="3646"/>
                    </a:lnTo>
                    <a:lnTo>
                      <a:pt x="2491" y="3642"/>
                    </a:lnTo>
                    <a:lnTo>
                      <a:pt x="2483" y="3638"/>
                    </a:lnTo>
                    <a:lnTo>
                      <a:pt x="2476" y="3634"/>
                    </a:lnTo>
                    <a:lnTo>
                      <a:pt x="2456" y="3628"/>
                    </a:lnTo>
                    <a:lnTo>
                      <a:pt x="2436" y="3621"/>
                    </a:lnTo>
                    <a:lnTo>
                      <a:pt x="2413" y="3615"/>
                    </a:lnTo>
                    <a:lnTo>
                      <a:pt x="2393" y="3610"/>
                    </a:lnTo>
                    <a:lnTo>
                      <a:pt x="2375" y="3603"/>
                    </a:lnTo>
                    <a:lnTo>
                      <a:pt x="2360" y="3597"/>
                    </a:lnTo>
                    <a:lnTo>
                      <a:pt x="2356" y="3594"/>
                    </a:lnTo>
                    <a:lnTo>
                      <a:pt x="2354" y="3590"/>
                    </a:lnTo>
                    <a:lnTo>
                      <a:pt x="2353" y="3585"/>
                    </a:lnTo>
                    <a:lnTo>
                      <a:pt x="2351" y="3580"/>
                    </a:lnTo>
                    <a:lnTo>
                      <a:pt x="2351" y="3569"/>
                    </a:lnTo>
                    <a:lnTo>
                      <a:pt x="2353" y="3558"/>
                    </a:lnTo>
                    <a:lnTo>
                      <a:pt x="2353" y="3546"/>
                    </a:lnTo>
                    <a:lnTo>
                      <a:pt x="2350" y="3537"/>
                    </a:lnTo>
                    <a:lnTo>
                      <a:pt x="2349" y="3533"/>
                    </a:lnTo>
                    <a:lnTo>
                      <a:pt x="2345" y="3531"/>
                    </a:lnTo>
                    <a:lnTo>
                      <a:pt x="2340" y="3529"/>
                    </a:lnTo>
                    <a:lnTo>
                      <a:pt x="2333" y="3528"/>
                    </a:lnTo>
                    <a:lnTo>
                      <a:pt x="2324" y="3529"/>
                    </a:lnTo>
                    <a:lnTo>
                      <a:pt x="2314" y="3531"/>
                    </a:lnTo>
                    <a:lnTo>
                      <a:pt x="2303" y="3533"/>
                    </a:lnTo>
                    <a:lnTo>
                      <a:pt x="2293" y="3537"/>
                    </a:lnTo>
                    <a:lnTo>
                      <a:pt x="2271" y="3545"/>
                    </a:lnTo>
                    <a:lnTo>
                      <a:pt x="2249" y="3556"/>
                    </a:lnTo>
                    <a:lnTo>
                      <a:pt x="2206" y="3581"/>
                    </a:lnTo>
                    <a:lnTo>
                      <a:pt x="2169" y="3602"/>
                    </a:lnTo>
                    <a:lnTo>
                      <a:pt x="2157" y="3607"/>
                    </a:lnTo>
                    <a:lnTo>
                      <a:pt x="2144" y="3612"/>
                    </a:lnTo>
                    <a:lnTo>
                      <a:pt x="2131" y="3616"/>
                    </a:lnTo>
                    <a:lnTo>
                      <a:pt x="2117" y="3620"/>
                    </a:lnTo>
                    <a:lnTo>
                      <a:pt x="2104" y="3622"/>
                    </a:lnTo>
                    <a:lnTo>
                      <a:pt x="2091" y="3626"/>
                    </a:lnTo>
                    <a:lnTo>
                      <a:pt x="2078" y="3632"/>
                    </a:lnTo>
                    <a:lnTo>
                      <a:pt x="2065" y="3638"/>
                    </a:lnTo>
                    <a:lnTo>
                      <a:pt x="2048" y="3647"/>
                    </a:lnTo>
                    <a:lnTo>
                      <a:pt x="2037" y="3657"/>
                    </a:lnTo>
                    <a:lnTo>
                      <a:pt x="2026" y="3668"/>
                    </a:lnTo>
                    <a:lnTo>
                      <a:pt x="2018" y="3678"/>
                    </a:lnTo>
                    <a:lnTo>
                      <a:pt x="2011" y="3690"/>
                    </a:lnTo>
                    <a:lnTo>
                      <a:pt x="2003" y="3701"/>
                    </a:lnTo>
                    <a:lnTo>
                      <a:pt x="1994" y="3713"/>
                    </a:lnTo>
                    <a:lnTo>
                      <a:pt x="1982" y="3725"/>
                    </a:lnTo>
                    <a:lnTo>
                      <a:pt x="1978" y="3726"/>
                    </a:lnTo>
                    <a:lnTo>
                      <a:pt x="1969" y="3725"/>
                    </a:lnTo>
                    <a:lnTo>
                      <a:pt x="1960" y="3722"/>
                    </a:lnTo>
                    <a:lnTo>
                      <a:pt x="1950" y="3721"/>
                    </a:lnTo>
                    <a:lnTo>
                      <a:pt x="1946" y="3721"/>
                    </a:lnTo>
                    <a:lnTo>
                      <a:pt x="1941" y="3721"/>
                    </a:lnTo>
                    <a:lnTo>
                      <a:pt x="1937" y="3724"/>
                    </a:lnTo>
                    <a:lnTo>
                      <a:pt x="1934" y="3726"/>
                    </a:lnTo>
                    <a:lnTo>
                      <a:pt x="1933" y="3730"/>
                    </a:lnTo>
                    <a:lnTo>
                      <a:pt x="1932" y="3735"/>
                    </a:lnTo>
                    <a:lnTo>
                      <a:pt x="1932" y="3743"/>
                    </a:lnTo>
                    <a:lnTo>
                      <a:pt x="1934" y="3752"/>
                    </a:lnTo>
                    <a:lnTo>
                      <a:pt x="1938" y="3765"/>
                    </a:lnTo>
                    <a:lnTo>
                      <a:pt x="1943" y="3775"/>
                    </a:lnTo>
                    <a:lnTo>
                      <a:pt x="1947" y="3783"/>
                    </a:lnTo>
                    <a:lnTo>
                      <a:pt x="1952" y="3791"/>
                    </a:lnTo>
                    <a:lnTo>
                      <a:pt x="1955" y="3799"/>
                    </a:lnTo>
                    <a:lnTo>
                      <a:pt x="1956" y="3808"/>
                    </a:lnTo>
                    <a:lnTo>
                      <a:pt x="1956" y="3821"/>
                    </a:lnTo>
                    <a:lnTo>
                      <a:pt x="1954" y="3839"/>
                    </a:lnTo>
                    <a:lnTo>
                      <a:pt x="1951" y="3856"/>
                    </a:lnTo>
                    <a:lnTo>
                      <a:pt x="1950" y="3872"/>
                    </a:lnTo>
                    <a:lnTo>
                      <a:pt x="1948" y="3889"/>
                    </a:lnTo>
                    <a:lnTo>
                      <a:pt x="1948" y="3906"/>
                    </a:lnTo>
                    <a:lnTo>
                      <a:pt x="1950" y="3941"/>
                    </a:lnTo>
                    <a:lnTo>
                      <a:pt x="1952" y="3975"/>
                    </a:lnTo>
                    <a:lnTo>
                      <a:pt x="1925" y="3964"/>
                    </a:lnTo>
                    <a:lnTo>
                      <a:pt x="1895" y="3952"/>
                    </a:lnTo>
                    <a:lnTo>
                      <a:pt x="1880" y="3946"/>
                    </a:lnTo>
                    <a:lnTo>
                      <a:pt x="1865" y="3941"/>
                    </a:lnTo>
                    <a:lnTo>
                      <a:pt x="1850" y="3937"/>
                    </a:lnTo>
                    <a:lnTo>
                      <a:pt x="1836" y="3935"/>
                    </a:lnTo>
                    <a:lnTo>
                      <a:pt x="1823" y="3933"/>
                    </a:lnTo>
                    <a:lnTo>
                      <a:pt x="1810" y="3935"/>
                    </a:lnTo>
                    <a:lnTo>
                      <a:pt x="1796" y="3936"/>
                    </a:lnTo>
                    <a:lnTo>
                      <a:pt x="1783" y="3939"/>
                    </a:lnTo>
                    <a:lnTo>
                      <a:pt x="1770" y="3941"/>
                    </a:lnTo>
                    <a:lnTo>
                      <a:pt x="1755" y="3942"/>
                    </a:lnTo>
                    <a:lnTo>
                      <a:pt x="1744" y="3944"/>
                    </a:lnTo>
                    <a:lnTo>
                      <a:pt x="1731" y="3942"/>
                    </a:lnTo>
                    <a:lnTo>
                      <a:pt x="1722" y="3940"/>
                    </a:lnTo>
                    <a:lnTo>
                      <a:pt x="1715" y="3937"/>
                    </a:lnTo>
                    <a:lnTo>
                      <a:pt x="1709" y="3933"/>
                    </a:lnTo>
                    <a:lnTo>
                      <a:pt x="1704" y="3928"/>
                    </a:lnTo>
                    <a:lnTo>
                      <a:pt x="1693" y="3918"/>
                    </a:lnTo>
                    <a:lnTo>
                      <a:pt x="1680" y="3909"/>
                    </a:lnTo>
                    <a:lnTo>
                      <a:pt x="1669" y="3902"/>
                    </a:lnTo>
                    <a:lnTo>
                      <a:pt x="1656" y="3898"/>
                    </a:lnTo>
                    <a:lnTo>
                      <a:pt x="1645" y="3897"/>
                    </a:lnTo>
                    <a:lnTo>
                      <a:pt x="1634" y="3896"/>
                    </a:lnTo>
                    <a:lnTo>
                      <a:pt x="1609" y="3897"/>
                    </a:lnTo>
                    <a:lnTo>
                      <a:pt x="1583" y="3900"/>
                    </a:lnTo>
                    <a:lnTo>
                      <a:pt x="1574" y="3901"/>
                    </a:lnTo>
                    <a:lnTo>
                      <a:pt x="1565" y="3900"/>
                    </a:lnTo>
                    <a:lnTo>
                      <a:pt x="1556" y="3897"/>
                    </a:lnTo>
                    <a:lnTo>
                      <a:pt x="1549" y="3895"/>
                    </a:lnTo>
                    <a:lnTo>
                      <a:pt x="1542" y="3891"/>
                    </a:lnTo>
                    <a:lnTo>
                      <a:pt x="1536" y="3887"/>
                    </a:lnTo>
                    <a:lnTo>
                      <a:pt x="1530" y="3880"/>
                    </a:lnTo>
                    <a:lnTo>
                      <a:pt x="1525" y="3875"/>
                    </a:lnTo>
                    <a:lnTo>
                      <a:pt x="1507" y="3848"/>
                    </a:lnTo>
                    <a:lnTo>
                      <a:pt x="1487" y="3819"/>
                    </a:lnTo>
                    <a:lnTo>
                      <a:pt x="1491" y="3800"/>
                    </a:lnTo>
                    <a:lnTo>
                      <a:pt x="1485" y="3781"/>
                    </a:lnTo>
                    <a:lnTo>
                      <a:pt x="1477" y="3762"/>
                    </a:lnTo>
                    <a:lnTo>
                      <a:pt x="1473" y="3753"/>
                    </a:lnTo>
                    <a:lnTo>
                      <a:pt x="1466" y="3746"/>
                    </a:lnTo>
                    <a:lnTo>
                      <a:pt x="1460" y="3739"/>
                    </a:lnTo>
                    <a:lnTo>
                      <a:pt x="1452" y="3733"/>
                    </a:lnTo>
                    <a:lnTo>
                      <a:pt x="1442" y="3727"/>
                    </a:lnTo>
                    <a:lnTo>
                      <a:pt x="1432" y="3724"/>
                    </a:lnTo>
                    <a:lnTo>
                      <a:pt x="1421" y="3721"/>
                    </a:lnTo>
                    <a:lnTo>
                      <a:pt x="1411" y="3720"/>
                    </a:lnTo>
                    <a:lnTo>
                      <a:pt x="1391" y="3718"/>
                    </a:lnTo>
                    <a:lnTo>
                      <a:pt x="1369" y="3718"/>
                    </a:lnTo>
                    <a:lnTo>
                      <a:pt x="1369" y="3720"/>
                    </a:lnTo>
                    <a:lnTo>
                      <a:pt x="1369" y="3721"/>
                    </a:lnTo>
                    <a:lnTo>
                      <a:pt x="1363" y="3699"/>
                    </a:lnTo>
                    <a:lnTo>
                      <a:pt x="1356" y="3678"/>
                    </a:lnTo>
                    <a:lnTo>
                      <a:pt x="1352" y="3669"/>
                    </a:lnTo>
                    <a:lnTo>
                      <a:pt x="1346" y="3661"/>
                    </a:lnTo>
                    <a:lnTo>
                      <a:pt x="1342" y="3657"/>
                    </a:lnTo>
                    <a:lnTo>
                      <a:pt x="1338" y="3655"/>
                    </a:lnTo>
                    <a:lnTo>
                      <a:pt x="1333" y="3652"/>
                    </a:lnTo>
                    <a:lnTo>
                      <a:pt x="1327" y="3651"/>
                    </a:lnTo>
                    <a:lnTo>
                      <a:pt x="1314" y="3647"/>
                    </a:lnTo>
                    <a:lnTo>
                      <a:pt x="1302" y="3642"/>
                    </a:lnTo>
                    <a:lnTo>
                      <a:pt x="1292" y="3637"/>
                    </a:lnTo>
                    <a:lnTo>
                      <a:pt x="1281" y="3629"/>
                    </a:lnTo>
                    <a:lnTo>
                      <a:pt x="1260" y="3615"/>
                    </a:lnTo>
                    <a:lnTo>
                      <a:pt x="1238" y="3600"/>
                    </a:lnTo>
                    <a:lnTo>
                      <a:pt x="1218" y="3591"/>
                    </a:lnTo>
                    <a:lnTo>
                      <a:pt x="1196" y="3581"/>
                    </a:lnTo>
                    <a:lnTo>
                      <a:pt x="1185" y="3576"/>
                    </a:lnTo>
                    <a:lnTo>
                      <a:pt x="1175" y="3571"/>
                    </a:lnTo>
                    <a:lnTo>
                      <a:pt x="1166" y="3564"/>
                    </a:lnTo>
                    <a:lnTo>
                      <a:pt x="1157" y="3558"/>
                    </a:lnTo>
                    <a:lnTo>
                      <a:pt x="1150" y="3553"/>
                    </a:lnTo>
                    <a:lnTo>
                      <a:pt x="1145" y="3550"/>
                    </a:lnTo>
                    <a:lnTo>
                      <a:pt x="1140" y="3549"/>
                    </a:lnTo>
                    <a:lnTo>
                      <a:pt x="1136" y="3549"/>
                    </a:lnTo>
                    <a:lnTo>
                      <a:pt x="1134" y="3551"/>
                    </a:lnTo>
                    <a:lnTo>
                      <a:pt x="1131" y="3554"/>
                    </a:lnTo>
                    <a:lnTo>
                      <a:pt x="1130" y="3558"/>
                    </a:lnTo>
                    <a:lnTo>
                      <a:pt x="1128" y="3563"/>
                    </a:lnTo>
                    <a:lnTo>
                      <a:pt x="1128" y="3575"/>
                    </a:lnTo>
                    <a:lnTo>
                      <a:pt x="1128" y="3588"/>
                    </a:lnTo>
                    <a:lnTo>
                      <a:pt x="1130" y="3599"/>
                    </a:lnTo>
                    <a:lnTo>
                      <a:pt x="1131" y="3608"/>
                    </a:lnTo>
                    <a:lnTo>
                      <a:pt x="1131" y="3615"/>
                    </a:lnTo>
                    <a:lnTo>
                      <a:pt x="1128" y="3620"/>
                    </a:lnTo>
                    <a:lnTo>
                      <a:pt x="1124" y="3622"/>
                    </a:lnTo>
                    <a:lnTo>
                      <a:pt x="1119" y="3624"/>
                    </a:lnTo>
                    <a:lnTo>
                      <a:pt x="1112" y="3624"/>
                    </a:lnTo>
                    <a:lnTo>
                      <a:pt x="1104" y="3622"/>
                    </a:lnTo>
                    <a:lnTo>
                      <a:pt x="1095" y="3620"/>
                    </a:lnTo>
                    <a:lnTo>
                      <a:pt x="1086" y="3617"/>
                    </a:lnTo>
                    <a:lnTo>
                      <a:pt x="1048" y="3600"/>
                    </a:lnTo>
                    <a:lnTo>
                      <a:pt x="1022" y="3589"/>
                    </a:lnTo>
                    <a:lnTo>
                      <a:pt x="1009" y="3586"/>
                    </a:lnTo>
                    <a:lnTo>
                      <a:pt x="996" y="3584"/>
                    </a:lnTo>
                    <a:lnTo>
                      <a:pt x="982" y="3584"/>
                    </a:lnTo>
                    <a:lnTo>
                      <a:pt x="969" y="3584"/>
                    </a:lnTo>
                    <a:lnTo>
                      <a:pt x="944" y="3585"/>
                    </a:lnTo>
                    <a:lnTo>
                      <a:pt x="920" y="3586"/>
                    </a:lnTo>
                    <a:lnTo>
                      <a:pt x="909" y="3586"/>
                    </a:lnTo>
                    <a:lnTo>
                      <a:pt x="898" y="3585"/>
                    </a:lnTo>
                    <a:lnTo>
                      <a:pt x="887" y="3581"/>
                    </a:lnTo>
                    <a:lnTo>
                      <a:pt x="877" y="3576"/>
                    </a:lnTo>
                    <a:lnTo>
                      <a:pt x="868" y="3569"/>
                    </a:lnTo>
                    <a:lnTo>
                      <a:pt x="859" y="3559"/>
                    </a:lnTo>
                    <a:lnTo>
                      <a:pt x="850" y="3546"/>
                    </a:lnTo>
                    <a:lnTo>
                      <a:pt x="842" y="3531"/>
                    </a:lnTo>
                    <a:lnTo>
                      <a:pt x="836" y="3515"/>
                    </a:lnTo>
                    <a:lnTo>
                      <a:pt x="830" y="3503"/>
                    </a:lnTo>
                    <a:lnTo>
                      <a:pt x="825" y="3496"/>
                    </a:lnTo>
                    <a:lnTo>
                      <a:pt x="820" y="3490"/>
                    </a:lnTo>
                    <a:lnTo>
                      <a:pt x="814" y="3485"/>
                    </a:lnTo>
                    <a:lnTo>
                      <a:pt x="804" y="3483"/>
                    </a:lnTo>
                    <a:lnTo>
                      <a:pt x="793" y="3479"/>
                    </a:lnTo>
                    <a:lnTo>
                      <a:pt x="777" y="3475"/>
                    </a:lnTo>
                    <a:lnTo>
                      <a:pt x="755" y="3471"/>
                    </a:lnTo>
                    <a:lnTo>
                      <a:pt x="733" y="3468"/>
                    </a:lnTo>
                    <a:lnTo>
                      <a:pt x="728" y="3467"/>
                    </a:lnTo>
                    <a:lnTo>
                      <a:pt x="723" y="3464"/>
                    </a:lnTo>
                    <a:lnTo>
                      <a:pt x="719" y="3462"/>
                    </a:lnTo>
                    <a:lnTo>
                      <a:pt x="715" y="3459"/>
                    </a:lnTo>
                    <a:lnTo>
                      <a:pt x="713" y="3454"/>
                    </a:lnTo>
                    <a:lnTo>
                      <a:pt x="709" y="3450"/>
                    </a:lnTo>
                    <a:lnTo>
                      <a:pt x="707" y="3444"/>
                    </a:lnTo>
                    <a:lnTo>
                      <a:pt x="705" y="3437"/>
                    </a:lnTo>
                    <a:lnTo>
                      <a:pt x="702" y="3420"/>
                    </a:lnTo>
                    <a:lnTo>
                      <a:pt x="698" y="3404"/>
                    </a:lnTo>
                    <a:lnTo>
                      <a:pt x="694" y="3396"/>
                    </a:lnTo>
                    <a:lnTo>
                      <a:pt x="690" y="3389"/>
                    </a:lnTo>
                    <a:lnTo>
                      <a:pt x="688" y="3387"/>
                    </a:lnTo>
                    <a:lnTo>
                      <a:pt x="684" y="3384"/>
                    </a:lnTo>
                    <a:lnTo>
                      <a:pt x="680" y="3383"/>
                    </a:lnTo>
                    <a:lnTo>
                      <a:pt x="676" y="3382"/>
                    </a:lnTo>
                    <a:lnTo>
                      <a:pt x="665" y="3379"/>
                    </a:lnTo>
                    <a:lnTo>
                      <a:pt x="656" y="3375"/>
                    </a:lnTo>
                    <a:lnTo>
                      <a:pt x="646" y="3370"/>
                    </a:lnTo>
                    <a:lnTo>
                      <a:pt x="637" y="3363"/>
                    </a:lnTo>
                    <a:lnTo>
                      <a:pt x="630" y="3357"/>
                    </a:lnTo>
                    <a:lnTo>
                      <a:pt x="622" y="3349"/>
                    </a:lnTo>
                    <a:lnTo>
                      <a:pt x="615" y="3341"/>
                    </a:lnTo>
                    <a:lnTo>
                      <a:pt x="610" y="3332"/>
                    </a:lnTo>
                    <a:lnTo>
                      <a:pt x="600" y="3312"/>
                    </a:lnTo>
                    <a:lnTo>
                      <a:pt x="591" y="3292"/>
                    </a:lnTo>
                    <a:lnTo>
                      <a:pt x="584" y="3270"/>
                    </a:lnTo>
                    <a:lnTo>
                      <a:pt x="578" y="3251"/>
                    </a:lnTo>
                    <a:lnTo>
                      <a:pt x="576" y="3246"/>
                    </a:lnTo>
                    <a:lnTo>
                      <a:pt x="573" y="3243"/>
                    </a:lnTo>
                    <a:lnTo>
                      <a:pt x="567" y="3242"/>
                    </a:lnTo>
                    <a:lnTo>
                      <a:pt x="562" y="3240"/>
                    </a:lnTo>
                    <a:lnTo>
                      <a:pt x="548" y="3242"/>
                    </a:lnTo>
                    <a:lnTo>
                      <a:pt x="534" y="3243"/>
                    </a:lnTo>
                    <a:lnTo>
                      <a:pt x="519" y="3246"/>
                    </a:lnTo>
                    <a:lnTo>
                      <a:pt x="509" y="3246"/>
                    </a:lnTo>
                    <a:lnTo>
                      <a:pt x="505" y="3244"/>
                    </a:lnTo>
                    <a:lnTo>
                      <a:pt x="503" y="3242"/>
                    </a:lnTo>
                    <a:lnTo>
                      <a:pt x="503" y="3238"/>
                    </a:lnTo>
                    <a:lnTo>
                      <a:pt x="504" y="3233"/>
                    </a:lnTo>
                    <a:lnTo>
                      <a:pt x="510" y="3221"/>
                    </a:lnTo>
                    <a:lnTo>
                      <a:pt x="517" y="3208"/>
                    </a:lnTo>
                    <a:lnTo>
                      <a:pt x="519" y="3200"/>
                    </a:lnTo>
                    <a:lnTo>
                      <a:pt x="521" y="3194"/>
                    </a:lnTo>
                    <a:lnTo>
                      <a:pt x="521" y="3186"/>
                    </a:lnTo>
                    <a:lnTo>
                      <a:pt x="518" y="3179"/>
                    </a:lnTo>
                    <a:lnTo>
                      <a:pt x="514" y="3176"/>
                    </a:lnTo>
                    <a:lnTo>
                      <a:pt x="507" y="3170"/>
                    </a:lnTo>
                    <a:lnTo>
                      <a:pt x="497" y="3166"/>
                    </a:lnTo>
                    <a:lnTo>
                      <a:pt x="487" y="3161"/>
                    </a:lnTo>
                    <a:lnTo>
                      <a:pt x="466" y="3154"/>
                    </a:lnTo>
                    <a:lnTo>
                      <a:pt x="451" y="3148"/>
                    </a:lnTo>
                    <a:lnTo>
                      <a:pt x="404" y="3097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69" name="Freeform 227"/>
              <p:cNvSpPr>
                <a:spLocks/>
              </p:cNvSpPr>
              <p:nvPr/>
            </p:nvSpPr>
            <p:spPr bwMode="auto">
              <a:xfrm>
                <a:off x="6745055" y="5438915"/>
                <a:ext cx="162131" cy="339585"/>
              </a:xfrm>
              <a:custGeom>
                <a:avLst/>
                <a:gdLst/>
                <a:ahLst/>
                <a:cxnLst>
                  <a:cxn ang="0">
                    <a:pos x="280" y="479"/>
                  </a:cxn>
                  <a:cxn ang="0">
                    <a:pos x="322" y="419"/>
                  </a:cxn>
                  <a:cxn ang="0">
                    <a:pos x="342" y="379"/>
                  </a:cxn>
                  <a:cxn ang="0">
                    <a:pos x="348" y="329"/>
                  </a:cxn>
                  <a:cxn ang="0">
                    <a:pos x="345" y="263"/>
                  </a:cxn>
                  <a:cxn ang="0">
                    <a:pos x="331" y="166"/>
                  </a:cxn>
                  <a:cxn ang="0">
                    <a:pos x="333" y="110"/>
                  </a:cxn>
                  <a:cxn ang="0">
                    <a:pos x="350" y="57"/>
                  </a:cxn>
                  <a:cxn ang="0">
                    <a:pos x="355" y="11"/>
                  </a:cxn>
                  <a:cxn ang="0">
                    <a:pos x="349" y="0"/>
                  </a:cxn>
                  <a:cxn ang="0">
                    <a:pos x="327" y="10"/>
                  </a:cxn>
                  <a:cxn ang="0">
                    <a:pos x="306" y="45"/>
                  </a:cxn>
                  <a:cxn ang="0">
                    <a:pos x="293" y="76"/>
                  </a:cxn>
                  <a:cxn ang="0">
                    <a:pos x="302" y="103"/>
                  </a:cxn>
                  <a:cxn ang="0">
                    <a:pos x="291" y="116"/>
                  </a:cxn>
                  <a:cxn ang="0">
                    <a:pos x="262" y="114"/>
                  </a:cxn>
                  <a:cxn ang="0">
                    <a:pos x="227" y="105"/>
                  </a:cxn>
                  <a:cxn ang="0">
                    <a:pos x="180" y="110"/>
                  </a:cxn>
                  <a:cxn ang="0">
                    <a:pos x="114" y="140"/>
                  </a:cxn>
                  <a:cxn ang="0">
                    <a:pos x="83" y="167"/>
                  </a:cxn>
                  <a:cxn ang="0">
                    <a:pos x="65" y="210"/>
                  </a:cxn>
                  <a:cxn ang="0">
                    <a:pos x="50" y="225"/>
                  </a:cxn>
                  <a:cxn ang="0">
                    <a:pos x="26" y="242"/>
                  </a:cxn>
                  <a:cxn ang="0">
                    <a:pos x="42" y="259"/>
                  </a:cxn>
                  <a:cxn ang="0">
                    <a:pos x="64" y="276"/>
                  </a:cxn>
                  <a:cxn ang="0">
                    <a:pos x="59" y="285"/>
                  </a:cxn>
                  <a:cxn ang="0">
                    <a:pos x="37" y="291"/>
                  </a:cxn>
                  <a:cxn ang="0">
                    <a:pos x="24" y="303"/>
                  </a:cxn>
                  <a:cxn ang="0">
                    <a:pos x="25" y="335"/>
                  </a:cxn>
                  <a:cxn ang="0">
                    <a:pos x="42" y="360"/>
                  </a:cxn>
                  <a:cxn ang="0">
                    <a:pos x="76" y="375"/>
                  </a:cxn>
                  <a:cxn ang="0">
                    <a:pos x="82" y="391"/>
                  </a:cxn>
                  <a:cxn ang="0">
                    <a:pos x="53" y="405"/>
                  </a:cxn>
                  <a:cxn ang="0">
                    <a:pos x="38" y="421"/>
                  </a:cxn>
                  <a:cxn ang="0">
                    <a:pos x="29" y="445"/>
                  </a:cxn>
                  <a:cxn ang="0">
                    <a:pos x="2" y="484"/>
                  </a:cxn>
                  <a:cxn ang="0">
                    <a:pos x="4" y="498"/>
                  </a:cxn>
                  <a:cxn ang="0">
                    <a:pos x="33" y="505"/>
                  </a:cxn>
                  <a:cxn ang="0">
                    <a:pos x="19" y="532"/>
                  </a:cxn>
                  <a:cxn ang="0">
                    <a:pos x="2" y="568"/>
                  </a:cxn>
                  <a:cxn ang="0">
                    <a:pos x="35" y="571"/>
                  </a:cxn>
                  <a:cxn ang="0">
                    <a:pos x="68" y="572"/>
                  </a:cxn>
                  <a:cxn ang="0">
                    <a:pos x="63" y="589"/>
                  </a:cxn>
                  <a:cxn ang="0">
                    <a:pos x="50" y="606"/>
                  </a:cxn>
                  <a:cxn ang="0">
                    <a:pos x="61" y="629"/>
                  </a:cxn>
                  <a:cxn ang="0">
                    <a:pos x="108" y="659"/>
                  </a:cxn>
                  <a:cxn ang="0">
                    <a:pos x="147" y="684"/>
                  </a:cxn>
                  <a:cxn ang="0">
                    <a:pos x="157" y="715"/>
                  </a:cxn>
                  <a:cxn ang="0">
                    <a:pos x="182" y="734"/>
                  </a:cxn>
                  <a:cxn ang="0">
                    <a:pos x="204" y="748"/>
                  </a:cxn>
                  <a:cxn ang="0">
                    <a:pos x="201" y="710"/>
                  </a:cxn>
                  <a:cxn ang="0">
                    <a:pos x="212" y="681"/>
                  </a:cxn>
                  <a:cxn ang="0">
                    <a:pos x="231" y="654"/>
                  </a:cxn>
                  <a:cxn ang="0">
                    <a:pos x="228" y="636"/>
                  </a:cxn>
                  <a:cxn ang="0">
                    <a:pos x="231" y="618"/>
                  </a:cxn>
                  <a:cxn ang="0">
                    <a:pos x="249" y="603"/>
                  </a:cxn>
                  <a:cxn ang="0">
                    <a:pos x="257" y="555"/>
                  </a:cxn>
                </a:cxnLst>
                <a:rect l="0" t="0" r="r" b="b"/>
                <a:pathLst>
                  <a:path w="355" h="748">
                    <a:moveTo>
                      <a:pt x="269" y="520"/>
                    </a:moveTo>
                    <a:lnTo>
                      <a:pt x="272" y="506"/>
                    </a:lnTo>
                    <a:lnTo>
                      <a:pt x="276" y="493"/>
                    </a:lnTo>
                    <a:lnTo>
                      <a:pt x="280" y="479"/>
                    </a:lnTo>
                    <a:lnTo>
                      <a:pt x="287" y="466"/>
                    </a:lnTo>
                    <a:lnTo>
                      <a:pt x="300" y="447"/>
                    </a:lnTo>
                    <a:lnTo>
                      <a:pt x="314" y="430"/>
                    </a:lnTo>
                    <a:lnTo>
                      <a:pt x="322" y="419"/>
                    </a:lnTo>
                    <a:lnTo>
                      <a:pt x="328" y="409"/>
                    </a:lnTo>
                    <a:lnTo>
                      <a:pt x="333" y="400"/>
                    </a:lnTo>
                    <a:lnTo>
                      <a:pt x="339" y="390"/>
                    </a:lnTo>
                    <a:lnTo>
                      <a:pt x="342" y="379"/>
                    </a:lnTo>
                    <a:lnTo>
                      <a:pt x="345" y="368"/>
                    </a:lnTo>
                    <a:lnTo>
                      <a:pt x="346" y="356"/>
                    </a:lnTo>
                    <a:lnTo>
                      <a:pt x="348" y="343"/>
                    </a:lnTo>
                    <a:lnTo>
                      <a:pt x="348" y="329"/>
                    </a:lnTo>
                    <a:lnTo>
                      <a:pt x="349" y="313"/>
                    </a:lnTo>
                    <a:lnTo>
                      <a:pt x="349" y="296"/>
                    </a:lnTo>
                    <a:lnTo>
                      <a:pt x="346" y="283"/>
                    </a:lnTo>
                    <a:lnTo>
                      <a:pt x="345" y="263"/>
                    </a:lnTo>
                    <a:lnTo>
                      <a:pt x="342" y="241"/>
                    </a:lnTo>
                    <a:lnTo>
                      <a:pt x="337" y="216"/>
                    </a:lnTo>
                    <a:lnTo>
                      <a:pt x="333" y="190"/>
                    </a:lnTo>
                    <a:lnTo>
                      <a:pt x="331" y="166"/>
                    </a:lnTo>
                    <a:lnTo>
                      <a:pt x="329" y="141"/>
                    </a:lnTo>
                    <a:lnTo>
                      <a:pt x="329" y="131"/>
                    </a:lnTo>
                    <a:lnTo>
                      <a:pt x="331" y="120"/>
                    </a:lnTo>
                    <a:lnTo>
                      <a:pt x="333" y="110"/>
                    </a:lnTo>
                    <a:lnTo>
                      <a:pt x="337" y="101"/>
                    </a:lnTo>
                    <a:lnTo>
                      <a:pt x="340" y="92"/>
                    </a:lnTo>
                    <a:lnTo>
                      <a:pt x="345" y="76"/>
                    </a:lnTo>
                    <a:lnTo>
                      <a:pt x="350" y="57"/>
                    </a:lnTo>
                    <a:lnTo>
                      <a:pt x="354" y="37"/>
                    </a:lnTo>
                    <a:lnTo>
                      <a:pt x="355" y="27"/>
                    </a:lnTo>
                    <a:lnTo>
                      <a:pt x="355" y="19"/>
                    </a:lnTo>
                    <a:lnTo>
                      <a:pt x="355" y="11"/>
                    </a:lnTo>
                    <a:lnTo>
                      <a:pt x="354" y="5"/>
                    </a:lnTo>
                    <a:lnTo>
                      <a:pt x="353" y="2"/>
                    </a:lnTo>
                    <a:lnTo>
                      <a:pt x="351" y="1"/>
                    </a:lnTo>
                    <a:lnTo>
                      <a:pt x="349" y="0"/>
                    </a:lnTo>
                    <a:lnTo>
                      <a:pt x="348" y="0"/>
                    </a:lnTo>
                    <a:lnTo>
                      <a:pt x="341" y="0"/>
                    </a:lnTo>
                    <a:lnTo>
                      <a:pt x="335" y="4"/>
                    </a:lnTo>
                    <a:lnTo>
                      <a:pt x="327" y="10"/>
                    </a:lnTo>
                    <a:lnTo>
                      <a:pt x="322" y="17"/>
                    </a:lnTo>
                    <a:lnTo>
                      <a:pt x="316" y="23"/>
                    </a:lnTo>
                    <a:lnTo>
                      <a:pt x="313" y="30"/>
                    </a:lnTo>
                    <a:lnTo>
                      <a:pt x="306" y="45"/>
                    </a:lnTo>
                    <a:lnTo>
                      <a:pt x="297" y="61"/>
                    </a:lnTo>
                    <a:lnTo>
                      <a:pt x="294" y="66"/>
                    </a:lnTo>
                    <a:lnTo>
                      <a:pt x="293" y="71"/>
                    </a:lnTo>
                    <a:lnTo>
                      <a:pt x="293" y="76"/>
                    </a:lnTo>
                    <a:lnTo>
                      <a:pt x="296" y="80"/>
                    </a:lnTo>
                    <a:lnTo>
                      <a:pt x="300" y="89"/>
                    </a:lnTo>
                    <a:lnTo>
                      <a:pt x="302" y="99"/>
                    </a:lnTo>
                    <a:lnTo>
                      <a:pt x="302" y="103"/>
                    </a:lnTo>
                    <a:lnTo>
                      <a:pt x="301" y="107"/>
                    </a:lnTo>
                    <a:lnTo>
                      <a:pt x="298" y="110"/>
                    </a:lnTo>
                    <a:lnTo>
                      <a:pt x="297" y="112"/>
                    </a:lnTo>
                    <a:lnTo>
                      <a:pt x="291" y="116"/>
                    </a:lnTo>
                    <a:lnTo>
                      <a:pt x="284" y="118"/>
                    </a:lnTo>
                    <a:lnTo>
                      <a:pt x="276" y="118"/>
                    </a:lnTo>
                    <a:lnTo>
                      <a:pt x="269" y="116"/>
                    </a:lnTo>
                    <a:lnTo>
                      <a:pt x="262" y="114"/>
                    </a:lnTo>
                    <a:lnTo>
                      <a:pt x="257" y="111"/>
                    </a:lnTo>
                    <a:lnTo>
                      <a:pt x="247" y="107"/>
                    </a:lnTo>
                    <a:lnTo>
                      <a:pt x="237" y="106"/>
                    </a:lnTo>
                    <a:lnTo>
                      <a:pt x="227" y="105"/>
                    </a:lnTo>
                    <a:lnTo>
                      <a:pt x="215" y="105"/>
                    </a:lnTo>
                    <a:lnTo>
                      <a:pt x="204" y="105"/>
                    </a:lnTo>
                    <a:lnTo>
                      <a:pt x="192" y="107"/>
                    </a:lnTo>
                    <a:lnTo>
                      <a:pt x="180" y="110"/>
                    </a:lnTo>
                    <a:lnTo>
                      <a:pt x="169" y="114"/>
                    </a:lnTo>
                    <a:lnTo>
                      <a:pt x="145" y="123"/>
                    </a:lnTo>
                    <a:lnTo>
                      <a:pt x="123" y="133"/>
                    </a:lnTo>
                    <a:lnTo>
                      <a:pt x="114" y="140"/>
                    </a:lnTo>
                    <a:lnTo>
                      <a:pt x="105" y="146"/>
                    </a:lnTo>
                    <a:lnTo>
                      <a:pt x="96" y="153"/>
                    </a:lnTo>
                    <a:lnTo>
                      <a:pt x="90" y="159"/>
                    </a:lnTo>
                    <a:lnTo>
                      <a:pt x="83" y="167"/>
                    </a:lnTo>
                    <a:lnTo>
                      <a:pt x="79" y="177"/>
                    </a:lnTo>
                    <a:lnTo>
                      <a:pt x="74" y="188"/>
                    </a:lnTo>
                    <a:lnTo>
                      <a:pt x="70" y="199"/>
                    </a:lnTo>
                    <a:lnTo>
                      <a:pt x="65" y="210"/>
                    </a:lnTo>
                    <a:lnTo>
                      <a:pt x="60" y="217"/>
                    </a:lnTo>
                    <a:lnTo>
                      <a:pt x="57" y="221"/>
                    </a:lnTo>
                    <a:lnTo>
                      <a:pt x="53" y="224"/>
                    </a:lnTo>
                    <a:lnTo>
                      <a:pt x="50" y="225"/>
                    </a:lnTo>
                    <a:lnTo>
                      <a:pt x="44" y="225"/>
                    </a:lnTo>
                    <a:lnTo>
                      <a:pt x="35" y="232"/>
                    </a:lnTo>
                    <a:lnTo>
                      <a:pt x="28" y="238"/>
                    </a:lnTo>
                    <a:lnTo>
                      <a:pt x="26" y="242"/>
                    </a:lnTo>
                    <a:lnTo>
                      <a:pt x="26" y="246"/>
                    </a:lnTo>
                    <a:lnTo>
                      <a:pt x="28" y="250"/>
                    </a:lnTo>
                    <a:lnTo>
                      <a:pt x="33" y="254"/>
                    </a:lnTo>
                    <a:lnTo>
                      <a:pt x="42" y="259"/>
                    </a:lnTo>
                    <a:lnTo>
                      <a:pt x="52" y="264"/>
                    </a:lnTo>
                    <a:lnTo>
                      <a:pt x="57" y="268"/>
                    </a:lnTo>
                    <a:lnTo>
                      <a:pt x="61" y="272"/>
                    </a:lnTo>
                    <a:lnTo>
                      <a:pt x="64" y="276"/>
                    </a:lnTo>
                    <a:lnTo>
                      <a:pt x="64" y="280"/>
                    </a:lnTo>
                    <a:lnTo>
                      <a:pt x="63" y="282"/>
                    </a:lnTo>
                    <a:lnTo>
                      <a:pt x="61" y="283"/>
                    </a:lnTo>
                    <a:lnTo>
                      <a:pt x="59" y="285"/>
                    </a:lnTo>
                    <a:lnTo>
                      <a:pt x="55" y="286"/>
                    </a:lnTo>
                    <a:lnTo>
                      <a:pt x="48" y="287"/>
                    </a:lnTo>
                    <a:lnTo>
                      <a:pt x="41" y="290"/>
                    </a:lnTo>
                    <a:lnTo>
                      <a:pt x="37" y="291"/>
                    </a:lnTo>
                    <a:lnTo>
                      <a:pt x="33" y="294"/>
                    </a:lnTo>
                    <a:lnTo>
                      <a:pt x="29" y="295"/>
                    </a:lnTo>
                    <a:lnTo>
                      <a:pt x="26" y="299"/>
                    </a:lnTo>
                    <a:lnTo>
                      <a:pt x="24" y="303"/>
                    </a:lnTo>
                    <a:lnTo>
                      <a:pt x="22" y="308"/>
                    </a:lnTo>
                    <a:lnTo>
                      <a:pt x="22" y="313"/>
                    </a:lnTo>
                    <a:lnTo>
                      <a:pt x="22" y="320"/>
                    </a:lnTo>
                    <a:lnTo>
                      <a:pt x="25" y="335"/>
                    </a:lnTo>
                    <a:lnTo>
                      <a:pt x="29" y="347"/>
                    </a:lnTo>
                    <a:lnTo>
                      <a:pt x="33" y="352"/>
                    </a:lnTo>
                    <a:lnTo>
                      <a:pt x="37" y="356"/>
                    </a:lnTo>
                    <a:lnTo>
                      <a:pt x="42" y="360"/>
                    </a:lnTo>
                    <a:lnTo>
                      <a:pt x="50" y="362"/>
                    </a:lnTo>
                    <a:lnTo>
                      <a:pt x="59" y="366"/>
                    </a:lnTo>
                    <a:lnTo>
                      <a:pt x="70" y="372"/>
                    </a:lnTo>
                    <a:lnTo>
                      <a:pt x="76" y="375"/>
                    </a:lnTo>
                    <a:lnTo>
                      <a:pt x="79" y="379"/>
                    </a:lnTo>
                    <a:lnTo>
                      <a:pt x="83" y="383"/>
                    </a:lnTo>
                    <a:lnTo>
                      <a:pt x="83" y="387"/>
                    </a:lnTo>
                    <a:lnTo>
                      <a:pt x="82" y="391"/>
                    </a:lnTo>
                    <a:lnTo>
                      <a:pt x="77" y="394"/>
                    </a:lnTo>
                    <a:lnTo>
                      <a:pt x="69" y="397"/>
                    </a:lnTo>
                    <a:lnTo>
                      <a:pt x="61" y="401"/>
                    </a:lnTo>
                    <a:lnTo>
                      <a:pt x="53" y="405"/>
                    </a:lnTo>
                    <a:lnTo>
                      <a:pt x="46" y="410"/>
                    </a:lnTo>
                    <a:lnTo>
                      <a:pt x="43" y="413"/>
                    </a:lnTo>
                    <a:lnTo>
                      <a:pt x="41" y="417"/>
                    </a:lnTo>
                    <a:lnTo>
                      <a:pt x="38" y="421"/>
                    </a:lnTo>
                    <a:lnTo>
                      <a:pt x="37" y="425"/>
                    </a:lnTo>
                    <a:lnTo>
                      <a:pt x="35" y="432"/>
                    </a:lnTo>
                    <a:lnTo>
                      <a:pt x="31" y="439"/>
                    </a:lnTo>
                    <a:lnTo>
                      <a:pt x="29" y="445"/>
                    </a:lnTo>
                    <a:lnTo>
                      <a:pt x="24" y="451"/>
                    </a:lnTo>
                    <a:lnTo>
                      <a:pt x="15" y="461"/>
                    </a:lnTo>
                    <a:lnTo>
                      <a:pt x="7" y="474"/>
                    </a:lnTo>
                    <a:lnTo>
                      <a:pt x="2" y="484"/>
                    </a:lnTo>
                    <a:lnTo>
                      <a:pt x="0" y="492"/>
                    </a:lnTo>
                    <a:lnTo>
                      <a:pt x="2" y="495"/>
                    </a:lnTo>
                    <a:lnTo>
                      <a:pt x="2" y="496"/>
                    </a:lnTo>
                    <a:lnTo>
                      <a:pt x="4" y="498"/>
                    </a:lnTo>
                    <a:lnTo>
                      <a:pt x="6" y="500"/>
                    </a:lnTo>
                    <a:lnTo>
                      <a:pt x="19" y="501"/>
                    </a:lnTo>
                    <a:lnTo>
                      <a:pt x="33" y="501"/>
                    </a:lnTo>
                    <a:lnTo>
                      <a:pt x="33" y="505"/>
                    </a:lnTo>
                    <a:lnTo>
                      <a:pt x="33" y="509"/>
                    </a:lnTo>
                    <a:lnTo>
                      <a:pt x="30" y="515"/>
                    </a:lnTo>
                    <a:lnTo>
                      <a:pt x="26" y="520"/>
                    </a:lnTo>
                    <a:lnTo>
                      <a:pt x="19" y="532"/>
                    </a:lnTo>
                    <a:lnTo>
                      <a:pt x="11" y="544"/>
                    </a:lnTo>
                    <a:lnTo>
                      <a:pt x="4" y="555"/>
                    </a:lnTo>
                    <a:lnTo>
                      <a:pt x="2" y="565"/>
                    </a:lnTo>
                    <a:lnTo>
                      <a:pt x="2" y="568"/>
                    </a:lnTo>
                    <a:lnTo>
                      <a:pt x="4" y="571"/>
                    </a:lnTo>
                    <a:lnTo>
                      <a:pt x="8" y="572"/>
                    </a:lnTo>
                    <a:lnTo>
                      <a:pt x="15" y="572"/>
                    </a:lnTo>
                    <a:lnTo>
                      <a:pt x="35" y="571"/>
                    </a:lnTo>
                    <a:lnTo>
                      <a:pt x="59" y="570"/>
                    </a:lnTo>
                    <a:lnTo>
                      <a:pt x="63" y="570"/>
                    </a:lnTo>
                    <a:lnTo>
                      <a:pt x="65" y="571"/>
                    </a:lnTo>
                    <a:lnTo>
                      <a:pt x="68" y="572"/>
                    </a:lnTo>
                    <a:lnTo>
                      <a:pt x="69" y="575"/>
                    </a:lnTo>
                    <a:lnTo>
                      <a:pt x="68" y="579"/>
                    </a:lnTo>
                    <a:lnTo>
                      <a:pt x="66" y="584"/>
                    </a:lnTo>
                    <a:lnTo>
                      <a:pt x="63" y="589"/>
                    </a:lnTo>
                    <a:lnTo>
                      <a:pt x="56" y="596"/>
                    </a:lnTo>
                    <a:lnTo>
                      <a:pt x="53" y="600"/>
                    </a:lnTo>
                    <a:lnTo>
                      <a:pt x="51" y="603"/>
                    </a:lnTo>
                    <a:lnTo>
                      <a:pt x="50" y="606"/>
                    </a:lnTo>
                    <a:lnTo>
                      <a:pt x="50" y="610"/>
                    </a:lnTo>
                    <a:lnTo>
                      <a:pt x="51" y="616"/>
                    </a:lnTo>
                    <a:lnTo>
                      <a:pt x="55" y="623"/>
                    </a:lnTo>
                    <a:lnTo>
                      <a:pt x="61" y="629"/>
                    </a:lnTo>
                    <a:lnTo>
                      <a:pt x="68" y="636"/>
                    </a:lnTo>
                    <a:lnTo>
                      <a:pt x="77" y="642"/>
                    </a:lnTo>
                    <a:lnTo>
                      <a:pt x="87" y="649"/>
                    </a:lnTo>
                    <a:lnTo>
                      <a:pt x="108" y="659"/>
                    </a:lnTo>
                    <a:lnTo>
                      <a:pt x="127" y="671"/>
                    </a:lnTo>
                    <a:lnTo>
                      <a:pt x="135" y="675"/>
                    </a:lnTo>
                    <a:lnTo>
                      <a:pt x="143" y="680"/>
                    </a:lnTo>
                    <a:lnTo>
                      <a:pt x="147" y="684"/>
                    </a:lnTo>
                    <a:lnTo>
                      <a:pt x="151" y="688"/>
                    </a:lnTo>
                    <a:lnTo>
                      <a:pt x="153" y="701"/>
                    </a:lnTo>
                    <a:lnTo>
                      <a:pt x="156" y="711"/>
                    </a:lnTo>
                    <a:lnTo>
                      <a:pt x="157" y="715"/>
                    </a:lnTo>
                    <a:lnTo>
                      <a:pt x="160" y="720"/>
                    </a:lnTo>
                    <a:lnTo>
                      <a:pt x="164" y="724"/>
                    </a:lnTo>
                    <a:lnTo>
                      <a:pt x="171" y="726"/>
                    </a:lnTo>
                    <a:lnTo>
                      <a:pt x="182" y="734"/>
                    </a:lnTo>
                    <a:lnTo>
                      <a:pt x="190" y="742"/>
                    </a:lnTo>
                    <a:lnTo>
                      <a:pt x="193" y="746"/>
                    </a:lnTo>
                    <a:lnTo>
                      <a:pt x="197" y="748"/>
                    </a:lnTo>
                    <a:lnTo>
                      <a:pt x="204" y="748"/>
                    </a:lnTo>
                    <a:lnTo>
                      <a:pt x="212" y="747"/>
                    </a:lnTo>
                    <a:lnTo>
                      <a:pt x="208" y="733"/>
                    </a:lnTo>
                    <a:lnTo>
                      <a:pt x="204" y="717"/>
                    </a:lnTo>
                    <a:lnTo>
                      <a:pt x="201" y="710"/>
                    </a:lnTo>
                    <a:lnTo>
                      <a:pt x="201" y="702"/>
                    </a:lnTo>
                    <a:lnTo>
                      <a:pt x="201" y="695"/>
                    </a:lnTo>
                    <a:lnTo>
                      <a:pt x="205" y="689"/>
                    </a:lnTo>
                    <a:lnTo>
                      <a:pt x="212" y="681"/>
                    </a:lnTo>
                    <a:lnTo>
                      <a:pt x="218" y="675"/>
                    </a:lnTo>
                    <a:lnTo>
                      <a:pt x="225" y="668"/>
                    </a:lnTo>
                    <a:lnTo>
                      <a:pt x="230" y="659"/>
                    </a:lnTo>
                    <a:lnTo>
                      <a:pt x="231" y="654"/>
                    </a:lnTo>
                    <a:lnTo>
                      <a:pt x="232" y="650"/>
                    </a:lnTo>
                    <a:lnTo>
                      <a:pt x="232" y="646"/>
                    </a:lnTo>
                    <a:lnTo>
                      <a:pt x="231" y="642"/>
                    </a:lnTo>
                    <a:lnTo>
                      <a:pt x="228" y="636"/>
                    </a:lnTo>
                    <a:lnTo>
                      <a:pt x="227" y="631"/>
                    </a:lnTo>
                    <a:lnTo>
                      <a:pt x="226" y="627"/>
                    </a:lnTo>
                    <a:lnTo>
                      <a:pt x="226" y="623"/>
                    </a:lnTo>
                    <a:lnTo>
                      <a:pt x="231" y="618"/>
                    </a:lnTo>
                    <a:lnTo>
                      <a:pt x="241" y="611"/>
                    </a:lnTo>
                    <a:lnTo>
                      <a:pt x="244" y="610"/>
                    </a:lnTo>
                    <a:lnTo>
                      <a:pt x="247" y="607"/>
                    </a:lnTo>
                    <a:lnTo>
                      <a:pt x="249" y="603"/>
                    </a:lnTo>
                    <a:lnTo>
                      <a:pt x="250" y="600"/>
                    </a:lnTo>
                    <a:lnTo>
                      <a:pt x="253" y="589"/>
                    </a:lnTo>
                    <a:lnTo>
                      <a:pt x="256" y="577"/>
                    </a:lnTo>
                    <a:lnTo>
                      <a:pt x="257" y="555"/>
                    </a:lnTo>
                    <a:lnTo>
                      <a:pt x="258" y="539"/>
                    </a:lnTo>
                    <a:lnTo>
                      <a:pt x="269" y="520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70" name="Freeform 229"/>
              <p:cNvSpPr>
                <a:spLocks/>
              </p:cNvSpPr>
              <p:nvPr/>
            </p:nvSpPr>
            <p:spPr bwMode="auto">
              <a:xfrm>
                <a:off x="5415221" y="4456285"/>
                <a:ext cx="21860" cy="54189"/>
              </a:xfrm>
              <a:custGeom>
                <a:avLst/>
                <a:gdLst/>
                <a:ahLst/>
                <a:cxnLst>
                  <a:cxn ang="0">
                    <a:pos x="21" y="88"/>
                  </a:cxn>
                  <a:cxn ang="0">
                    <a:pos x="17" y="80"/>
                  </a:cxn>
                  <a:cxn ang="0">
                    <a:pos x="14" y="69"/>
                  </a:cxn>
                  <a:cxn ang="0">
                    <a:pos x="10" y="57"/>
                  </a:cxn>
                  <a:cxn ang="0">
                    <a:pos x="8" y="48"/>
                  </a:cxn>
                  <a:cxn ang="0">
                    <a:pos x="4" y="36"/>
                  </a:cxn>
                  <a:cxn ang="0">
                    <a:pos x="1" y="25"/>
                  </a:cxn>
                  <a:cxn ang="0">
                    <a:pos x="0" y="13"/>
                  </a:cxn>
                  <a:cxn ang="0">
                    <a:pos x="1" y="1"/>
                  </a:cxn>
                  <a:cxn ang="0">
                    <a:pos x="4" y="0"/>
                  </a:cxn>
                  <a:cxn ang="0">
                    <a:pos x="8" y="1"/>
                  </a:cxn>
                  <a:cxn ang="0">
                    <a:pos x="12" y="3"/>
                  </a:cxn>
                  <a:cxn ang="0">
                    <a:pos x="16" y="7"/>
                  </a:cxn>
                  <a:cxn ang="0">
                    <a:pos x="22" y="13"/>
                  </a:cxn>
                  <a:cxn ang="0">
                    <a:pos x="26" y="20"/>
                  </a:cxn>
                  <a:cxn ang="0">
                    <a:pos x="35" y="34"/>
                  </a:cxn>
                  <a:cxn ang="0">
                    <a:pos x="41" y="47"/>
                  </a:cxn>
                  <a:cxn ang="0">
                    <a:pos x="44" y="53"/>
                  </a:cxn>
                  <a:cxn ang="0">
                    <a:pos x="45" y="60"/>
                  </a:cxn>
                  <a:cxn ang="0">
                    <a:pos x="47" y="68"/>
                  </a:cxn>
                  <a:cxn ang="0">
                    <a:pos x="47" y="77"/>
                  </a:cxn>
                  <a:cxn ang="0">
                    <a:pos x="47" y="88"/>
                  </a:cxn>
                  <a:cxn ang="0">
                    <a:pos x="48" y="100"/>
                  </a:cxn>
                  <a:cxn ang="0">
                    <a:pos x="48" y="105"/>
                  </a:cxn>
                  <a:cxn ang="0">
                    <a:pos x="49" y="110"/>
                  </a:cxn>
                  <a:cxn ang="0">
                    <a:pos x="49" y="114"/>
                  </a:cxn>
                  <a:cxn ang="0">
                    <a:pos x="48" y="119"/>
                  </a:cxn>
                  <a:cxn ang="0">
                    <a:pos x="44" y="119"/>
                  </a:cxn>
                  <a:cxn ang="0">
                    <a:pos x="41" y="118"/>
                  </a:cxn>
                  <a:cxn ang="0">
                    <a:pos x="38" y="117"/>
                  </a:cxn>
                  <a:cxn ang="0">
                    <a:pos x="35" y="114"/>
                  </a:cxn>
                  <a:cxn ang="0">
                    <a:pos x="31" y="109"/>
                  </a:cxn>
                  <a:cxn ang="0">
                    <a:pos x="29" y="101"/>
                  </a:cxn>
                  <a:cxn ang="0">
                    <a:pos x="21" y="88"/>
                  </a:cxn>
                </a:cxnLst>
                <a:rect l="0" t="0" r="r" b="b"/>
                <a:pathLst>
                  <a:path w="49" h="119">
                    <a:moveTo>
                      <a:pt x="21" y="88"/>
                    </a:moveTo>
                    <a:lnTo>
                      <a:pt x="17" y="80"/>
                    </a:lnTo>
                    <a:lnTo>
                      <a:pt x="14" y="69"/>
                    </a:lnTo>
                    <a:lnTo>
                      <a:pt x="10" y="57"/>
                    </a:lnTo>
                    <a:lnTo>
                      <a:pt x="8" y="48"/>
                    </a:lnTo>
                    <a:lnTo>
                      <a:pt x="4" y="36"/>
                    </a:lnTo>
                    <a:lnTo>
                      <a:pt x="1" y="25"/>
                    </a:lnTo>
                    <a:lnTo>
                      <a:pt x="0" y="13"/>
                    </a:lnTo>
                    <a:lnTo>
                      <a:pt x="1" y="1"/>
                    </a:lnTo>
                    <a:lnTo>
                      <a:pt x="4" y="0"/>
                    </a:lnTo>
                    <a:lnTo>
                      <a:pt x="8" y="1"/>
                    </a:lnTo>
                    <a:lnTo>
                      <a:pt x="12" y="3"/>
                    </a:lnTo>
                    <a:lnTo>
                      <a:pt x="16" y="7"/>
                    </a:lnTo>
                    <a:lnTo>
                      <a:pt x="22" y="13"/>
                    </a:lnTo>
                    <a:lnTo>
                      <a:pt x="26" y="20"/>
                    </a:lnTo>
                    <a:lnTo>
                      <a:pt x="35" y="34"/>
                    </a:lnTo>
                    <a:lnTo>
                      <a:pt x="41" y="47"/>
                    </a:lnTo>
                    <a:lnTo>
                      <a:pt x="44" y="53"/>
                    </a:lnTo>
                    <a:lnTo>
                      <a:pt x="45" y="60"/>
                    </a:lnTo>
                    <a:lnTo>
                      <a:pt x="47" y="68"/>
                    </a:lnTo>
                    <a:lnTo>
                      <a:pt x="47" y="77"/>
                    </a:lnTo>
                    <a:lnTo>
                      <a:pt x="47" y="88"/>
                    </a:lnTo>
                    <a:lnTo>
                      <a:pt x="48" y="100"/>
                    </a:lnTo>
                    <a:lnTo>
                      <a:pt x="48" y="105"/>
                    </a:lnTo>
                    <a:lnTo>
                      <a:pt x="49" y="110"/>
                    </a:lnTo>
                    <a:lnTo>
                      <a:pt x="49" y="114"/>
                    </a:lnTo>
                    <a:lnTo>
                      <a:pt x="48" y="119"/>
                    </a:lnTo>
                    <a:lnTo>
                      <a:pt x="44" y="119"/>
                    </a:lnTo>
                    <a:lnTo>
                      <a:pt x="41" y="118"/>
                    </a:lnTo>
                    <a:lnTo>
                      <a:pt x="38" y="117"/>
                    </a:lnTo>
                    <a:lnTo>
                      <a:pt x="35" y="114"/>
                    </a:lnTo>
                    <a:lnTo>
                      <a:pt x="31" y="109"/>
                    </a:lnTo>
                    <a:lnTo>
                      <a:pt x="29" y="101"/>
                    </a:lnTo>
                    <a:lnTo>
                      <a:pt x="21" y="8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71" name="Freeform 230"/>
              <p:cNvSpPr>
                <a:spLocks/>
              </p:cNvSpPr>
              <p:nvPr/>
            </p:nvSpPr>
            <p:spPr bwMode="auto">
              <a:xfrm>
                <a:off x="5409755" y="4411127"/>
                <a:ext cx="40077" cy="23483"/>
              </a:xfrm>
              <a:custGeom>
                <a:avLst/>
                <a:gdLst/>
                <a:ahLst/>
                <a:cxnLst>
                  <a:cxn ang="0">
                    <a:pos x="48" y="38"/>
                  </a:cxn>
                  <a:cxn ang="0">
                    <a:pos x="40" y="38"/>
                  </a:cxn>
                  <a:cxn ang="0">
                    <a:pos x="34" y="37"/>
                  </a:cxn>
                  <a:cxn ang="0">
                    <a:pos x="27" y="34"/>
                  </a:cxn>
                  <a:cxn ang="0">
                    <a:pos x="21" y="30"/>
                  </a:cxn>
                  <a:cxn ang="0">
                    <a:pos x="14" y="26"/>
                  </a:cxn>
                  <a:cxn ang="0">
                    <a:pos x="9" y="22"/>
                  </a:cxn>
                  <a:cxn ang="0">
                    <a:pos x="5" y="17"/>
                  </a:cxn>
                  <a:cxn ang="0">
                    <a:pos x="1" y="11"/>
                  </a:cxn>
                  <a:cxn ang="0">
                    <a:pos x="0" y="4"/>
                  </a:cxn>
                  <a:cxn ang="0">
                    <a:pos x="0" y="2"/>
                  </a:cxn>
                  <a:cxn ang="0">
                    <a:pos x="1" y="0"/>
                  </a:cxn>
                  <a:cxn ang="0">
                    <a:pos x="5" y="0"/>
                  </a:cxn>
                  <a:cxn ang="0">
                    <a:pos x="13" y="3"/>
                  </a:cxn>
                  <a:cxn ang="0">
                    <a:pos x="21" y="4"/>
                  </a:cxn>
                  <a:cxn ang="0">
                    <a:pos x="38" y="6"/>
                  </a:cxn>
                  <a:cxn ang="0">
                    <a:pos x="53" y="9"/>
                  </a:cxn>
                  <a:cxn ang="0">
                    <a:pos x="58" y="15"/>
                  </a:cxn>
                  <a:cxn ang="0">
                    <a:pos x="62" y="21"/>
                  </a:cxn>
                  <a:cxn ang="0">
                    <a:pos x="74" y="34"/>
                  </a:cxn>
                  <a:cxn ang="0">
                    <a:pos x="85" y="44"/>
                  </a:cxn>
                  <a:cxn ang="0">
                    <a:pos x="87" y="47"/>
                  </a:cxn>
                  <a:cxn ang="0">
                    <a:pos x="87" y="48"/>
                  </a:cxn>
                  <a:cxn ang="0">
                    <a:pos x="87" y="50"/>
                  </a:cxn>
                  <a:cxn ang="0">
                    <a:pos x="84" y="51"/>
                  </a:cxn>
                  <a:cxn ang="0">
                    <a:pos x="73" y="50"/>
                  </a:cxn>
                  <a:cxn ang="0">
                    <a:pos x="61" y="47"/>
                  </a:cxn>
                  <a:cxn ang="0">
                    <a:pos x="48" y="38"/>
                  </a:cxn>
                </a:cxnLst>
                <a:rect l="0" t="0" r="r" b="b"/>
                <a:pathLst>
                  <a:path w="87" h="51">
                    <a:moveTo>
                      <a:pt x="48" y="38"/>
                    </a:moveTo>
                    <a:lnTo>
                      <a:pt x="40" y="38"/>
                    </a:lnTo>
                    <a:lnTo>
                      <a:pt x="34" y="37"/>
                    </a:lnTo>
                    <a:lnTo>
                      <a:pt x="27" y="34"/>
                    </a:lnTo>
                    <a:lnTo>
                      <a:pt x="21" y="30"/>
                    </a:lnTo>
                    <a:lnTo>
                      <a:pt x="14" y="26"/>
                    </a:lnTo>
                    <a:lnTo>
                      <a:pt x="9" y="22"/>
                    </a:lnTo>
                    <a:lnTo>
                      <a:pt x="5" y="17"/>
                    </a:lnTo>
                    <a:lnTo>
                      <a:pt x="1" y="11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5" y="0"/>
                    </a:lnTo>
                    <a:lnTo>
                      <a:pt x="13" y="3"/>
                    </a:lnTo>
                    <a:lnTo>
                      <a:pt x="21" y="4"/>
                    </a:lnTo>
                    <a:lnTo>
                      <a:pt x="38" y="6"/>
                    </a:lnTo>
                    <a:lnTo>
                      <a:pt x="53" y="9"/>
                    </a:lnTo>
                    <a:lnTo>
                      <a:pt x="58" y="15"/>
                    </a:lnTo>
                    <a:lnTo>
                      <a:pt x="62" y="21"/>
                    </a:lnTo>
                    <a:lnTo>
                      <a:pt x="74" y="34"/>
                    </a:lnTo>
                    <a:lnTo>
                      <a:pt x="85" y="44"/>
                    </a:lnTo>
                    <a:lnTo>
                      <a:pt x="87" y="47"/>
                    </a:lnTo>
                    <a:lnTo>
                      <a:pt x="87" y="48"/>
                    </a:lnTo>
                    <a:lnTo>
                      <a:pt x="87" y="50"/>
                    </a:lnTo>
                    <a:lnTo>
                      <a:pt x="84" y="51"/>
                    </a:lnTo>
                    <a:lnTo>
                      <a:pt x="73" y="50"/>
                    </a:lnTo>
                    <a:lnTo>
                      <a:pt x="61" y="47"/>
                    </a:lnTo>
                    <a:lnTo>
                      <a:pt x="48" y="3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72" name="Freeform 231"/>
              <p:cNvSpPr>
                <a:spLocks/>
              </p:cNvSpPr>
              <p:nvPr/>
            </p:nvSpPr>
            <p:spPr bwMode="auto">
              <a:xfrm>
                <a:off x="5078208" y="3582034"/>
                <a:ext cx="1828977" cy="1793661"/>
              </a:xfrm>
              <a:custGeom>
                <a:avLst/>
                <a:gdLst/>
                <a:ahLst/>
                <a:cxnLst>
                  <a:cxn ang="0">
                    <a:pos x="621" y="2679"/>
                  </a:cxn>
                  <a:cxn ang="0">
                    <a:pos x="651" y="2569"/>
                  </a:cxn>
                  <a:cxn ang="0">
                    <a:pos x="829" y="2253"/>
                  </a:cxn>
                  <a:cxn ang="0">
                    <a:pos x="840" y="2182"/>
                  </a:cxn>
                  <a:cxn ang="0">
                    <a:pos x="835" y="1995"/>
                  </a:cxn>
                  <a:cxn ang="0">
                    <a:pos x="712" y="1739"/>
                  </a:cxn>
                  <a:cxn ang="0">
                    <a:pos x="670" y="1403"/>
                  </a:cxn>
                  <a:cxn ang="0">
                    <a:pos x="582" y="1328"/>
                  </a:cxn>
                  <a:cxn ang="0">
                    <a:pos x="531" y="1177"/>
                  </a:cxn>
                  <a:cxn ang="0">
                    <a:pos x="454" y="1120"/>
                  </a:cxn>
                  <a:cxn ang="0">
                    <a:pos x="394" y="1014"/>
                  </a:cxn>
                  <a:cxn ang="0">
                    <a:pos x="237" y="907"/>
                  </a:cxn>
                  <a:cxn ang="0">
                    <a:pos x="107" y="871"/>
                  </a:cxn>
                  <a:cxn ang="0">
                    <a:pos x="8" y="743"/>
                  </a:cxn>
                  <a:cxn ang="0">
                    <a:pos x="116" y="647"/>
                  </a:cxn>
                  <a:cxn ang="0">
                    <a:pos x="175" y="626"/>
                  </a:cxn>
                  <a:cxn ang="0">
                    <a:pos x="184" y="503"/>
                  </a:cxn>
                  <a:cxn ang="0">
                    <a:pos x="372" y="578"/>
                  </a:cxn>
                  <a:cxn ang="0">
                    <a:pos x="494" y="503"/>
                  </a:cxn>
                  <a:cxn ang="0">
                    <a:pos x="647" y="622"/>
                  </a:cxn>
                  <a:cxn ang="0">
                    <a:pos x="811" y="690"/>
                  </a:cxn>
                  <a:cxn ang="0">
                    <a:pos x="898" y="798"/>
                  </a:cxn>
                  <a:cxn ang="0">
                    <a:pos x="989" y="802"/>
                  </a:cxn>
                  <a:cxn ang="0">
                    <a:pos x="1068" y="565"/>
                  </a:cxn>
                  <a:cxn ang="0">
                    <a:pos x="1016" y="276"/>
                  </a:cxn>
                  <a:cxn ang="0">
                    <a:pos x="1256" y="367"/>
                  </a:cxn>
                  <a:cxn ang="0">
                    <a:pos x="1285" y="515"/>
                  </a:cxn>
                  <a:cxn ang="0">
                    <a:pos x="1789" y="613"/>
                  </a:cxn>
                  <a:cxn ang="0">
                    <a:pos x="1751" y="442"/>
                  </a:cxn>
                  <a:cxn ang="0">
                    <a:pos x="2147" y="284"/>
                  </a:cxn>
                  <a:cxn ang="0">
                    <a:pos x="2486" y="12"/>
                  </a:cxn>
                  <a:cxn ang="0">
                    <a:pos x="2628" y="161"/>
                  </a:cxn>
                  <a:cxn ang="0">
                    <a:pos x="2735" y="357"/>
                  </a:cxn>
                  <a:cxn ang="0">
                    <a:pos x="2896" y="634"/>
                  </a:cxn>
                  <a:cxn ang="0">
                    <a:pos x="3071" y="714"/>
                  </a:cxn>
                  <a:cxn ang="0">
                    <a:pos x="3357" y="934"/>
                  </a:cxn>
                  <a:cxn ang="0">
                    <a:pos x="3703" y="1108"/>
                  </a:cxn>
                  <a:cxn ang="0">
                    <a:pos x="3888" y="1457"/>
                  </a:cxn>
                  <a:cxn ang="0">
                    <a:pos x="3727" y="1887"/>
                  </a:cxn>
                  <a:cxn ang="0">
                    <a:pos x="3445" y="1976"/>
                  </a:cxn>
                  <a:cxn ang="0">
                    <a:pos x="3378" y="2106"/>
                  </a:cxn>
                  <a:cxn ang="0">
                    <a:pos x="3064" y="2410"/>
                  </a:cxn>
                  <a:cxn ang="0">
                    <a:pos x="3189" y="2432"/>
                  </a:cxn>
                  <a:cxn ang="0">
                    <a:pos x="3358" y="2555"/>
                  </a:cxn>
                  <a:cxn ang="0">
                    <a:pos x="3353" y="2793"/>
                  </a:cxn>
                  <a:cxn ang="0">
                    <a:pos x="3256" y="2979"/>
                  </a:cxn>
                  <a:cxn ang="0">
                    <a:pos x="3262" y="3220"/>
                  </a:cxn>
                  <a:cxn ang="0">
                    <a:pos x="3410" y="3494"/>
                  </a:cxn>
                  <a:cxn ang="0">
                    <a:pos x="3331" y="3664"/>
                  </a:cxn>
                  <a:cxn ang="0">
                    <a:pos x="3064" y="3871"/>
                  </a:cxn>
                  <a:cxn ang="0">
                    <a:pos x="2676" y="3801"/>
                  </a:cxn>
                  <a:cxn ang="0">
                    <a:pos x="2532" y="3669"/>
                  </a:cxn>
                  <a:cxn ang="0">
                    <a:pos x="2313" y="3610"/>
                  </a:cxn>
                  <a:cxn ang="0">
                    <a:pos x="2024" y="3622"/>
                  </a:cxn>
                  <a:cxn ang="0">
                    <a:pos x="1872" y="3791"/>
                  </a:cxn>
                  <a:cxn ang="0">
                    <a:pos x="1635" y="3937"/>
                  </a:cxn>
                  <a:cxn ang="0">
                    <a:pos x="1380" y="3739"/>
                  </a:cxn>
                  <a:cxn ang="0">
                    <a:pos x="1105" y="3576"/>
                  </a:cxn>
                  <a:cxn ang="0">
                    <a:pos x="916" y="3584"/>
                  </a:cxn>
                  <a:cxn ang="0">
                    <a:pos x="633" y="3454"/>
                  </a:cxn>
                  <a:cxn ang="0">
                    <a:pos x="482" y="3240"/>
                  </a:cxn>
                </a:cxnLst>
                <a:rect l="0" t="0" r="r" b="b"/>
                <a:pathLst>
                  <a:path w="4019" h="3975">
                    <a:moveTo>
                      <a:pt x="324" y="3097"/>
                    </a:moveTo>
                    <a:lnTo>
                      <a:pt x="336" y="3103"/>
                    </a:lnTo>
                    <a:lnTo>
                      <a:pt x="346" y="3107"/>
                    </a:lnTo>
                    <a:lnTo>
                      <a:pt x="357" y="3108"/>
                    </a:lnTo>
                    <a:lnTo>
                      <a:pt x="367" y="3108"/>
                    </a:lnTo>
                    <a:lnTo>
                      <a:pt x="377" y="3107"/>
                    </a:lnTo>
                    <a:lnTo>
                      <a:pt x="388" y="3104"/>
                    </a:lnTo>
                    <a:lnTo>
                      <a:pt x="398" y="3100"/>
                    </a:lnTo>
                    <a:lnTo>
                      <a:pt x="407" y="3095"/>
                    </a:lnTo>
                    <a:lnTo>
                      <a:pt x="417" y="3087"/>
                    </a:lnTo>
                    <a:lnTo>
                      <a:pt x="427" y="3080"/>
                    </a:lnTo>
                    <a:lnTo>
                      <a:pt x="436" y="3071"/>
                    </a:lnTo>
                    <a:lnTo>
                      <a:pt x="445" y="3062"/>
                    </a:lnTo>
                    <a:lnTo>
                      <a:pt x="463" y="3040"/>
                    </a:lnTo>
                    <a:lnTo>
                      <a:pt x="478" y="3015"/>
                    </a:lnTo>
                    <a:lnTo>
                      <a:pt x="495" y="2989"/>
                    </a:lnTo>
                    <a:lnTo>
                      <a:pt x="509" y="2962"/>
                    </a:lnTo>
                    <a:lnTo>
                      <a:pt x="524" y="2935"/>
                    </a:lnTo>
                    <a:lnTo>
                      <a:pt x="535" y="2909"/>
                    </a:lnTo>
                    <a:lnTo>
                      <a:pt x="557" y="2862"/>
                    </a:lnTo>
                    <a:lnTo>
                      <a:pt x="574" y="2828"/>
                    </a:lnTo>
                    <a:lnTo>
                      <a:pt x="583" y="2804"/>
                    </a:lnTo>
                    <a:lnTo>
                      <a:pt x="591" y="2779"/>
                    </a:lnTo>
                    <a:lnTo>
                      <a:pt x="599" y="2755"/>
                    </a:lnTo>
                    <a:lnTo>
                      <a:pt x="605" y="2730"/>
                    </a:lnTo>
                    <a:lnTo>
                      <a:pt x="613" y="2704"/>
                    </a:lnTo>
                    <a:lnTo>
                      <a:pt x="621" y="2679"/>
                    </a:lnTo>
                    <a:lnTo>
                      <a:pt x="629" y="2656"/>
                    </a:lnTo>
                    <a:lnTo>
                      <a:pt x="638" y="2631"/>
                    </a:lnTo>
                    <a:lnTo>
                      <a:pt x="642" y="2626"/>
                    </a:lnTo>
                    <a:lnTo>
                      <a:pt x="645" y="2621"/>
                    </a:lnTo>
                    <a:lnTo>
                      <a:pt x="649" y="2617"/>
                    </a:lnTo>
                    <a:lnTo>
                      <a:pt x="653" y="2613"/>
                    </a:lnTo>
                    <a:lnTo>
                      <a:pt x="664" y="2609"/>
                    </a:lnTo>
                    <a:lnTo>
                      <a:pt x="673" y="2606"/>
                    </a:lnTo>
                    <a:lnTo>
                      <a:pt x="682" y="2602"/>
                    </a:lnTo>
                    <a:lnTo>
                      <a:pt x="687" y="2597"/>
                    </a:lnTo>
                    <a:lnTo>
                      <a:pt x="690" y="2593"/>
                    </a:lnTo>
                    <a:lnTo>
                      <a:pt x="691" y="2589"/>
                    </a:lnTo>
                    <a:lnTo>
                      <a:pt x="691" y="2585"/>
                    </a:lnTo>
                    <a:lnTo>
                      <a:pt x="690" y="2580"/>
                    </a:lnTo>
                    <a:lnTo>
                      <a:pt x="687" y="2571"/>
                    </a:lnTo>
                    <a:lnTo>
                      <a:pt x="684" y="2565"/>
                    </a:lnTo>
                    <a:lnTo>
                      <a:pt x="680" y="2563"/>
                    </a:lnTo>
                    <a:lnTo>
                      <a:pt x="678" y="2563"/>
                    </a:lnTo>
                    <a:lnTo>
                      <a:pt x="673" y="2564"/>
                    </a:lnTo>
                    <a:lnTo>
                      <a:pt x="667" y="2568"/>
                    </a:lnTo>
                    <a:lnTo>
                      <a:pt x="662" y="2574"/>
                    </a:lnTo>
                    <a:lnTo>
                      <a:pt x="656" y="2584"/>
                    </a:lnTo>
                    <a:lnTo>
                      <a:pt x="653" y="2586"/>
                    </a:lnTo>
                    <a:lnTo>
                      <a:pt x="651" y="2586"/>
                    </a:lnTo>
                    <a:lnTo>
                      <a:pt x="649" y="2585"/>
                    </a:lnTo>
                    <a:lnTo>
                      <a:pt x="649" y="2581"/>
                    </a:lnTo>
                    <a:lnTo>
                      <a:pt x="651" y="2569"/>
                    </a:lnTo>
                    <a:lnTo>
                      <a:pt x="655" y="2555"/>
                    </a:lnTo>
                    <a:lnTo>
                      <a:pt x="662" y="2521"/>
                    </a:lnTo>
                    <a:lnTo>
                      <a:pt x="670" y="2501"/>
                    </a:lnTo>
                    <a:lnTo>
                      <a:pt x="682" y="2475"/>
                    </a:lnTo>
                    <a:lnTo>
                      <a:pt x="692" y="2448"/>
                    </a:lnTo>
                    <a:lnTo>
                      <a:pt x="702" y="2420"/>
                    </a:lnTo>
                    <a:lnTo>
                      <a:pt x="712" y="2394"/>
                    </a:lnTo>
                    <a:lnTo>
                      <a:pt x="721" y="2367"/>
                    </a:lnTo>
                    <a:lnTo>
                      <a:pt x="730" y="2340"/>
                    </a:lnTo>
                    <a:lnTo>
                      <a:pt x="737" y="2312"/>
                    </a:lnTo>
                    <a:lnTo>
                      <a:pt x="745" y="2284"/>
                    </a:lnTo>
                    <a:lnTo>
                      <a:pt x="747" y="2264"/>
                    </a:lnTo>
                    <a:lnTo>
                      <a:pt x="748" y="2238"/>
                    </a:lnTo>
                    <a:lnTo>
                      <a:pt x="748" y="2226"/>
                    </a:lnTo>
                    <a:lnTo>
                      <a:pt x="750" y="2216"/>
                    </a:lnTo>
                    <a:lnTo>
                      <a:pt x="752" y="2212"/>
                    </a:lnTo>
                    <a:lnTo>
                      <a:pt x="754" y="2209"/>
                    </a:lnTo>
                    <a:lnTo>
                      <a:pt x="757" y="2208"/>
                    </a:lnTo>
                    <a:lnTo>
                      <a:pt x="761" y="2207"/>
                    </a:lnTo>
                    <a:lnTo>
                      <a:pt x="774" y="2208"/>
                    </a:lnTo>
                    <a:lnTo>
                      <a:pt x="784" y="2209"/>
                    </a:lnTo>
                    <a:lnTo>
                      <a:pt x="794" y="2213"/>
                    </a:lnTo>
                    <a:lnTo>
                      <a:pt x="802" y="2218"/>
                    </a:lnTo>
                    <a:lnTo>
                      <a:pt x="810" y="2225"/>
                    </a:lnTo>
                    <a:lnTo>
                      <a:pt x="818" y="2232"/>
                    </a:lnTo>
                    <a:lnTo>
                      <a:pt x="824" y="2242"/>
                    </a:lnTo>
                    <a:lnTo>
                      <a:pt x="829" y="2253"/>
                    </a:lnTo>
                    <a:lnTo>
                      <a:pt x="836" y="2270"/>
                    </a:lnTo>
                    <a:lnTo>
                      <a:pt x="842" y="2288"/>
                    </a:lnTo>
                    <a:lnTo>
                      <a:pt x="848" y="2306"/>
                    </a:lnTo>
                    <a:lnTo>
                      <a:pt x="851" y="2324"/>
                    </a:lnTo>
                    <a:lnTo>
                      <a:pt x="858" y="2361"/>
                    </a:lnTo>
                    <a:lnTo>
                      <a:pt x="862" y="2398"/>
                    </a:lnTo>
                    <a:lnTo>
                      <a:pt x="866" y="2435"/>
                    </a:lnTo>
                    <a:lnTo>
                      <a:pt x="870" y="2472"/>
                    </a:lnTo>
                    <a:lnTo>
                      <a:pt x="875" y="2508"/>
                    </a:lnTo>
                    <a:lnTo>
                      <a:pt x="883" y="2545"/>
                    </a:lnTo>
                    <a:lnTo>
                      <a:pt x="886" y="2542"/>
                    </a:lnTo>
                    <a:lnTo>
                      <a:pt x="889" y="2537"/>
                    </a:lnTo>
                    <a:lnTo>
                      <a:pt x="892" y="2532"/>
                    </a:lnTo>
                    <a:lnTo>
                      <a:pt x="894" y="2525"/>
                    </a:lnTo>
                    <a:lnTo>
                      <a:pt x="898" y="2510"/>
                    </a:lnTo>
                    <a:lnTo>
                      <a:pt x="899" y="2490"/>
                    </a:lnTo>
                    <a:lnTo>
                      <a:pt x="899" y="2470"/>
                    </a:lnTo>
                    <a:lnTo>
                      <a:pt x="898" y="2448"/>
                    </a:lnTo>
                    <a:lnTo>
                      <a:pt x="897" y="2424"/>
                    </a:lnTo>
                    <a:lnTo>
                      <a:pt x="893" y="2400"/>
                    </a:lnTo>
                    <a:lnTo>
                      <a:pt x="886" y="2350"/>
                    </a:lnTo>
                    <a:lnTo>
                      <a:pt x="877" y="2305"/>
                    </a:lnTo>
                    <a:lnTo>
                      <a:pt x="868" y="2267"/>
                    </a:lnTo>
                    <a:lnTo>
                      <a:pt x="862" y="2243"/>
                    </a:lnTo>
                    <a:lnTo>
                      <a:pt x="846" y="2195"/>
                    </a:lnTo>
                    <a:lnTo>
                      <a:pt x="844" y="2188"/>
                    </a:lnTo>
                    <a:lnTo>
                      <a:pt x="840" y="2182"/>
                    </a:lnTo>
                    <a:lnTo>
                      <a:pt x="833" y="2175"/>
                    </a:lnTo>
                    <a:lnTo>
                      <a:pt x="828" y="2169"/>
                    </a:lnTo>
                    <a:lnTo>
                      <a:pt x="814" y="2157"/>
                    </a:lnTo>
                    <a:lnTo>
                      <a:pt x="800" y="2146"/>
                    </a:lnTo>
                    <a:lnTo>
                      <a:pt x="793" y="2141"/>
                    </a:lnTo>
                    <a:lnTo>
                      <a:pt x="788" y="2135"/>
                    </a:lnTo>
                    <a:lnTo>
                      <a:pt x="783" y="2130"/>
                    </a:lnTo>
                    <a:lnTo>
                      <a:pt x="780" y="2125"/>
                    </a:lnTo>
                    <a:lnTo>
                      <a:pt x="779" y="2121"/>
                    </a:lnTo>
                    <a:lnTo>
                      <a:pt x="779" y="2116"/>
                    </a:lnTo>
                    <a:lnTo>
                      <a:pt x="783" y="2112"/>
                    </a:lnTo>
                    <a:lnTo>
                      <a:pt x="788" y="2108"/>
                    </a:lnTo>
                    <a:lnTo>
                      <a:pt x="797" y="2103"/>
                    </a:lnTo>
                    <a:lnTo>
                      <a:pt x="804" y="2098"/>
                    </a:lnTo>
                    <a:lnTo>
                      <a:pt x="809" y="2093"/>
                    </a:lnTo>
                    <a:lnTo>
                      <a:pt x="813" y="2087"/>
                    </a:lnTo>
                    <a:lnTo>
                      <a:pt x="815" y="2081"/>
                    </a:lnTo>
                    <a:lnTo>
                      <a:pt x="818" y="2076"/>
                    </a:lnTo>
                    <a:lnTo>
                      <a:pt x="819" y="2071"/>
                    </a:lnTo>
                    <a:lnTo>
                      <a:pt x="819" y="2064"/>
                    </a:lnTo>
                    <a:lnTo>
                      <a:pt x="819" y="2052"/>
                    </a:lnTo>
                    <a:lnTo>
                      <a:pt x="818" y="2041"/>
                    </a:lnTo>
                    <a:lnTo>
                      <a:pt x="818" y="2034"/>
                    </a:lnTo>
                    <a:lnTo>
                      <a:pt x="819" y="2028"/>
                    </a:lnTo>
                    <a:lnTo>
                      <a:pt x="820" y="2021"/>
                    </a:lnTo>
                    <a:lnTo>
                      <a:pt x="823" y="2015"/>
                    </a:lnTo>
                    <a:lnTo>
                      <a:pt x="835" y="1995"/>
                    </a:lnTo>
                    <a:lnTo>
                      <a:pt x="845" y="1980"/>
                    </a:lnTo>
                    <a:lnTo>
                      <a:pt x="850" y="1972"/>
                    </a:lnTo>
                    <a:lnTo>
                      <a:pt x="854" y="1963"/>
                    </a:lnTo>
                    <a:lnTo>
                      <a:pt x="857" y="1953"/>
                    </a:lnTo>
                    <a:lnTo>
                      <a:pt x="858" y="1941"/>
                    </a:lnTo>
                    <a:lnTo>
                      <a:pt x="859" y="1920"/>
                    </a:lnTo>
                    <a:lnTo>
                      <a:pt x="863" y="1893"/>
                    </a:lnTo>
                    <a:lnTo>
                      <a:pt x="867" y="1880"/>
                    </a:lnTo>
                    <a:lnTo>
                      <a:pt x="872" y="1868"/>
                    </a:lnTo>
                    <a:lnTo>
                      <a:pt x="876" y="1863"/>
                    </a:lnTo>
                    <a:lnTo>
                      <a:pt x="880" y="1859"/>
                    </a:lnTo>
                    <a:lnTo>
                      <a:pt x="884" y="1857"/>
                    </a:lnTo>
                    <a:lnTo>
                      <a:pt x="890" y="1856"/>
                    </a:lnTo>
                    <a:lnTo>
                      <a:pt x="890" y="1852"/>
                    </a:lnTo>
                    <a:lnTo>
                      <a:pt x="875" y="1848"/>
                    </a:lnTo>
                    <a:lnTo>
                      <a:pt x="859" y="1843"/>
                    </a:lnTo>
                    <a:lnTo>
                      <a:pt x="844" y="1837"/>
                    </a:lnTo>
                    <a:lnTo>
                      <a:pt x="829" y="1831"/>
                    </a:lnTo>
                    <a:lnTo>
                      <a:pt x="814" y="1823"/>
                    </a:lnTo>
                    <a:lnTo>
                      <a:pt x="798" y="1815"/>
                    </a:lnTo>
                    <a:lnTo>
                      <a:pt x="784" y="1806"/>
                    </a:lnTo>
                    <a:lnTo>
                      <a:pt x="771" y="1797"/>
                    </a:lnTo>
                    <a:lnTo>
                      <a:pt x="757" y="1787"/>
                    </a:lnTo>
                    <a:lnTo>
                      <a:pt x="744" y="1777"/>
                    </a:lnTo>
                    <a:lnTo>
                      <a:pt x="732" y="1765"/>
                    </a:lnTo>
                    <a:lnTo>
                      <a:pt x="722" y="1752"/>
                    </a:lnTo>
                    <a:lnTo>
                      <a:pt x="712" y="1739"/>
                    </a:lnTo>
                    <a:lnTo>
                      <a:pt x="702" y="1725"/>
                    </a:lnTo>
                    <a:lnTo>
                      <a:pt x="695" y="1710"/>
                    </a:lnTo>
                    <a:lnTo>
                      <a:pt x="688" y="1695"/>
                    </a:lnTo>
                    <a:lnTo>
                      <a:pt x="683" y="1679"/>
                    </a:lnTo>
                    <a:lnTo>
                      <a:pt x="677" y="1665"/>
                    </a:lnTo>
                    <a:lnTo>
                      <a:pt x="670" y="1651"/>
                    </a:lnTo>
                    <a:lnTo>
                      <a:pt x="662" y="1638"/>
                    </a:lnTo>
                    <a:lnTo>
                      <a:pt x="658" y="1629"/>
                    </a:lnTo>
                    <a:lnTo>
                      <a:pt x="656" y="1621"/>
                    </a:lnTo>
                    <a:lnTo>
                      <a:pt x="651" y="1613"/>
                    </a:lnTo>
                    <a:lnTo>
                      <a:pt x="647" y="1604"/>
                    </a:lnTo>
                    <a:lnTo>
                      <a:pt x="643" y="1595"/>
                    </a:lnTo>
                    <a:lnTo>
                      <a:pt x="640" y="1586"/>
                    </a:lnTo>
                    <a:lnTo>
                      <a:pt x="635" y="1565"/>
                    </a:lnTo>
                    <a:lnTo>
                      <a:pt x="631" y="1547"/>
                    </a:lnTo>
                    <a:lnTo>
                      <a:pt x="653" y="1515"/>
                    </a:lnTo>
                    <a:lnTo>
                      <a:pt x="678" y="1485"/>
                    </a:lnTo>
                    <a:lnTo>
                      <a:pt x="683" y="1477"/>
                    </a:lnTo>
                    <a:lnTo>
                      <a:pt x="686" y="1469"/>
                    </a:lnTo>
                    <a:lnTo>
                      <a:pt x="688" y="1462"/>
                    </a:lnTo>
                    <a:lnTo>
                      <a:pt x="690" y="1453"/>
                    </a:lnTo>
                    <a:lnTo>
                      <a:pt x="690" y="1445"/>
                    </a:lnTo>
                    <a:lnTo>
                      <a:pt x="687" y="1436"/>
                    </a:lnTo>
                    <a:lnTo>
                      <a:pt x="683" y="1427"/>
                    </a:lnTo>
                    <a:lnTo>
                      <a:pt x="677" y="1416"/>
                    </a:lnTo>
                    <a:lnTo>
                      <a:pt x="671" y="1410"/>
                    </a:lnTo>
                    <a:lnTo>
                      <a:pt x="670" y="1403"/>
                    </a:lnTo>
                    <a:lnTo>
                      <a:pt x="670" y="1397"/>
                    </a:lnTo>
                    <a:lnTo>
                      <a:pt x="673" y="1392"/>
                    </a:lnTo>
                    <a:lnTo>
                      <a:pt x="678" y="1387"/>
                    </a:lnTo>
                    <a:lnTo>
                      <a:pt x="684" y="1383"/>
                    </a:lnTo>
                    <a:lnTo>
                      <a:pt x="692" y="1379"/>
                    </a:lnTo>
                    <a:lnTo>
                      <a:pt x="700" y="1376"/>
                    </a:lnTo>
                    <a:lnTo>
                      <a:pt x="718" y="1371"/>
                    </a:lnTo>
                    <a:lnTo>
                      <a:pt x="736" y="1368"/>
                    </a:lnTo>
                    <a:lnTo>
                      <a:pt x="752" y="1367"/>
                    </a:lnTo>
                    <a:lnTo>
                      <a:pt x="762" y="1366"/>
                    </a:lnTo>
                    <a:lnTo>
                      <a:pt x="762" y="1366"/>
                    </a:lnTo>
                    <a:lnTo>
                      <a:pt x="763" y="1365"/>
                    </a:lnTo>
                    <a:lnTo>
                      <a:pt x="740" y="1357"/>
                    </a:lnTo>
                    <a:lnTo>
                      <a:pt x="722" y="1349"/>
                    </a:lnTo>
                    <a:lnTo>
                      <a:pt x="712" y="1346"/>
                    </a:lnTo>
                    <a:lnTo>
                      <a:pt x="700" y="1344"/>
                    </a:lnTo>
                    <a:lnTo>
                      <a:pt x="686" y="1344"/>
                    </a:lnTo>
                    <a:lnTo>
                      <a:pt x="669" y="1345"/>
                    </a:lnTo>
                    <a:lnTo>
                      <a:pt x="649" y="1348"/>
                    </a:lnTo>
                    <a:lnTo>
                      <a:pt x="630" y="1349"/>
                    </a:lnTo>
                    <a:lnTo>
                      <a:pt x="613" y="1350"/>
                    </a:lnTo>
                    <a:lnTo>
                      <a:pt x="599" y="1349"/>
                    </a:lnTo>
                    <a:lnTo>
                      <a:pt x="592" y="1346"/>
                    </a:lnTo>
                    <a:lnTo>
                      <a:pt x="588" y="1344"/>
                    </a:lnTo>
                    <a:lnTo>
                      <a:pt x="585" y="1340"/>
                    </a:lnTo>
                    <a:lnTo>
                      <a:pt x="582" y="1335"/>
                    </a:lnTo>
                    <a:lnTo>
                      <a:pt x="582" y="1328"/>
                    </a:lnTo>
                    <a:lnTo>
                      <a:pt x="582" y="1321"/>
                    </a:lnTo>
                    <a:lnTo>
                      <a:pt x="585" y="1310"/>
                    </a:lnTo>
                    <a:lnTo>
                      <a:pt x="590" y="1300"/>
                    </a:lnTo>
                    <a:lnTo>
                      <a:pt x="590" y="1293"/>
                    </a:lnTo>
                    <a:lnTo>
                      <a:pt x="588" y="1287"/>
                    </a:lnTo>
                    <a:lnTo>
                      <a:pt x="586" y="1279"/>
                    </a:lnTo>
                    <a:lnTo>
                      <a:pt x="583" y="1273"/>
                    </a:lnTo>
                    <a:lnTo>
                      <a:pt x="581" y="1266"/>
                    </a:lnTo>
                    <a:lnTo>
                      <a:pt x="581" y="1261"/>
                    </a:lnTo>
                    <a:lnTo>
                      <a:pt x="582" y="1260"/>
                    </a:lnTo>
                    <a:lnTo>
                      <a:pt x="583" y="1258"/>
                    </a:lnTo>
                    <a:lnTo>
                      <a:pt x="586" y="1257"/>
                    </a:lnTo>
                    <a:lnTo>
                      <a:pt x="590" y="1256"/>
                    </a:lnTo>
                    <a:lnTo>
                      <a:pt x="599" y="1254"/>
                    </a:lnTo>
                    <a:lnTo>
                      <a:pt x="607" y="1252"/>
                    </a:lnTo>
                    <a:lnTo>
                      <a:pt x="613" y="1247"/>
                    </a:lnTo>
                    <a:lnTo>
                      <a:pt x="620" y="1240"/>
                    </a:lnTo>
                    <a:lnTo>
                      <a:pt x="623" y="1232"/>
                    </a:lnTo>
                    <a:lnTo>
                      <a:pt x="626" y="1225"/>
                    </a:lnTo>
                    <a:lnTo>
                      <a:pt x="629" y="1216"/>
                    </a:lnTo>
                    <a:lnTo>
                      <a:pt x="629" y="1207"/>
                    </a:lnTo>
                    <a:lnTo>
                      <a:pt x="612" y="1204"/>
                    </a:lnTo>
                    <a:lnTo>
                      <a:pt x="595" y="1201"/>
                    </a:lnTo>
                    <a:lnTo>
                      <a:pt x="578" y="1199"/>
                    </a:lnTo>
                    <a:lnTo>
                      <a:pt x="561" y="1194"/>
                    </a:lnTo>
                    <a:lnTo>
                      <a:pt x="547" y="1186"/>
                    </a:lnTo>
                    <a:lnTo>
                      <a:pt x="531" y="1177"/>
                    </a:lnTo>
                    <a:lnTo>
                      <a:pt x="524" y="1172"/>
                    </a:lnTo>
                    <a:lnTo>
                      <a:pt x="516" y="1169"/>
                    </a:lnTo>
                    <a:lnTo>
                      <a:pt x="508" y="1166"/>
                    </a:lnTo>
                    <a:lnTo>
                      <a:pt x="500" y="1165"/>
                    </a:lnTo>
                    <a:lnTo>
                      <a:pt x="502" y="1161"/>
                    </a:lnTo>
                    <a:lnTo>
                      <a:pt x="503" y="1159"/>
                    </a:lnTo>
                    <a:lnTo>
                      <a:pt x="507" y="1156"/>
                    </a:lnTo>
                    <a:lnTo>
                      <a:pt x="511" y="1153"/>
                    </a:lnTo>
                    <a:lnTo>
                      <a:pt x="521" y="1151"/>
                    </a:lnTo>
                    <a:lnTo>
                      <a:pt x="533" y="1148"/>
                    </a:lnTo>
                    <a:lnTo>
                      <a:pt x="544" y="1146"/>
                    </a:lnTo>
                    <a:lnTo>
                      <a:pt x="555" y="1142"/>
                    </a:lnTo>
                    <a:lnTo>
                      <a:pt x="557" y="1139"/>
                    </a:lnTo>
                    <a:lnTo>
                      <a:pt x="561" y="1135"/>
                    </a:lnTo>
                    <a:lnTo>
                      <a:pt x="563" y="1131"/>
                    </a:lnTo>
                    <a:lnTo>
                      <a:pt x="563" y="1128"/>
                    </a:lnTo>
                    <a:lnTo>
                      <a:pt x="560" y="1124"/>
                    </a:lnTo>
                    <a:lnTo>
                      <a:pt x="552" y="1121"/>
                    </a:lnTo>
                    <a:lnTo>
                      <a:pt x="543" y="1117"/>
                    </a:lnTo>
                    <a:lnTo>
                      <a:pt x="531" y="1115"/>
                    </a:lnTo>
                    <a:lnTo>
                      <a:pt x="507" y="1109"/>
                    </a:lnTo>
                    <a:lnTo>
                      <a:pt x="493" y="1108"/>
                    </a:lnTo>
                    <a:lnTo>
                      <a:pt x="484" y="1108"/>
                    </a:lnTo>
                    <a:lnTo>
                      <a:pt x="476" y="1111"/>
                    </a:lnTo>
                    <a:lnTo>
                      <a:pt x="468" y="1113"/>
                    </a:lnTo>
                    <a:lnTo>
                      <a:pt x="461" y="1117"/>
                    </a:lnTo>
                    <a:lnTo>
                      <a:pt x="454" y="1120"/>
                    </a:lnTo>
                    <a:lnTo>
                      <a:pt x="447" y="1122"/>
                    </a:lnTo>
                    <a:lnTo>
                      <a:pt x="439" y="1124"/>
                    </a:lnTo>
                    <a:lnTo>
                      <a:pt x="433" y="1124"/>
                    </a:lnTo>
                    <a:lnTo>
                      <a:pt x="432" y="1111"/>
                    </a:lnTo>
                    <a:lnTo>
                      <a:pt x="432" y="1094"/>
                    </a:lnTo>
                    <a:lnTo>
                      <a:pt x="432" y="1085"/>
                    </a:lnTo>
                    <a:lnTo>
                      <a:pt x="433" y="1077"/>
                    </a:lnTo>
                    <a:lnTo>
                      <a:pt x="434" y="1071"/>
                    </a:lnTo>
                    <a:lnTo>
                      <a:pt x="438" y="1065"/>
                    </a:lnTo>
                    <a:lnTo>
                      <a:pt x="450" y="1054"/>
                    </a:lnTo>
                    <a:lnTo>
                      <a:pt x="456" y="1046"/>
                    </a:lnTo>
                    <a:lnTo>
                      <a:pt x="458" y="1043"/>
                    </a:lnTo>
                    <a:lnTo>
                      <a:pt x="456" y="1042"/>
                    </a:lnTo>
                    <a:lnTo>
                      <a:pt x="455" y="1041"/>
                    </a:lnTo>
                    <a:lnTo>
                      <a:pt x="452" y="1041"/>
                    </a:lnTo>
                    <a:lnTo>
                      <a:pt x="443" y="1038"/>
                    </a:lnTo>
                    <a:lnTo>
                      <a:pt x="429" y="1038"/>
                    </a:lnTo>
                    <a:lnTo>
                      <a:pt x="420" y="1037"/>
                    </a:lnTo>
                    <a:lnTo>
                      <a:pt x="414" y="1036"/>
                    </a:lnTo>
                    <a:lnTo>
                      <a:pt x="410" y="1032"/>
                    </a:lnTo>
                    <a:lnTo>
                      <a:pt x="408" y="1028"/>
                    </a:lnTo>
                    <a:lnTo>
                      <a:pt x="408" y="1024"/>
                    </a:lnTo>
                    <a:lnTo>
                      <a:pt x="408" y="1020"/>
                    </a:lnTo>
                    <a:lnTo>
                      <a:pt x="407" y="1017"/>
                    </a:lnTo>
                    <a:lnTo>
                      <a:pt x="404" y="1015"/>
                    </a:lnTo>
                    <a:lnTo>
                      <a:pt x="399" y="1014"/>
                    </a:lnTo>
                    <a:lnTo>
                      <a:pt x="394" y="1014"/>
                    </a:lnTo>
                    <a:lnTo>
                      <a:pt x="389" y="1014"/>
                    </a:lnTo>
                    <a:lnTo>
                      <a:pt x="384" y="1015"/>
                    </a:lnTo>
                    <a:lnTo>
                      <a:pt x="373" y="1017"/>
                    </a:lnTo>
                    <a:lnTo>
                      <a:pt x="363" y="1019"/>
                    </a:lnTo>
                    <a:lnTo>
                      <a:pt x="354" y="1020"/>
                    </a:lnTo>
                    <a:lnTo>
                      <a:pt x="344" y="1020"/>
                    </a:lnTo>
                    <a:lnTo>
                      <a:pt x="340" y="1017"/>
                    </a:lnTo>
                    <a:lnTo>
                      <a:pt x="336" y="1015"/>
                    </a:lnTo>
                    <a:lnTo>
                      <a:pt x="332" y="1010"/>
                    </a:lnTo>
                    <a:lnTo>
                      <a:pt x="329" y="1004"/>
                    </a:lnTo>
                    <a:lnTo>
                      <a:pt x="325" y="993"/>
                    </a:lnTo>
                    <a:lnTo>
                      <a:pt x="323" y="980"/>
                    </a:lnTo>
                    <a:lnTo>
                      <a:pt x="322" y="966"/>
                    </a:lnTo>
                    <a:lnTo>
                      <a:pt x="320" y="951"/>
                    </a:lnTo>
                    <a:lnTo>
                      <a:pt x="318" y="938"/>
                    </a:lnTo>
                    <a:lnTo>
                      <a:pt x="314" y="928"/>
                    </a:lnTo>
                    <a:lnTo>
                      <a:pt x="311" y="923"/>
                    </a:lnTo>
                    <a:lnTo>
                      <a:pt x="307" y="920"/>
                    </a:lnTo>
                    <a:lnTo>
                      <a:pt x="303" y="918"/>
                    </a:lnTo>
                    <a:lnTo>
                      <a:pt x="298" y="915"/>
                    </a:lnTo>
                    <a:lnTo>
                      <a:pt x="279" y="915"/>
                    </a:lnTo>
                    <a:lnTo>
                      <a:pt x="263" y="915"/>
                    </a:lnTo>
                    <a:lnTo>
                      <a:pt x="257" y="915"/>
                    </a:lnTo>
                    <a:lnTo>
                      <a:pt x="252" y="914"/>
                    </a:lnTo>
                    <a:lnTo>
                      <a:pt x="246" y="912"/>
                    </a:lnTo>
                    <a:lnTo>
                      <a:pt x="241" y="910"/>
                    </a:lnTo>
                    <a:lnTo>
                      <a:pt x="237" y="907"/>
                    </a:lnTo>
                    <a:lnTo>
                      <a:pt x="233" y="903"/>
                    </a:lnTo>
                    <a:lnTo>
                      <a:pt x="231" y="898"/>
                    </a:lnTo>
                    <a:lnTo>
                      <a:pt x="227" y="893"/>
                    </a:lnTo>
                    <a:lnTo>
                      <a:pt x="221" y="877"/>
                    </a:lnTo>
                    <a:lnTo>
                      <a:pt x="214" y="858"/>
                    </a:lnTo>
                    <a:lnTo>
                      <a:pt x="210" y="848"/>
                    </a:lnTo>
                    <a:lnTo>
                      <a:pt x="206" y="841"/>
                    </a:lnTo>
                    <a:lnTo>
                      <a:pt x="202" y="839"/>
                    </a:lnTo>
                    <a:lnTo>
                      <a:pt x="199" y="836"/>
                    </a:lnTo>
                    <a:lnTo>
                      <a:pt x="193" y="837"/>
                    </a:lnTo>
                    <a:lnTo>
                      <a:pt x="189" y="840"/>
                    </a:lnTo>
                    <a:lnTo>
                      <a:pt x="186" y="844"/>
                    </a:lnTo>
                    <a:lnTo>
                      <a:pt x="182" y="849"/>
                    </a:lnTo>
                    <a:lnTo>
                      <a:pt x="173" y="861"/>
                    </a:lnTo>
                    <a:lnTo>
                      <a:pt x="165" y="874"/>
                    </a:lnTo>
                    <a:lnTo>
                      <a:pt x="161" y="880"/>
                    </a:lnTo>
                    <a:lnTo>
                      <a:pt x="156" y="884"/>
                    </a:lnTo>
                    <a:lnTo>
                      <a:pt x="153" y="888"/>
                    </a:lnTo>
                    <a:lnTo>
                      <a:pt x="149" y="890"/>
                    </a:lnTo>
                    <a:lnTo>
                      <a:pt x="144" y="892"/>
                    </a:lnTo>
                    <a:lnTo>
                      <a:pt x="140" y="893"/>
                    </a:lnTo>
                    <a:lnTo>
                      <a:pt x="136" y="893"/>
                    </a:lnTo>
                    <a:lnTo>
                      <a:pt x="132" y="892"/>
                    </a:lnTo>
                    <a:lnTo>
                      <a:pt x="126" y="888"/>
                    </a:lnTo>
                    <a:lnTo>
                      <a:pt x="119" y="883"/>
                    </a:lnTo>
                    <a:lnTo>
                      <a:pt x="113" y="876"/>
                    </a:lnTo>
                    <a:lnTo>
                      <a:pt x="107" y="871"/>
                    </a:lnTo>
                    <a:lnTo>
                      <a:pt x="99" y="865"/>
                    </a:lnTo>
                    <a:lnTo>
                      <a:pt x="92" y="861"/>
                    </a:lnTo>
                    <a:lnTo>
                      <a:pt x="86" y="858"/>
                    </a:lnTo>
                    <a:lnTo>
                      <a:pt x="82" y="854"/>
                    </a:lnTo>
                    <a:lnTo>
                      <a:pt x="79" y="850"/>
                    </a:lnTo>
                    <a:lnTo>
                      <a:pt x="77" y="846"/>
                    </a:lnTo>
                    <a:lnTo>
                      <a:pt x="75" y="837"/>
                    </a:lnTo>
                    <a:lnTo>
                      <a:pt x="77" y="826"/>
                    </a:lnTo>
                    <a:lnTo>
                      <a:pt x="78" y="815"/>
                    </a:lnTo>
                    <a:lnTo>
                      <a:pt x="78" y="804"/>
                    </a:lnTo>
                    <a:lnTo>
                      <a:pt x="78" y="798"/>
                    </a:lnTo>
                    <a:lnTo>
                      <a:pt x="78" y="793"/>
                    </a:lnTo>
                    <a:lnTo>
                      <a:pt x="75" y="788"/>
                    </a:lnTo>
                    <a:lnTo>
                      <a:pt x="73" y="784"/>
                    </a:lnTo>
                    <a:lnTo>
                      <a:pt x="69" y="779"/>
                    </a:lnTo>
                    <a:lnTo>
                      <a:pt x="65" y="775"/>
                    </a:lnTo>
                    <a:lnTo>
                      <a:pt x="60" y="771"/>
                    </a:lnTo>
                    <a:lnTo>
                      <a:pt x="56" y="769"/>
                    </a:lnTo>
                    <a:lnTo>
                      <a:pt x="47" y="766"/>
                    </a:lnTo>
                    <a:lnTo>
                      <a:pt x="38" y="763"/>
                    </a:lnTo>
                    <a:lnTo>
                      <a:pt x="29" y="763"/>
                    </a:lnTo>
                    <a:lnTo>
                      <a:pt x="18" y="762"/>
                    </a:lnTo>
                    <a:lnTo>
                      <a:pt x="9" y="760"/>
                    </a:lnTo>
                    <a:lnTo>
                      <a:pt x="0" y="756"/>
                    </a:lnTo>
                    <a:lnTo>
                      <a:pt x="2" y="749"/>
                    </a:lnTo>
                    <a:lnTo>
                      <a:pt x="4" y="745"/>
                    </a:lnTo>
                    <a:lnTo>
                      <a:pt x="8" y="743"/>
                    </a:lnTo>
                    <a:lnTo>
                      <a:pt x="13" y="740"/>
                    </a:lnTo>
                    <a:lnTo>
                      <a:pt x="20" y="739"/>
                    </a:lnTo>
                    <a:lnTo>
                      <a:pt x="28" y="738"/>
                    </a:lnTo>
                    <a:lnTo>
                      <a:pt x="35" y="739"/>
                    </a:lnTo>
                    <a:lnTo>
                      <a:pt x="43" y="739"/>
                    </a:lnTo>
                    <a:lnTo>
                      <a:pt x="75" y="744"/>
                    </a:lnTo>
                    <a:lnTo>
                      <a:pt x="96" y="748"/>
                    </a:lnTo>
                    <a:lnTo>
                      <a:pt x="108" y="745"/>
                    </a:lnTo>
                    <a:lnTo>
                      <a:pt x="117" y="743"/>
                    </a:lnTo>
                    <a:lnTo>
                      <a:pt x="123" y="740"/>
                    </a:lnTo>
                    <a:lnTo>
                      <a:pt x="127" y="736"/>
                    </a:lnTo>
                    <a:lnTo>
                      <a:pt x="127" y="732"/>
                    </a:lnTo>
                    <a:lnTo>
                      <a:pt x="126" y="727"/>
                    </a:lnTo>
                    <a:lnTo>
                      <a:pt x="123" y="722"/>
                    </a:lnTo>
                    <a:lnTo>
                      <a:pt x="119" y="718"/>
                    </a:lnTo>
                    <a:lnTo>
                      <a:pt x="108" y="708"/>
                    </a:lnTo>
                    <a:lnTo>
                      <a:pt x="94" y="699"/>
                    </a:lnTo>
                    <a:lnTo>
                      <a:pt x="82" y="691"/>
                    </a:lnTo>
                    <a:lnTo>
                      <a:pt x="72" y="686"/>
                    </a:lnTo>
                    <a:lnTo>
                      <a:pt x="73" y="681"/>
                    </a:lnTo>
                    <a:lnTo>
                      <a:pt x="75" y="678"/>
                    </a:lnTo>
                    <a:lnTo>
                      <a:pt x="79" y="675"/>
                    </a:lnTo>
                    <a:lnTo>
                      <a:pt x="83" y="673"/>
                    </a:lnTo>
                    <a:lnTo>
                      <a:pt x="92" y="668"/>
                    </a:lnTo>
                    <a:lnTo>
                      <a:pt x="99" y="665"/>
                    </a:lnTo>
                    <a:lnTo>
                      <a:pt x="108" y="655"/>
                    </a:lnTo>
                    <a:lnTo>
                      <a:pt x="116" y="647"/>
                    </a:lnTo>
                    <a:lnTo>
                      <a:pt x="119" y="657"/>
                    </a:lnTo>
                    <a:lnTo>
                      <a:pt x="130" y="670"/>
                    </a:lnTo>
                    <a:lnTo>
                      <a:pt x="142" y="687"/>
                    </a:lnTo>
                    <a:lnTo>
                      <a:pt x="156" y="701"/>
                    </a:lnTo>
                    <a:lnTo>
                      <a:pt x="162" y="706"/>
                    </a:lnTo>
                    <a:lnTo>
                      <a:pt x="169" y="712"/>
                    </a:lnTo>
                    <a:lnTo>
                      <a:pt x="175" y="714"/>
                    </a:lnTo>
                    <a:lnTo>
                      <a:pt x="180" y="716"/>
                    </a:lnTo>
                    <a:lnTo>
                      <a:pt x="183" y="714"/>
                    </a:lnTo>
                    <a:lnTo>
                      <a:pt x="184" y="713"/>
                    </a:lnTo>
                    <a:lnTo>
                      <a:pt x="187" y="712"/>
                    </a:lnTo>
                    <a:lnTo>
                      <a:pt x="188" y="709"/>
                    </a:lnTo>
                    <a:lnTo>
                      <a:pt x="191" y="701"/>
                    </a:lnTo>
                    <a:lnTo>
                      <a:pt x="191" y="691"/>
                    </a:lnTo>
                    <a:lnTo>
                      <a:pt x="184" y="687"/>
                    </a:lnTo>
                    <a:lnTo>
                      <a:pt x="174" y="679"/>
                    </a:lnTo>
                    <a:lnTo>
                      <a:pt x="165" y="670"/>
                    </a:lnTo>
                    <a:lnTo>
                      <a:pt x="158" y="664"/>
                    </a:lnTo>
                    <a:lnTo>
                      <a:pt x="158" y="660"/>
                    </a:lnTo>
                    <a:lnTo>
                      <a:pt x="161" y="653"/>
                    </a:lnTo>
                    <a:lnTo>
                      <a:pt x="165" y="648"/>
                    </a:lnTo>
                    <a:lnTo>
                      <a:pt x="169" y="642"/>
                    </a:lnTo>
                    <a:lnTo>
                      <a:pt x="174" y="637"/>
                    </a:lnTo>
                    <a:lnTo>
                      <a:pt x="176" y="631"/>
                    </a:lnTo>
                    <a:lnTo>
                      <a:pt x="176" y="630"/>
                    </a:lnTo>
                    <a:lnTo>
                      <a:pt x="176" y="627"/>
                    </a:lnTo>
                    <a:lnTo>
                      <a:pt x="175" y="626"/>
                    </a:lnTo>
                    <a:lnTo>
                      <a:pt x="174" y="625"/>
                    </a:lnTo>
                    <a:lnTo>
                      <a:pt x="160" y="624"/>
                    </a:lnTo>
                    <a:lnTo>
                      <a:pt x="140" y="624"/>
                    </a:lnTo>
                    <a:lnTo>
                      <a:pt x="117" y="625"/>
                    </a:lnTo>
                    <a:lnTo>
                      <a:pt x="92" y="625"/>
                    </a:lnTo>
                    <a:lnTo>
                      <a:pt x="81" y="625"/>
                    </a:lnTo>
                    <a:lnTo>
                      <a:pt x="69" y="625"/>
                    </a:lnTo>
                    <a:lnTo>
                      <a:pt x="60" y="624"/>
                    </a:lnTo>
                    <a:lnTo>
                      <a:pt x="51" y="621"/>
                    </a:lnTo>
                    <a:lnTo>
                      <a:pt x="44" y="618"/>
                    </a:lnTo>
                    <a:lnTo>
                      <a:pt x="39" y="615"/>
                    </a:lnTo>
                    <a:lnTo>
                      <a:pt x="38" y="612"/>
                    </a:lnTo>
                    <a:lnTo>
                      <a:pt x="37" y="609"/>
                    </a:lnTo>
                    <a:lnTo>
                      <a:pt x="37" y="605"/>
                    </a:lnTo>
                    <a:lnTo>
                      <a:pt x="38" y="603"/>
                    </a:lnTo>
                    <a:lnTo>
                      <a:pt x="42" y="586"/>
                    </a:lnTo>
                    <a:lnTo>
                      <a:pt x="51" y="560"/>
                    </a:lnTo>
                    <a:lnTo>
                      <a:pt x="61" y="536"/>
                    </a:lnTo>
                    <a:lnTo>
                      <a:pt x="68" y="524"/>
                    </a:lnTo>
                    <a:lnTo>
                      <a:pt x="77" y="520"/>
                    </a:lnTo>
                    <a:lnTo>
                      <a:pt x="90" y="515"/>
                    </a:lnTo>
                    <a:lnTo>
                      <a:pt x="107" y="511"/>
                    </a:lnTo>
                    <a:lnTo>
                      <a:pt x="125" y="508"/>
                    </a:lnTo>
                    <a:lnTo>
                      <a:pt x="143" y="506"/>
                    </a:lnTo>
                    <a:lnTo>
                      <a:pt x="160" y="503"/>
                    </a:lnTo>
                    <a:lnTo>
                      <a:pt x="174" y="502"/>
                    </a:lnTo>
                    <a:lnTo>
                      <a:pt x="184" y="503"/>
                    </a:lnTo>
                    <a:lnTo>
                      <a:pt x="193" y="506"/>
                    </a:lnTo>
                    <a:lnTo>
                      <a:pt x="204" y="508"/>
                    </a:lnTo>
                    <a:lnTo>
                      <a:pt x="213" y="512"/>
                    </a:lnTo>
                    <a:lnTo>
                      <a:pt x="222" y="517"/>
                    </a:lnTo>
                    <a:lnTo>
                      <a:pt x="231" y="521"/>
                    </a:lnTo>
                    <a:lnTo>
                      <a:pt x="240" y="524"/>
                    </a:lnTo>
                    <a:lnTo>
                      <a:pt x="250" y="526"/>
                    </a:lnTo>
                    <a:lnTo>
                      <a:pt x="262" y="526"/>
                    </a:lnTo>
                    <a:lnTo>
                      <a:pt x="271" y="525"/>
                    </a:lnTo>
                    <a:lnTo>
                      <a:pt x="281" y="523"/>
                    </a:lnTo>
                    <a:lnTo>
                      <a:pt x="292" y="519"/>
                    </a:lnTo>
                    <a:lnTo>
                      <a:pt x="301" y="515"/>
                    </a:lnTo>
                    <a:lnTo>
                      <a:pt x="311" y="511"/>
                    </a:lnTo>
                    <a:lnTo>
                      <a:pt x="320" y="508"/>
                    </a:lnTo>
                    <a:lnTo>
                      <a:pt x="331" y="507"/>
                    </a:lnTo>
                    <a:lnTo>
                      <a:pt x="340" y="507"/>
                    </a:lnTo>
                    <a:lnTo>
                      <a:pt x="341" y="526"/>
                    </a:lnTo>
                    <a:lnTo>
                      <a:pt x="341" y="545"/>
                    </a:lnTo>
                    <a:lnTo>
                      <a:pt x="342" y="554"/>
                    </a:lnTo>
                    <a:lnTo>
                      <a:pt x="346" y="561"/>
                    </a:lnTo>
                    <a:lnTo>
                      <a:pt x="349" y="565"/>
                    </a:lnTo>
                    <a:lnTo>
                      <a:pt x="351" y="569"/>
                    </a:lnTo>
                    <a:lnTo>
                      <a:pt x="355" y="572"/>
                    </a:lnTo>
                    <a:lnTo>
                      <a:pt x="360" y="576"/>
                    </a:lnTo>
                    <a:lnTo>
                      <a:pt x="366" y="578"/>
                    </a:lnTo>
                    <a:lnTo>
                      <a:pt x="370" y="578"/>
                    </a:lnTo>
                    <a:lnTo>
                      <a:pt x="372" y="578"/>
                    </a:lnTo>
                    <a:lnTo>
                      <a:pt x="376" y="578"/>
                    </a:lnTo>
                    <a:lnTo>
                      <a:pt x="382" y="574"/>
                    </a:lnTo>
                    <a:lnTo>
                      <a:pt x="388" y="569"/>
                    </a:lnTo>
                    <a:lnTo>
                      <a:pt x="393" y="564"/>
                    </a:lnTo>
                    <a:lnTo>
                      <a:pt x="398" y="559"/>
                    </a:lnTo>
                    <a:lnTo>
                      <a:pt x="403" y="555"/>
                    </a:lnTo>
                    <a:lnTo>
                      <a:pt x="408" y="554"/>
                    </a:lnTo>
                    <a:lnTo>
                      <a:pt x="414" y="555"/>
                    </a:lnTo>
                    <a:lnTo>
                      <a:pt x="417" y="558"/>
                    </a:lnTo>
                    <a:lnTo>
                      <a:pt x="421" y="560"/>
                    </a:lnTo>
                    <a:lnTo>
                      <a:pt x="427" y="564"/>
                    </a:lnTo>
                    <a:lnTo>
                      <a:pt x="430" y="567"/>
                    </a:lnTo>
                    <a:lnTo>
                      <a:pt x="434" y="569"/>
                    </a:lnTo>
                    <a:lnTo>
                      <a:pt x="439" y="570"/>
                    </a:lnTo>
                    <a:lnTo>
                      <a:pt x="445" y="570"/>
                    </a:lnTo>
                    <a:lnTo>
                      <a:pt x="450" y="569"/>
                    </a:lnTo>
                    <a:lnTo>
                      <a:pt x="454" y="567"/>
                    </a:lnTo>
                    <a:lnTo>
                      <a:pt x="456" y="564"/>
                    </a:lnTo>
                    <a:lnTo>
                      <a:pt x="459" y="561"/>
                    </a:lnTo>
                    <a:lnTo>
                      <a:pt x="461" y="554"/>
                    </a:lnTo>
                    <a:lnTo>
                      <a:pt x="463" y="546"/>
                    </a:lnTo>
                    <a:lnTo>
                      <a:pt x="463" y="528"/>
                    </a:lnTo>
                    <a:lnTo>
                      <a:pt x="463" y="512"/>
                    </a:lnTo>
                    <a:lnTo>
                      <a:pt x="465" y="510"/>
                    </a:lnTo>
                    <a:lnTo>
                      <a:pt x="473" y="507"/>
                    </a:lnTo>
                    <a:lnTo>
                      <a:pt x="482" y="504"/>
                    </a:lnTo>
                    <a:lnTo>
                      <a:pt x="494" y="503"/>
                    </a:lnTo>
                    <a:lnTo>
                      <a:pt x="507" y="502"/>
                    </a:lnTo>
                    <a:lnTo>
                      <a:pt x="517" y="501"/>
                    </a:lnTo>
                    <a:lnTo>
                      <a:pt x="525" y="502"/>
                    </a:lnTo>
                    <a:lnTo>
                      <a:pt x="530" y="503"/>
                    </a:lnTo>
                    <a:lnTo>
                      <a:pt x="544" y="517"/>
                    </a:lnTo>
                    <a:lnTo>
                      <a:pt x="555" y="525"/>
                    </a:lnTo>
                    <a:lnTo>
                      <a:pt x="559" y="526"/>
                    </a:lnTo>
                    <a:lnTo>
                      <a:pt x="561" y="528"/>
                    </a:lnTo>
                    <a:lnTo>
                      <a:pt x="564" y="528"/>
                    </a:lnTo>
                    <a:lnTo>
                      <a:pt x="568" y="528"/>
                    </a:lnTo>
                    <a:lnTo>
                      <a:pt x="574" y="525"/>
                    </a:lnTo>
                    <a:lnTo>
                      <a:pt x="582" y="523"/>
                    </a:lnTo>
                    <a:lnTo>
                      <a:pt x="595" y="521"/>
                    </a:lnTo>
                    <a:lnTo>
                      <a:pt x="613" y="521"/>
                    </a:lnTo>
                    <a:lnTo>
                      <a:pt x="620" y="528"/>
                    </a:lnTo>
                    <a:lnTo>
                      <a:pt x="626" y="534"/>
                    </a:lnTo>
                    <a:lnTo>
                      <a:pt x="631" y="542"/>
                    </a:lnTo>
                    <a:lnTo>
                      <a:pt x="635" y="550"/>
                    </a:lnTo>
                    <a:lnTo>
                      <a:pt x="639" y="559"/>
                    </a:lnTo>
                    <a:lnTo>
                      <a:pt x="640" y="568"/>
                    </a:lnTo>
                    <a:lnTo>
                      <a:pt x="642" y="576"/>
                    </a:lnTo>
                    <a:lnTo>
                      <a:pt x="640" y="585"/>
                    </a:lnTo>
                    <a:lnTo>
                      <a:pt x="639" y="598"/>
                    </a:lnTo>
                    <a:lnTo>
                      <a:pt x="639" y="607"/>
                    </a:lnTo>
                    <a:lnTo>
                      <a:pt x="640" y="613"/>
                    </a:lnTo>
                    <a:lnTo>
                      <a:pt x="643" y="618"/>
                    </a:lnTo>
                    <a:lnTo>
                      <a:pt x="647" y="622"/>
                    </a:lnTo>
                    <a:lnTo>
                      <a:pt x="651" y="629"/>
                    </a:lnTo>
                    <a:lnTo>
                      <a:pt x="655" y="635"/>
                    </a:lnTo>
                    <a:lnTo>
                      <a:pt x="658" y="646"/>
                    </a:lnTo>
                    <a:lnTo>
                      <a:pt x="660" y="659"/>
                    </a:lnTo>
                    <a:lnTo>
                      <a:pt x="660" y="674"/>
                    </a:lnTo>
                    <a:lnTo>
                      <a:pt x="657" y="691"/>
                    </a:lnTo>
                    <a:lnTo>
                      <a:pt x="656" y="709"/>
                    </a:lnTo>
                    <a:lnTo>
                      <a:pt x="655" y="725"/>
                    </a:lnTo>
                    <a:lnTo>
                      <a:pt x="655" y="738"/>
                    </a:lnTo>
                    <a:lnTo>
                      <a:pt x="655" y="741"/>
                    </a:lnTo>
                    <a:lnTo>
                      <a:pt x="657" y="745"/>
                    </a:lnTo>
                    <a:lnTo>
                      <a:pt x="660" y="748"/>
                    </a:lnTo>
                    <a:lnTo>
                      <a:pt x="664" y="749"/>
                    </a:lnTo>
                    <a:lnTo>
                      <a:pt x="671" y="748"/>
                    </a:lnTo>
                    <a:lnTo>
                      <a:pt x="680" y="745"/>
                    </a:lnTo>
                    <a:lnTo>
                      <a:pt x="691" y="743"/>
                    </a:lnTo>
                    <a:lnTo>
                      <a:pt x="701" y="739"/>
                    </a:lnTo>
                    <a:lnTo>
                      <a:pt x="721" y="730"/>
                    </a:lnTo>
                    <a:lnTo>
                      <a:pt x="736" y="722"/>
                    </a:lnTo>
                    <a:lnTo>
                      <a:pt x="750" y="713"/>
                    </a:lnTo>
                    <a:lnTo>
                      <a:pt x="759" y="705"/>
                    </a:lnTo>
                    <a:lnTo>
                      <a:pt x="765" y="700"/>
                    </a:lnTo>
                    <a:lnTo>
                      <a:pt x="767" y="696"/>
                    </a:lnTo>
                    <a:lnTo>
                      <a:pt x="772" y="694"/>
                    </a:lnTo>
                    <a:lnTo>
                      <a:pt x="779" y="691"/>
                    </a:lnTo>
                    <a:lnTo>
                      <a:pt x="792" y="691"/>
                    </a:lnTo>
                    <a:lnTo>
                      <a:pt x="811" y="690"/>
                    </a:lnTo>
                    <a:lnTo>
                      <a:pt x="814" y="691"/>
                    </a:lnTo>
                    <a:lnTo>
                      <a:pt x="815" y="691"/>
                    </a:lnTo>
                    <a:lnTo>
                      <a:pt x="815" y="694"/>
                    </a:lnTo>
                    <a:lnTo>
                      <a:pt x="815" y="695"/>
                    </a:lnTo>
                    <a:lnTo>
                      <a:pt x="814" y="700"/>
                    </a:lnTo>
                    <a:lnTo>
                      <a:pt x="811" y="705"/>
                    </a:lnTo>
                    <a:lnTo>
                      <a:pt x="805" y="718"/>
                    </a:lnTo>
                    <a:lnTo>
                      <a:pt x="801" y="725"/>
                    </a:lnTo>
                    <a:lnTo>
                      <a:pt x="818" y="727"/>
                    </a:lnTo>
                    <a:lnTo>
                      <a:pt x="833" y="729"/>
                    </a:lnTo>
                    <a:lnTo>
                      <a:pt x="848" y="729"/>
                    </a:lnTo>
                    <a:lnTo>
                      <a:pt x="861" y="729"/>
                    </a:lnTo>
                    <a:lnTo>
                      <a:pt x="866" y="730"/>
                    </a:lnTo>
                    <a:lnTo>
                      <a:pt x="871" y="731"/>
                    </a:lnTo>
                    <a:lnTo>
                      <a:pt x="875" y="734"/>
                    </a:lnTo>
                    <a:lnTo>
                      <a:pt x="879" y="736"/>
                    </a:lnTo>
                    <a:lnTo>
                      <a:pt x="881" y="740"/>
                    </a:lnTo>
                    <a:lnTo>
                      <a:pt x="883" y="745"/>
                    </a:lnTo>
                    <a:lnTo>
                      <a:pt x="884" y="752"/>
                    </a:lnTo>
                    <a:lnTo>
                      <a:pt x="885" y="761"/>
                    </a:lnTo>
                    <a:lnTo>
                      <a:pt x="885" y="770"/>
                    </a:lnTo>
                    <a:lnTo>
                      <a:pt x="886" y="779"/>
                    </a:lnTo>
                    <a:lnTo>
                      <a:pt x="888" y="786"/>
                    </a:lnTo>
                    <a:lnTo>
                      <a:pt x="890" y="791"/>
                    </a:lnTo>
                    <a:lnTo>
                      <a:pt x="893" y="795"/>
                    </a:lnTo>
                    <a:lnTo>
                      <a:pt x="895" y="797"/>
                    </a:lnTo>
                    <a:lnTo>
                      <a:pt x="898" y="798"/>
                    </a:lnTo>
                    <a:lnTo>
                      <a:pt x="901" y="798"/>
                    </a:lnTo>
                    <a:lnTo>
                      <a:pt x="905" y="798"/>
                    </a:lnTo>
                    <a:lnTo>
                      <a:pt x="907" y="796"/>
                    </a:lnTo>
                    <a:lnTo>
                      <a:pt x="910" y="793"/>
                    </a:lnTo>
                    <a:lnTo>
                      <a:pt x="912" y="789"/>
                    </a:lnTo>
                    <a:lnTo>
                      <a:pt x="915" y="784"/>
                    </a:lnTo>
                    <a:lnTo>
                      <a:pt x="916" y="779"/>
                    </a:lnTo>
                    <a:lnTo>
                      <a:pt x="918" y="773"/>
                    </a:lnTo>
                    <a:lnTo>
                      <a:pt x="918" y="766"/>
                    </a:lnTo>
                    <a:lnTo>
                      <a:pt x="918" y="756"/>
                    </a:lnTo>
                    <a:lnTo>
                      <a:pt x="918" y="748"/>
                    </a:lnTo>
                    <a:lnTo>
                      <a:pt x="918" y="743"/>
                    </a:lnTo>
                    <a:lnTo>
                      <a:pt x="920" y="739"/>
                    </a:lnTo>
                    <a:lnTo>
                      <a:pt x="923" y="738"/>
                    </a:lnTo>
                    <a:lnTo>
                      <a:pt x="929" y="736"/>
                    </a:lnTo>
                    <a:lnTo>
                      <a:pt x="938" y="736"/>
                    </a:lnTo>
                    <a:lnTo>
                      <a:pt x="950" y="736"/>
                    </a:lnTo>
                    <a:lnTo>
                      <a:pt x="952" y="738"/>
                    </a:lnTo>
                    <a:lnTo>
                      <a:pt x="955" y="744"/>
                    </a:lnTo>
                    <a:lnTo>
                      <a:pt x="958" y="753"/>
                    </a:lnTo>
                    <a:lnTo>
                      <a:pt x="962" y="763"/>
                    </a:lnTo>
                    <a:lnTo>
                      <a:pt x="965" y="775"/>
                    </a:lnTo>
                    <a:lnTo>
                      <a:pt x="971" y="786"/>
                    </a:lnTo>
                    <a:lnTo>
                      <a:pt x="975" y="791"/>
                    </a:lnTo>
                    <a:lnTo>
                      <a:pt x="978" y="796"/>
                    </a:lnTo>
                    <a:lnTo>
                      <a:pt x="984" y="800"/>
                    </a:lnTo>
                    <a:lnTo>
                      <a:pt x="989" y="802"/>
                    </a:lnTo>
                    <a:lnTo>
                      <a:pt x="999" y="808"/>
                    </a:lnTo>
                    <a:lnTo>
                      <a:pt x="1015" y="815"/>
                    </a:lnTo>
                    <a:lnTo>
                      <a:pt x="1034" y="823"/>
                    </a:lnTo>
                    <a:lnTo>
                      <a:pt x="1054" y="828"/>
                    </a:lnTo>
                    <a:lnTo>
                      <a:pt x="1063" y="830"/>
                    </a:lnTo>
                    <a:lnTo>
                      <a:pt x="1070" y="830"/>
                    </a:lnTo>
                    <a:lnTo>
                      <a:pt x="1078" y="828"/>
                    </a:lnTo>
                    <a:lnTo>
                      <a:pt x="1083" y="826"/>
                    </a:lnTo>
                    <a:lnTo>
                      <a:pt x="1085" y="824"/>
                    </a:lnTo>
                    <a:lnTo>
                      <a:pt x="1086" y="822"/>
                    </a:lnTo>
                    <a:lnTo>
                      <a:pt x="1087" y="818"/>
                    </a:lnTo>
                    <a:lnTo>
                      <a:pt x="1087" y="814"/>
                    </a:lnTo>
                    <a:lnTo>
                      <a:pt x="1085" y="805"/>
                    </a:lnTo>
                    <a:lnTo>
                      <a:pt x="1079" y="793"/>
                    </a:lnTo>
                    <a:lnTo>
                      <a:pt x="1072" y="778"/>
                    </a:lnTo>
                    <a:lnTo>
                      <a:pt x="1066" y="763"/>
                    </a:lnTo>
                    <a:lnTo>
                      <a:pt x="1061" y="749"/>
                    </a:lnTo>
                    <a:lnTo>
                      <a:pt x="1057" y="736"/>
                    </a:lnTo>
                    <a:lnTo>
                      <a:pt x="1055" y="725"/>
                    </a:lnTo>
                    <a:lnTo>
                      <a:pt x="1052" y="714"/>
                    </a:lnTo>
                    <a:lnTo>
                      <a:pt x="1051" y="703"/>
                    </a:lnTo>
                    <a:lnTo>
                      <a:pt x="1051" y="692"/>
                    </a:lnTo>
                    <a:lnTo>
                      <a:pt x="1054" y="670"/>
                    </a:lnTo>
                    <a:lnTo>
                      <a:pt x="1056" y="646"/>
                    </a:lnTo>
                    <a:lnTo>
                      <a:pt x="1061" y="617"/>
                    </a:lnTo>
                    <a:lnTo>
                      <a:pt x="1066" y="583"/>
                    </a:lnTo>
                    <a:lnTo>
                      <a:pt x="1068" y="565"/>
                    </a:lnTo>
                    <a:lnTo>
                      <a:pt x="1066" y="551"/>
                    </a:lnTo>
                    <a:lnTo>
                      <a:pt x="1064" y="541"/>
                    </a:lnTo>
                    <a:lnTo>
                      <a:pt x="1060" y="532"/>
                    </a:lnTo>
                    <a:lnTo>
                      <a:pt x="1055" y="523"/>
                    </a:lnTo>
                    <a:lnTo>
                      <a:pt x="1052" y="513"/>
                    </a:lnTo>
                    <a:lnTo>
                      <a:pt x="1048" y="503"/>
                    </a:lnTo>
                    <a:lnTo>
                      <a:pt x="1048" y="490"/>
                    </a:lnTo>
                    <a:lnTo>
                      <a:pt x="1046" y="475"/>
                    </a:lnTo>
                    <a:lnTo>
                      <a:pt x="1042" y="455"/>
                    </a:lnTo>
                    <a:lnTo>
                      <a:pt x="1035" y="434"/>
                    </a:lnTo>
                    <a:lnTo>
                      <a:pt x="1029" y="414"/>
                    </a:lnTo>
                    <a:lnTo>
                      <a:pt x="1025" y="393"/>
                    </a:lnTo>
                    <a:lnTo>
                      <a:pt x="1022" y="375"/>
                    </a:lnTo>
                    <a:lnTo>
                      <a:pt x="1024" y="367"/>
                    </a:lnTo>
                    <a:lnTo>
                      <a:pt x="1025" y="361"/>
                    </a:lnTo>
                    <a:lnTo>
                      <a:pt x="1028" y="354"/>
                    </a:lnTo>
                    <a:lnTo>
                      <a:pt x="1032" y="349"/>
                    </a:lnTo>
                    <a:lnTo>
                      <a:pt x="1042" y="341"/>
                    </a:lnTo>
                    <a:lnTo>
                      <a:pt x="1048" y="333"/>
                    </a:lnTo>
                    <a:lnTo>
                      <a:pt x="1052" y="327"/>
                    </a:lnTo>
                    <a:lnTo>
                      <a:pt x="1054" y="320"/>
                    </a:lnTo>
                    <a:lnTo>
                      <a:pt x="1052" y="314"/>
                    </a:lnTo>
                    <a:lnTo>
                      <a:pt x="1050" y="309"/>
                    </a:lnTo>
                    <a:lnTo>
                      <a:pt x="1046" y="302"/>
                    </a:lnTo>
                    <a:lnTo>
                      <a:pt x="1041" y="297"/>
                    </a:lnTo>
                    <a:lnTo>
                      <a:pt x="1028" y="287"/>
                    </a:lnTo>
                    <a:lnTo>
                      <a:pt x="1016" y="276"/>
                    </a:lnTo>
                    <a:lnTo>
                      <a:pt x="1011" y="270"/>
                    </a:lnTo>
                    <a:lnTo>
                      <a:pt x="1006" y="265"/>
                    </a:lnTo>
                    <a:lnTo>
                      <a:pt x="1003" y="257"/>
                    </a:lnTo>
                    <a:lnTo>
                      <a:pt x="1002" y="251"/>
                    </a:lnTo>
                    <a:lnTo>
                      <a:pt x="1009" y="249"/>
                    </a:lnTo>
                    <a:lnTo>
                      <a:pt x="1017" y="249"/>
                    </a:lnTo>
                    <a:lnTo>
                      <a:pt x="1025" y="249"/>
                    </a:lnTo>
                    <a:lnTo>
                      <a:pt x="1034" y="252"/>
                    </a:lnTo>
                    <a:lnTo>
                      <a:pt x="1052" y="257"/>
                    </a:lnTo>
                    <a:lnTo>
                      <a:pt x="1070" y="265"/>
                    </a:lnTo>
                    <a:lnTo>
                      <a:pt x="1105" y="283"/>
                    </a:lnTo>
                    <a:lnTo>
                      <a:pt x="1135" y="296"/>
                    </a:lnTo>
                    <a:lnTo>
                      <a:pt x="1155" y="300"/>
                    </a:lnTo>
                    <a:lnTo>
                      <a:pt x="1180" y="304"/>
                    </a:lnTo>
                    <a:lnTo>
                      <a:pt x="1209" y="308"/>
                    </a:lnTo>
                    <a:lnTo>
                      <a:pt x="1235" y="315"/>
                    </a:lnTo>
                    <a:lnTo>
                      <a:pt x="1247" y="319"/>
                    </a:lnTo>
                    <a:lnTo>
                      <a:pt x="1256" y="326"/>
                    </a:lnTo>
                    <a:lnTo>
                      <a:pt x="1260" y="328"/>
                    </a:lnTo>
                    <a:lnTo>
                      <a:pt x="1262" y="332"/>
                    </a:lnTo>
                    <a:lnTo>
                      <a:pt x="1263" y="336"/>
                    </a:lnTo>
                    <a:lnTo>
                      <a:pt x="1265" y="340"/>
                    </a:lnTo>
                    <a:lnTo>
                      <a:pt x="1266" y="345"/>
                    </a:lnTo>
                    <a:lnTo>
                      <a:pt x="1265" y="349"/>
                    </a:lnTo>
                    <a:lnTo>
                      <a:pt x="1263" y="355"/>
                    </a:lnTo>
                    <a:lnTo>
                      <a:pt x="1260" y="361"/>
                    </a:lnTo>
                    <a:lnTo>
                      <a:pt x="1256" y="367"/>
                    </a:lnTo>
                    <a:lnTo>
                      <a:pt x="1250" y="374"/>
                    </a:lnTo>
                    <a:lnTo>
                      <a:pt x="1244" y="381"/>
                    </a:lnTo>
                    <a:lnTo>
                      <a:pt x="1236" y="388"/>
                    </a:lnTo>
                    <a:lnTo>
                      <a:pt x="1230" y="394"/>
                    </a:lnTo>
                    <a:lnTo>
                      <a:pt x="1226" y="401"/>
                    </a:lnTo>
                    <a:lnTo>
                      <a:pt x="1223" y="406"/>
                    </a:lnTo>
                    <a:lnTo>
                      <a:pt x="1223" y="412"/>
                    </a:lnTo>
                    <a:lnTo>
                      <a:pt x="1223" y="418"/>
                    </a:lnTo>
                    <a:lnTo>
                      <a:pt x="1225" y="423"/>
                    </a:lnTo>
                    <a:lnTo>
                      <a:pt x="1227" y="428"/>
                    </a:lnTo>
                    <a:lnTo>
                      <a:pt x="1230" y="432"/>
                    </a:lnTo>
                    <a:lnTo>
                      <a:pt x="1236" y="442"/>
                    </a:lnTo>
                    <a:lnTo>
                      <a:pt x="1240" y="453"/>
                    </a:lnTo>
                    <a:lnTo>
                      <a:pt x="1241" y="456"/>
                    </a:lnTo>
                    <a:lnTo>
                      <a:pt x="1241" y="462"/>
                    </a:lnTo>
                    <a:lnTo>
                      <a:pt x="1239" y="468"/>
                    </a:lnTo>
                    <a:lnTo>
                      <a:pt x="1236" y="473"/>
                    </a:lnTo>
                    <a:lnTo>
                      <a:pt x="1228" y="484"/>
                    </a:lnTo>
                    <a:lnTo>
                      <a:pt x="1225" y="491"/>
                    </a:lnTo>
                    <a:lnTo>
                      <a:pt x="1223" y="499"/>
                    </a:lnTo>
                    <a:lnTo>
                      <a:pt x="1225" y="504"/>
                    </a:lnTo>
                    <a:lnTo>
                      <a:pt x="1227" y="510"/>
                    </a:lnTo>
                    <a:lnTo>
                      <a:pt x="1232" y="512"/>
                    </a:lnTo>
                    <a:lnTo>
                      <a:pt x="1239" y="515"/>
                    </a:lnTo>
                    <a:lnTo>
                      <a:pt x="1248" y="516"/>
                    </a:lnTo>
                    <a:lnTo>
                      <a:pt x="1266" y="516"/>
                    </a:lnTo>
                    <a:lnTo>
                      <a:pt x="1285" y="515"/>
                    </a:lnTo>
                    <a:lnTo>
                      <a:pt x="1302" y="512"/>
                    </a:lnTo>
                    <a:lnTo>
                      <a:pt x="1317" y="510"/>
                    </a:lnTo>
                    <a:lnTo>
                      <a:pt x="1329" y="511"/>
                    </a:lnTo>
                    <a:lnTo>
                      <a:pt x="1344" y="516"/>
                    </a:lnTo>
                    <a:lnTo>
                      <a:pt x="1359" y="521"/>
                    </a:lnTo>
                    <a:lnTo>
                      <a:pt x="1376" y="529"/>
                    </a:lnTo>
                    <a:lnTo>
                      <a:pt x="1410" y="545"/>
                    </a:lnTo>
                    <a:lnTo>
                      <a:pt x="1436" y="558"/>
                    </a:lnTo>
                    <a:lnTo>
                      <a:pt x="1441" y="560"/>
                    </a:lnTo>
                    <a:lnTo>
                      <a:pt x="1445" y="564"/>
                    </a:lnTo>
                    <a:lnTo>
                      <a:pt x="1449" y="568"/>
                    </a:lnTo>
                    <a:lnTo>
                      <a:pt x="1451" y="573"/>
                    </a:lnTo>
                    <a:lnTo>
                      <a:pt x="1456" y="582"/>
                    </a:lnTo>
                    <a:lnTo>
                      <a:pt x="1460" y="594"/>
                    </a:lnTo>
                    <a:lnTo>
                      <a:pt x="1463" y="603"/>
                    </a:lnTo>
                    <a:lnTo>
                      <a:pt x="1467" y="612"/>
                    </a:lnTo>
                    <a:lnTo>
                      <a:pt x="1468" y="615"/>
                    </a:lnTo>
                    <a:lnTo>
                      <a:pt x="1471" y="617"/>
                    </a:lnTo>
                    <a:lnTo>
                      <a:pt x="1473" y="618"/>
                    </a:lnTo>
                    <a:lnTo>
                      <a:pt x="1476" y="618"/>
                    </a:lnTo>
                    <a:lnTo>
                      <a:pt x="1696" y="612"/>
                    </a:lnTo>
                    <a:lnTo>
                      <a:pt x="1717" y="612"/>
                    </a:lnTo>
                    <a:lnTo>
                      <a:pt x="1748" y="615"/>
                    </a:lnTo>
                    <a:lnTo>
                      <a:pt x="1765" y="615"/>
                    </a:lnTo>
                    <a:lnTo>
                      <a:pt x="1779" y="615"/>
                    </a:lnTo>
                    <a:lnTo>
                      <a:pt x="1784" y="615"/>
                    </a:lnTo>
                    <a:lnTo>
                      <a:pt x="1789" y="613"/>
                    </a:lnTo>
                    <a:lnTo>
                      <a:pt x="1792" y="612"/>
                    </a:lnTo>
                    <a:lnTo>
                      <a:pt x="1793" y="611"/>
                    </a:lnTo>
                    <a:lnTo>
                      <a:pt x="1792" y="611"/>
                    </a:lnTo>
                    <a:lnTo>
                      <a:pt x="1792" y="609"/>
                    </a:lnTo>
                    <a:lnTo>
                      <a:pt x="1774" y="604"/>
                    </a:lnTo>
                    <a:lnTo>
                      <a:pt x="1745" y="596"/>
                    </a:lnTo>
                    <a:lnTo>
                      <a:pt x="1709" y="585"/>
                    </a:lnTo>
                    <a:lnTo>
                      <a:pt x="1673" y="570"/>
                    </a:lnTo>
                    <a:lnTo>
                      <a:pt x="1656" y="561"/>
                    </a:lnTo>
                    <a:lnTo>
                      <a:pt x="1642" y="554"/>
                    </a:lnTo>
                    <a:lnTo>
                      <a:pt x="1629" y="545"/>
                    </a:lnTo>
                    <a:lnTo>
                      <a:pt x="1620" y="534"/>
                    </a:lnTo>
                    <a:lnTo>
                      <a:pt x="1616" y="529"/>
                    </a:lnTo>
                    <a:lnTo>
                      <a:pt x="1613" y="524"/>
                    </a:lnTo>
                    <a:lnTo>
                      <a:pt x="1612" y="519"/>
                    </a:lnTo>
                    <a:lnTo>
                      <a:pt x="1612" y="513"/>
                    </a:lnTo>
                    <a:lnTo>
                      <a:pt x="1613" y="508"/>
                    </a:lnTo>
                    <a:lnTo>
                      <a:pt x="1616" y="503"/>
                    </a:lnTo>
                    <a:lnTo>
                      <a:pt x="1620" y="498"/>
                    </a:lnTo>
                    <a:lnTo>
                      <a:pt x="1625" y="491"/>
                    </a:lnTo>
                    <a:lnTo>
                      <a:pt x="1639" y="481"/>
                    </a:lnTo>
                    <a:lnTo>
                      <a:pt x="1655" y="472"/>
                    </a:lnTo>
                    <a:lnTo>
                      <a:pt x="1671" y="463"/>
                    </a:lnTo>
                    <a:lnTo>
                      <a:pt x="1690" y="456"/>
                    </a:lnTo>
                    <a:lnTo>
                      <a:pt x="1709" y="451"/>
                    </a:lnTo>
                    <a:lnTo>
                      <a:pt x="1730" y="446"/>
                    </a:lnTo>
                    <a:lnTo>
                      <a:pt x="1751" y="442"/>
                    </a:lnTo>
                    <a:lnTo>
                      <a:pt x="1773" y="440"/>
                    </a:lnTo>
                    <a:lnTo>
                      <a:pt x="1815" y="434"/>
                    </a:lnTo>
                    <a:lnTo>
                      <a:pt x="1858" y="431"/>
                    </a:lnTo>
                    <a:lnTo>
                      <a:pt x="1879" y="428"/>
                    </a:lnTo>
                    <a:lnTo>
                      <a:pt x="1898" y="425"/>
                    </a:lnTo>
                    <a:lnTo>
                      <a:pt x="1918" y="422"/>
                    </a:lnTo>
                    <a:lnTo>
                      <a:pt x="1934" y="418"/>
                    </a:lnTo>
                    <a:lnTo>
                      <a:pt x="2011" y="398"/>
                    </a:lnTo>
                    <a:lnTo>
                      <a:pt x="2034" y="389"/>
                    </a:lnTo>
                    <a:lnTo>
                      <a:pt x="2060" y="380"/>
                    </a:lnTo>
                    <a:lnTo>
                      <a:pt x="2073" y="375"/>
                    </a:lnTo>
                    <a:lnTo>
                      <a:pt x="2085" y="370"/>
                    </a:lnTo>
                    <a:lnTo>
                      <a:pt x="2095" y="363"/>
                    </a:lnTo>
                    <a:lnTo>
                      <a:pt x="2104" y="357"/>
                    </a:lnTo>
                    <a:lnTo>
                      <a:pt x="2112" y="348"/>
                    </a:lnTo>
                    <a:lnTo>
                      <a:pt x="2121" y="339"/>
                    </a:lnTo>
                    <a:lnTo>
                      <a:pt x="2126" y="333"/>
                    </a:lnTo>
                    <a:lnTo>
                      <a:pt x="2131" y="331"/>
                    </a:lnTo>
                    <a:lnTo>
                      <a:pt x="2137" y="328"/>
                    </a:lnTo>
                    <a:lnTo>
                      <a:pt x="2140" y="327"/>
                    </a:lnTo>
                    <a:lnTo>
                      <a:pt x="2155" y="330"/>
                    </a:lnTo>
                    <a:lnTo>
                      <a:pt x="2165" y="328"/>
                    </a:lnTo>
                    <a:lnTo>
                      <a:pt x="2164" y="319"/>
                    </a:lnTo>
                    <a:lnTo>
                      <a:pt x="2160" y="310"/>
                    </a:lnTo>
                    <a:lnTo>
                      <a:pt x="2156" y="302"/>
                    </a:lnTo>
                    <a:lnTo>
                      <a:pt x="2151" y="295"/>
                    </a:lnTo>
                    <a:lnTo>
                      <a:pt x="2147" y="284"/>
                    </a:lnTo>
                    <a:lnTo>
                      <a:pt x="2146" y="274"/>
                    </a:lnTo>
                    <a:lnTo>
                      <a:pt x="2147" y="261"/>
                    </a:lnTo>
                    <a:lnTo>
                      <a:pt x="2150" y="247"/>
                    </a:lnTo>
                    <a:lnTo>
                      <a:pt x="2153" y="232"/>
                    </a:lnTo>
                    <a:lnTo>
                      <a:pt x="2157" y="217"/>
                    </a:lnTo>
                    <a:lnTo>
                      <a:pt x="2164" y="201"/>
                    </a:lnTo>
                    <a:lnTo>
                      <a:pt x="2170" y="184"/>
                    </a:lnTo>
                    <a:lnTo>
                      <a:pt x="2186" y="152"/>
                    </a:lnTo>
                    <a:lnTo>
                      <a:pt x="2200" y="121"/>
                    </a:lnTo>
                    <a:lnTo>
                      <a:pt x="2214" y="95"/>
                    </a:lnTo>
                    <a:lnTo>
                      <a:pt x="2223" y="74"/>
                    </a:lnTo>
                    <a:lnTo>
                      <a:pt x="2229" y="64"/>
                    </a:lnTo>
                    <a:lnTo>
                      <a:pt x="2234" y="56"/>
                    </a:lnTo>
                    <a:lnTo>
                      <a:pt x="2238" y="48"/>
                    </a:lnTo>
                    <a:lnTo>
                      <a:pt x="2243" y="43"/>
                    </a:lnTo>
                    <a:lnTo>
                      <a:pt x="2248" y="39"/>
                    </a:lnTo>
                    <a:lnTo>
                      <a:pt x="2253" y="35"/>
                    </a:lnTo>
                    <a:lnTo>
                      <a:pt x="2258" y="34"/>
                    </a:lnTo>
                    <a:lnTo>
                      <a:pt x="2264" y="32"/>
                    </a:lnTo>
                    <a:lnTo>
                      <a:pt x="2291" y="30"/>
                    </a:lnTo>
                    <a:lnTo>
                      <a:pt x="2331" y="29"/>
                    </a:lnTo>
                    <a:lnTo>
                      <a:pt x="2354" y="26"/>
                    </a:lnTo>
                    <a:lnTo>
                      <a:pt x="2380" y="24"/>
                    </a:lnTo>
                    <a:lnTo>
                      <a:pt x="2406" y="21"/>
                    </a:lnTo>
                    <a:lnTo>
                      <a:pt x="2433" y="19"/>
                    </a:lnTo>
                    <a:lnTo>
                      <a:pt x="2459" y="16"/>
                    </a:lnTo>
                    <a:lnTo>
                      <a:pt x="2486" y="12"/>
                    </a:lnTo>
                    <a:lnTo>
                      <a:pt x="2512" y="7"/>
                    </a:lnTo>
                    <a:lnTo>
                      <a:pt x="2537" y="0"/>
                    </a:lnTo>
                    <a:lnTo>
                      <a:pt x="2537" y="0"/>
                    </a:lnTo>
                    <a:lnTo>
                      <a:pt x="2550" y="38"/>
                    </a:lnTo>
                    <a:lnTo>
                      <a:pt x="2538" y="54"/>
                    </a:lnTo>
                    <a:lnTo>
                      <a:pt x="2525" y="68"/>
                    </a:lnTo>
                    <a:lnTo>
                      <a:pt x="2520" y="76"/>
                    </a:lnTo>
                    <a:lnTo>
                      <a:pt x="2516" y="83"/>
                    </a:lnTo>
                    <a:lnTo>
                      <a:pt x="2515" y="92"/>
                    </a:lnTo>
                    <a:lnTo>
                      <a:pt x="2515" y="104"/>
                    </a:lnTo>
                    <a:lnTo>
                      <a:pt x="2519" y="126"/>
                    </a:lnTo>
                    <a:lnTo>
                      <a:pt x="2525" y="144"/>
                    </a:lnTo>
                    <a:lnTo>
                      <a:pt x="2528" y="152"/>
                    </a:lnTo>
                    <a:lnTo>
                      <a:pt x="2532" y="160"/>
                    </a:lnTo>
                    <a:lnTo>
                      <a:pt x="2536" y="165"/>
                    </a:lnTo>
                    <a:lnTo>
                      <a:pt x="2541" y="170"/>
                    </a:lnTo>
                    <a:lnTo>
                      <a:pt x="2546" y="175"/>
                    </a:lnTo>
                    <a:lnTo>
                      <a:pt x="2552" y="178"/>
                    </a:lnTo>
                    <a:lnTo>
                      <a:pt x="2559" y="179"/>
                    </a:lnTo>
                    <a:lnTo>
                      <a:pt x="2567" y="181"/>
                    </a:lnTo>
                    <a:lnTo>
                      <a:pt x="2574" y="179"/>
                    </a:lnTo>
                    <a:lnTo>
                      <a:pt x="2584" y="177"/>
                    </a:lnTo>
                    <a:lnTo>
                      <a:pt x="2594" y="174"/>
                    </a:lnTo>
                    <a:lnTo>
                      <a:pt x="2604" y="169"/>
                    </a:lnTo>
                    <a:lnTo>
                      <a:pt x="2612" y="165"/>
                    </a:lnTo>
                    <a:lnTo>
                      <a:pt x="2620" y="162"/>
                    </a:lnTo>
                    <a:lnTo>
                      <a:pt x="2628" y="161"/>
                    </a:lnTo>
                    <a:lnTo>
                      <a:pt x="2634" y="160"/>
                    </a:lnTo>
                    <a:lnTo>
                      <a:pt x="2639" y="161"/>
                    </a:lnTo>
                    <a:lnTo>
                      <a:pt x="2644" y="161"/>
                    </a:lnTo>
                    <a:lnTo>
                      <a:pt x="2650" y="164"/>
                    </a:lnTo>
                    <a:lnTo>
                      <a:pt x="2653" y="166"/>
                    </a:lnTo>
                    <a:lnTo>
                      <a:pt x="2657" y="170"/>
                    </a:lnTo>
                    <a:lnTo>
                      <a:pt x="2660" y="174"/>
                    </a:lnTo>
                    <a:lnTo>
                      <a:pt x="2661" y="179"/>
                    </a:lnTo>
                    <a:lnTo>
                      <a:pt x="2663" y="186"/>
                    </a:lnTo>
                    <a:lnTo>
                      <a:pt x="2664" y="192"/>
                    </a:lnTo>
                    <a:lnTo>
                      <a:pt x="2664" y="199"/>
                    </a:lnTo>
                    <a:lnTo>
                      <a:pt x="2663" y="206"/>
                    </a:lnTo>
                    <a:lnTo>
                      <a:pt x="2661" y="216"/>
                    </a:lnTo>
                    <a:lnTo>
                      <a:pt x="2657" y="234"/>
                    </a:lnTo>
                    <a:lnTo>
                      <a:pt x="2656" y="249"/>
                    </a:lnTo>
                    <a:lnTo>
                      <a:pt x="2656" y="262"/>
                    </a:lnTo>
                    <a:lnTo>
                      <a:pt x="2659" y="273"/>
                    </a:lnTo>
                    <a:lnTo>
                      <a:pt x="2663" y="282"/>
                    </a:lnTo>
                    <a:lnTo>
                      <a:pt x="2668" y="288"/>
                    </a:lnTo>
                    <a:lnTo>
                      <a:pt x="2673" y="295"/>
                    </a:lnTo>
                    <a:lnTo>
                      <a:pt x="2681" y="300"/>
                    </a:lnTo>
                    <a:lnTo>
                      <a:pt x="2696" y="310"/>
                    </a:lnTo>
                    <a:lnTo>
                      <a:pt x="2712" y="320"/>
                    </a:lnTo>
                    <a:lnTo>
                      <a:pt x="2718" y="327"/>
                    </a:lnTo>
                    <a:lnTo>
                      <a:pt x="2725" y="336"/>
                    </a:lnTo>
                    <a:lnTo>
                      <a:pt x="2731" y="345"/>
                    </a:lnTo>
                    <a:lnTo>
                      <a:pt x="2735" y="357"/>
                    </a:lnTo>
                    <a:lnTo>
                      <a:pt x="2739" y="368"/>
                    </a:lnTo>
                    <a:lnTo>
                      <a:pt x="2743" y="380"/>
                    </a:lnTo>
                    <a:lnTo>
                      <a:pt x="2748" y="390"/>
                    </a:lnTo>
                    <a:lnTo>
                      <a:pt x="2753" y="401"/>
                    </a:lnTo>
                    <a:lnTo>
                      <a:pt x="2760" y="410"/>
                    </a:lnTo>
                    <a:lnTo>
                      <a:pt x="2767" y="419"/>
                    </a:lnTo>
                    <a:lnTo>
                      <a:pt x="2777" y="427"/>
                    </a:lnTo>
                    <a:lnTo>
                      <a:pt x="2787" y="434"/>
                    </a:lnTo>
                    <a:lnTo>
                      <a:pt x="2799" y="438"/>
                    </a:lnTo>
                    <a:lnTo>
                      <a:pt x="2810" y="441"/>
                    </a:lnTo>
                    <a:lnTo>
                      <a:pt x="2821" y="444"/>
                    </a:lnTo>
                    <a:lnTo>
                      <a:pt x="2832" y="445"/>
                    </a:lnTo>
                    <a:lnTo>
                      <a:pt x="2841" y="447"/>
                    </a:lnTo>
                    <a:lnTo>
                      <a:pt x="2850" y="453"/>
                    </a:lnTo>
                    <a:lnTo>
                      <a:pt x="2856" y="456"/>
                    </a:lnTo>
                    <a:lnTo>
                      <a:pt x="2859" y="460"/>
                    </a:lnTo>
                    <a:lnTo>
                      <a:pt x="2863" y="466"/>
                    </a:lnTo>
                    <a:lnTo>
                      <a:pt x="2867" y="473"/>
                    </a:lnTo>
                    <a:lnTo>
                      <a:pt x="2865" y="493"/>
                    </a:lnTo>
                    <a:lnTo>
                      <a:pt x="2865" y="515"/>
                    </a:lnTo>
                    <a:lnTo>
                      <a:pt x="2866" y="538"/>
                    </a:lnTo>
                    <a:lnTo>
                      <a:pt x="2870" y="561"/>
                    </a:lnTo>
                    <a:lnTo>
                      <a:pt x="2875" y="583"/>
                    </a:lnTo>
                    <a:lnTo>
                      <a:pt x="2881" y="605"/>
                    </a:lnTo>
                    <a:lnTo>
                      <a:pt x="2887" y="616"/>
                    </a:lnTo>
                    <a:lnTo>
                      <a:pt x="2891" y="625"/>
                    </a:lnTo>
                    <a:lnTo>
                      <a:pt x="2896" y="634"/>
                    </a:lnTo>
                    <a:lnTo>
                      <a:pt x="2902" y="642"/>
                    </a:lnTo>
                    <a:lnTo>
                      <a:pt x="2905" y="646"/>
                    </a:lnTo>
                    <a:lnTo>
                      <a:pt x="2909" y="648"/>
                    </a:lnTo>
                    <a:lnTo>
                      <a:pt x="2911" y="651"/>
                    </a:lnTo>
                    <a:lnTo>
                      <a:pt x="2915" y="652"/>
                    </a:lnTo>
                    <a:lnTo>
                      <a:pt x="2922" y="652"/>
                    </a:lnTo>
                    <a:lnTo>
                      <a:pt x="2929" y="649"/>
                    </a:lnTo>
                    <a:lnTo>
                      <a:pt x="2936" y="644"/>
                    </a:lnTo>
                    <a:lnTo>
                      <a:pt x="2944" y="639"/>
                    </a:lnTo>
                    <a:lnTo>
                      <a:pt x="2951" y="631"/>
                    </a:lnTo>
                    <a:lnTo>
                      <a:pt x="2959" y="622"/>
                    </a:lnTo>
                    <a:lnTo>
                      <a:pt x="2973" y="605"/>
                    </a:lnTo>
                    <a:lnTo>
                      <a:pt x="2989" y="589"/>
                    </a:lnTo>
                    <a:lnTo>
                      <a:pt x="2995" y="582"/>
                    </a:lnTo>
                    <a:lnTo>
                      <a:pt x="3003" y="578"/>
                    </a:lnTo>
                    <a:lnTo>
                      <a:pt x="3010" y="574"/>
                    </a:lnTo>
                    <a:lnTo>
                      <a:pt x="3016" y="574"/>
                    </a:lnTo>
                    <a:lnTo>
                      <a:pt x="3021" y="577"/>
                    </a:lnTo>
                    <a:lnTo>
                      <a:pt x="3027" y="581"/>
                    </a:lnTo>
                    <a:lnTo>
                      <a:pt x="3030" y="585"/>
                    </a:lnTo>
                    <a:lnTo>
                      <a:pt x="3033" y="591"/>
                    </a:lnTo>
                    <a:lnTo>
                      <a:pt x="3040" y="607"/>
                    </a:lnTo>
                    <a:lnTo>
                      <a:pt x="3043" y="624"/>
                    </a:lnTo>
                    <a:lnTo>
                      <a:pt x="3050" y="660"/>
                    </a:lnTo>
                    <a:lnTo>
                      <a:pt x="3056" y="687"/>
                    </a:lnTo>
                    <a:lnTo>
                      <a:pt x="3063" y="701"/>
                    </a:lnTo>
                    <a:lnTo>
                      <a:pt x="3071" y="714"/>
                    </a:lnTo>
                    <a:lnTo>
                      <a:pt x="3080" y="726"/>
                    </a:lnTo>
                    <a:lnTo>
                      <a:pt x="3089" y="736"/>
                    </a:lnTo>
                    <a:lnTo>
                      <a:pt x="3109" y="757"/>
                    </a:lnTo>
                    <a:lnTo>
                      <a:pt x="3132" y="778"/>
                    </a:lnTo>
                    <a:lnTo>
                      <a:pt x="3137" y="783"/>
                    </a:lnTo>
                    <a:lnTo>
                      <a:pt x="3142" y="789"/>
                    </a:lnTo>
                    <a:lnTo>
                      <a:pt x="3146" y="797"/>
                    </a:lnTo>
                    <a:lnTo>
                      <a:pt x="3150" y="806"/>
                    </a:lnTo>
                    <a:lnTo>
                      <a:pt x="3157" y="823"/>
                    </a:lnTo>
                    <a:lnTo>
                      <a:pt x="3165" y="841"/>
                    </a:lnTo>
                    <a:lnTo>
                      <a:pt x="3169" y="849"/>
                    </a:lnTo>
                    <a:lnTo>
                      <a:pt x="3174" y="857"/>
                    </a:lnTo>
                    <a:lnTo>
                      <a:pt x="3179" y="865"/>
                    </a:lnTo>
                    <a:lnTo>
                      <a:pt x="3185" y="871"/>
                    </a:lnTo>
                    <a:lnTo>
                      <a:pt x="3191" y="876"/>
                    </a:lnTo>
                    <a:lnTo>
                      <a:pt x="3198" y="880"/>
                    </a:lnTo>
                    <a:lnTo>
                      <a:pt x="3205" y="883"/>
                    </a:lnTo>
                    <a:lnTo>
                      <a:pt x="3214" y="883"/>
                    </a:lnTo>
                    <a:lnTo>
                      <a:pt x="3253" y="883"/>
                    </a:lnTo>
                    <a:lnTo>
                      <a:pt x="3279" y="884"/>
                    </a:lnTo>
                    <a:lnTo>
                      <a:pt x="3290" y="887"/>
                    </a:lnTo>
                    <a:lnTo>
                      <a:pt x="3303" y="893"/>
                    </a:lnTo>
                    <a:lnTo>
                      <a:pt x="3318" y="901"/>
                    </a:lnTo>
                    <a:lnTo>
                      <a:pt x="3338" y="914"/>
                    </a:lnTo>
                    <a:lnTo>
                      <a:pt x="3338" y="914"/>
                    </a:lnTo>
                    <a:lnTo>
                      <a:pt x="3347" y="924"/>
                    </a:lnTo>
                    <a:lnTo>
                      <a:pt x="3357" y="934"/>
                    </a:lnTo>
                    <a:lnTo>
                      <a:pt x="3362" y="940"/>
                    </a:lnTo>
                    <a:lnTo>
                      <a:pt x="3367" y="944"/>
                    </a:lnTo>
                    <a:lnTo>
                      <a:pt x="3374" y="947"/>
                    </a:lnTo>
                    <a:lnTo>
                      <a:pt x="3380" y="950"/>
                    </a:lnTo>
                    <a:lnTo>
                      <a:pt x="3393" y="951"/>
                    </a:lnTo>
                    <a:lnTo>
                      <a:pt x="3406" y="950"/>
                    </a:lnTo>
                    <a:lnTo>
                      <a:pt x="3424" y="947"/>
                    </a:lnTo>
                    <a:lnTo>
                      <a:pt x="3442" y="945"/>
                    </a:lnTo>
                    <a:lnTo>
                      <a:pt x="3493" y="950"/>
                    </a:lnTo>
                    <a:lnTo>
                      <a:pt x="3493" y="950"/>
                    </a:lnTo>
                    <a:lnTo>
                      <a:pt x="3507" y="962"/>
                    </a:lnTo>
                    <a:lnTo>
                      <a:pt x="3519" y="975"/>
                    </a:lnTo>
                    <a:lnTo>
                      <a:pt x="3531" y="988"/>
                    </a:lnTo>
                    <a:lnTo>
                      <a:pt x="3542" y="1001"/>
                    </a:lnTo>
                    <a:lnTo>
                      <a:pt x="3562" y="1028"/>
                    </a:lnTo>
                    <a:lnTo>
                      <a:pt x="3582" y="1056"/>
                    </a:lnTo>
                    <a:lnTo>
                      <a:pt x="3588" y="1063"/>
                    </a:lnTo>
                    <a:lnTo>
                      <a:pt x="3593" y="1069"/>
                    </a:lnTo>
                    <a:lnTo>
                      <a:pt x="3599" y="1073"/>
                    </a:lnTo>
                    <a:lnTo>
                      <a:pt x="3606" y="1077"/>
                    </a:lnTo>
                    <a:lnTo>
                      <a:pt x="3619" y="1083"/>
                    </a:lnTo>
                    <a:lnTo>
                      <a:pt x="3633" y="1087"/>
                    </a:lnTo>
                    <a:lnTo>
                      <a:pt x="3648" y="1091"/>
                    </a:lnTo>
                    <a:lnTo>
                      <a:pt x="3664" y="1094"/>
                    </a:lnTo>
                    <a:lnTo>
                      <a:pt x="3680" y="1098"/>
                    </a:lnTo>
                    <a:lnTo>
                      <a:pt x="3694" y="1103"/>
                    </a:lnTo>
                    <a:lnTo>
                      <a:pt x="3703" y="1108"/>
                    </a:lnTo>
                    <a:lnTo>
                      <a:pt x="3712" y="1113"/>
                    </a:lnTo>
                    <a:lnTo>
                      <a:pt x="3720" y="1118"/>
                    </a:lnTo>
                    <a:lnTo>
                      <a:pt x="3727" y="1125"/>
                    </a:lnTo>
                    <a:lnTo>
                      <a:pt x="3743" y="1139"/>
                    </a:lnTo>
                    <a:lnTo>
                      <a:pt x="3756" y="1153"/>
                    </a:lnTo>
                    <a:lnTo>
                      <a:pt x="3771" y="1168"/>
                    </a:lnTo>
                    <a:lnTo>
                      <a:pt x="3787" y="1181"/>
                    </a:lnTo>
                    <a:lnTo>
                      <a:pt x="3796" y="1186"/>
                    </a:lnTo>
                    <a:lnTo>
                      <a:pt x="3806" y="1191"/>
                    </a:lnTo>
                    <a:lnTo>
                      <a:pt x="3817" y="1195"/>
                    </a:lnTo>
                    <a:lnTo>
                      <a:pt x="3830" y="1199"/>
                    </a:lnTo>
                    <a:lnTo>
                      <a:pt x="3851" y="1204"/>
                    </a:lnTo>
                    <a:lnTo>
                      <a:pt x="3871" y="1210"/>
                    </a:lnTo>
                    <a:lnTo>
                      <a:pt x="3892" y="1218"/>
                    </a:lnTo>
                    <a:lnTo>
                      <a:pt x="3913" y="1226"/>
                    </a:lnTo>
                    <a:lnTo>
                      <a:pt x="3932" y="1235"/>
                    </a:lnTo>
                    <a:lnTo>
                      <a:pt x="3953" y="1245"/>
                    </a:lnTo>
                    <a:lnTo>
                      <a:pt x="3971" y="1256"/>
                    </a:lnTo>
                    <a:lnTo>
                      <a:pt x="3989" y="1267"/>
                    </a:lnTo>
                    <a:lnTo>
                      <a:pt x="4019" y="1295"/>
                    </a:lnTo>
                    <a:lnTo>
                      <a:pt x="4005" y="1319"/>
                    </a:lnTo>
                    <a:lnTo>
                      <a:pt x="3989" y="1343"/>
                    </a:lnTo>
                    <a:lnTo>
                      <a:pt x="3971" y="1367"/>
                    </a:lnTo>
                    <a:lnTo>
                      <a:pt x="3952" y="1389"/>
                    </a:lnTo>
                    <a:lnTo>
                      <a:pt x="3930" y="1412"/>
                    </a:lnTo>
                    <a:lnTo>
                      <a:pt x="3908" y="1435"/>
                    </a:lnTo>
                    <a:lnTo>
                      <a:pt x="3888" y="1457"/>
                    </a:lnTo>
                    <a:lnTo>
                      <a:pt x="3870" y="1480"/>
                    </a:lnTo>
                    <a:lnTo>
                      <a:pt x="3862" y="1492"/>
                    </a:lnTo>
                    <a:lnTo>
                      <a:pt x="3854" y="1503"/>
                    </a:lnTo>
                    <a:lnTo>
                      <a:pt x="3847" y="1515"/>
                    </a:lnTo>
                    <a:lnTo>
                      <a:pt x="3840" y="1528"/>
                    </a:lnTo>
                    <a:lnTo>
                      <a:pt x="3834" y="1542"/>
                    </a:lnTo>
                    <a:lnTo>
                      <a:pt x="3829" y="1556"/>
                    </a:lnTo>
                    <a:lnTo>
                      <a:pt x="3825" y="1571"/>
                    </a:lnTo>
                    <a:lnTo>
                      <a:pt x="3821" y="1587"/>
                    </a:lnTo>
                    <a:lnTo>
                      <a:pt x="3816" y="1603"/>
                    </a:lnTo>
                    <a:lnTo>
                      <a:pt x="3810" y="1617"/>
                    </a:lnTo>
                    <a:lnTo>
                      <a:pt x="3803" y="1631"/>
                    </a:lnTo>
                    <a:lnTo>
                      <a:pt x="3795" y="1643"/>
                    </a:lnTo>
                    <a:lnTo>
                      <a:pt x="3778" y="1668"/>
                    </a:lnTo>
                    <a:lnTo>
                      <a:pt x="3761" y="1694"/>
                    </a:lnTo>
                    <a:lnTo>
                      <a:pt x="3752" y="1710"/>
                    </a:lnTo>
                    <a:lnTo>
                      <a:pt x="3746" y="1727"/>
                    </a:lnTo>
                    <a:lnTo>
                      <a:pt x="3742" y="1744"/>
                    </a:lnTo>
                    <a:lnTo>
                      <a:pt x="3739" y="1761"/>
                    </a:lnTo>
                    <a:lnTo>
                      <a:pt x="3734" y="1796"/>
                    </a:lnTo>
                    <a:lnTo>
                      <a:pt x="3726" y="1834"/>
                    </a:lnTo>
                    <a:lnTo>
                      <a:pt x="3725" y="1841"/>
                    </a:lnTo>
                    <a:lnTo>
                      <a:pt x="3724" y="1849"/>
                    </a:lnTo>
                    <a:lnTo>
                      <a:pt x="3724" y="1858"/>
                    </a:lnTo>
                    <a:lnTo>
                      <a:pt x="3725" y="1867"/>
                    </a:lnTo>
                    <a:lnTo>
                      <a:pt x="3726" y="1878"/>
                    </a:lnTo>
                    <a:lnTo>
                      <a:pt x="3727" y="1887"/>
                    </a:lnTo>
                    <a:lnTo>
                      <a:pt x="3730" y="1897"/>
                    </a:lnTo>
                    <a:lnTo>
                      <a:pt x="3734" y="1906"/>
                    </a:lnTo>
                    <a:lnTo>
                      <a:pt x="3734" y="1906"/>
                    </a:lnTo>
                    <a:lnTo>
                      <a:pt x="3673" y="1935"/>
                    </a:lnTo>
                    <a:lnTo>
                      <a:pt x="3667" y="1940"/>
                    </a:lnTo>
                    <a:lnTo>
                      <a:pt x="3660" y="1942"/>
                    </a:lnTo>
                    <a:lnTo>
                      <a:pt x="3652" y="1946"/>
                    </a:lnTo>
                    <a:lnTo>
                      <a:pt x="3646" y="1948"/>
                    </a:lnTo>
                    <a:lnTo>
                      <a:pt x="3637" y="1948"/>
                    </a:lnTo>
                    <a:lnTo>
                      <a:pt x="3629" y="1949"/>
                    </a:lnTo>
                    <a:lnTo>
                      <a:pt x="3620" y="1948"/>
                    </a:lnTo>
                    <a:lnTo>
                      <a:pt x="3612" y="1946"/>
                    </a:lnTo>
                    <a:lnTo>
                      <a:pt x="3594" y="1942"/>
                    </a:lnTo>
                    <a:lnTo>
                      <a:pt x="3577" y="1937"/>
                    </a:lnTo>
                    <a:lnTo>
                      <a:pt x="3562" y="1932"/>
                    </a:lnTo>
                    <a:lnTo>
                      <a:pt x="3547" y="1927"/>
                    </a:lnTo>
                    <a:lnTo>
                      <a:pt x="3533" y="1922"/>
                    </a:lnTo>
                    <a:lnTo>
                      <a:pt x="3521" y="1916"/>
                    </a:lnTo>
                    <a:lnTo>
                      <a:pt x="3511" y="1915"/>
                    </a:lnTo>
                    <a:lnTo>
                      <a:pt x="3502" y="1914"/>
                    </a:lnTo>
                    <a:lnTo>
                      <a:pt x="3494" y="1916"/>
                    </a:lnTo>
                    <a:lnTo>
                      <a:pt x="3486" y="1920"/>
                    </a:lnTo>
                    <a:lnTo>
                      <a:pt x="3479" y="1929"/>
                    </a:lnTo>
                    <a:lnTo>
                      <a:pt x="3470" y="1940"/>
                    </a:lnTo>
                    <a:lnTo>
                      <a:pt x="3457" y="1957"/>
                    </a:lnTo>
                    <a:lnTo>
                      <a:pt x="3446" y="1972"/>
                    </a:lnTo>
                    <a:lnTo>
                      <a:pt x="3445" y="1976"/>
                    </a:lnTo>
                    <a:lnTo>
                      <a:pt x="3444" y="1980"/>
                    </a:lnTo>
                    <a:lnTo>
                      <a:pt x="3444" y="1984"/>
                    </a:lnTo>
                    <a:lnTo>
                      <a:pt x="3445" y="1988"/>
                    </a:lnTo>
                    <a:lnTo>
                      <a:pt x="3446" y="1992"/>
                    </a:lnTo>
                    <a:lnTo>
                      <a:pt x="3450" y="1995"/>
                    </a:lnTo>
                    <a:lnTo>
                      <a:pt x="3454" y="1999"/>
                    </a:lnTo>
                    <a:lnTo>
                      <a:pt x="3459" y="2003"/>
                    </a:lnTo>
                    <a:lnTo>
                      <a:pt x="3475" y="2008"/>
                    </a:lnTo>
                    <a:lnTo>
                      <a:pt x="3492" y="2012"/>
                    </a:lnTo>
                    <a:lnTo>
                      <a:pt x="3494" y="2014"/>
                    </a:lnTo>
                    <a:lnTo>
                      <a:pt x="3498" y="2015"/>
                    </a:lnTo>
                    <a:lnTo>
                      <a:pt x="3499" y="2016"/>
                    </a:lnTo>
                    <a:lnTo>
                      <a:pt x="3501" y="2019"/>
                    </a:lnTo>
                    <a:lnTo>
                      <a:pt x="3502" y="2021"/>
                    </a:lnTo>
                    <a:lnTo>
                      <a:pt x="3501" y="2025"/>
                    </a:lnTo>
                    <a:lnTo>
                      <a:pt x="3499" y="2029"/>
                    </a:lnTo>
                    <a:lnTo>
                      <a:pt x="3497" y="2034"/>
                    </a:lnTo>
                    <a:lnTo>
                      <a:pt x="3486" y="2047"/>
                    </a:lnTo>
                    <a:lnTo>
                      <a:pt x="3475" y="2060"/>
                    </a:lnTo>
                    <a:lnTo>
                      <a:pt x="3459" y="2073"/>
                    </a:lnTo>
                    <a:lnTo>
                      <a:pt x="3444" y="2084"/>
                    </a:lnTo>
                    <a:lnTo>
                      <a:pt x="3428" y="2094"/>
                    </a:lnTo>
                    <a:lnTo>
                      <a:pt x="3410" y="2100"/>
                    </a:lnTo>
                    <a:lnTo>
                      <a:pt x="3402" y="2103"/>
                    </a:lnTo>
                    <a:lnTo>
                      <a:pt x="3393" y="2104"/>
                    </a:lnTo>
                    <a:lnTo>
                      <a:pt x="3385" y="2106"/>
                    </a:lnTo>
                    <a:lnTo>
                      <a:pt x="3378" y="2106"/>
                    </a:lnTo>
                    <a:lnTo>
                      <a:pt x="3365" y="2104"/>
                    </a:lnTo>
                    <a:lnTo>
                      <a:pt x="3353" y="2107"/>
                    </a:lnTo>
                    <a:lnTo>
                      <a:pt x="3341" y="2111"/>
                    </a:lnTo>
                    <a:lnTo>
                      <a:pt x="3331" y="2116"/>
                    </a:lnTo>
                    <a:lnTo>
                      <a:pt x="3322" y="2124"/>
                    </a:lnTo>
                    <a:lnTo>
                      <a:pt x="3313" y="2131"/>
                    </a:lnTo>
                    <a:lnTo>
                      <a:pt x="3304" y="2141"/>
                    </a:lnTo>
                    <a:lnTo>
                      <a:pt x="3295" y="2151"/>
                    </a:lnTo>
                    <a:lnTo>
                      <a:pt x="3279" y="2173"/>
                    </a:lnTo>
                    <a:lnTo>
                      <a:pt x="3261" y="2194"/>
                    </a:lnTo>
                    <a:lnTo>
                      <a:pt x="3252" y="2204"/>
                    </a:lnTo>
                    <a:lnTo>
                      <a:pt x="3243" y="2213"/>
                    </a:lnTo>
                    <a:lnTo>
                      <a:pt x="3233" y="2221"/>
                    </a:lnTo>
                    <a:lnTo>
                      <a:pt x="3222" y="2229"/>
                    </a:lnTo>
                    <a:lnTo>
                      <a:pt x="3209" y="2236"/>
                    </a:lnTo>
                    <a:lnTo>
                      <a:pt x="3199" y="2245"/>
                    </a:lnTo>
                    <a:lnTo>
                      <a:pt x="3190" y="2256"/>
                    </a:lnTo>
                    <a:lnTo>
                      <a:pt x="3182" y="2267"/>
                    </a:lnTo>
                    <a:lnTo>
                      <a:pt x="3168" y="2292"/>
                    </a:lnTo>
                    <a:lnTo>
                      <a:pt x="3154" y="2317"/>
                    </a:lnTo>
                    <a:lnTo>
                      <a:pt x="3146" y="2330"/>
                    </a:lnTo>
                    <a:lnTo>
                      <a:pt x="3137" y="2341"/>
                    </a:lnTo>
                    <a:lnTo>
                      <a:pt x="3128" y="2353"/>
                    </a:lnTo>
                    <a:lnTo>
                      <a:pt x="3117" y="2363"/>
                    </a:lnTo>
                    <a:lnTo>
                      <a:pt x="3094" y="2384"/>
                    </a:lnTo>
                    <a:lnTo>
                      <a:pt x="3072" y="2405"/>
                    </a:lnTo>
                    <a:lnTo>
                      <a:pt x="3064" y="2410"/>
                    </a:lnTo>
                    <a:lnTo>
                      <a:pt x="3056" y="2416"/>
                    </a:lnTo>
                    <a:lnTo>
                      <a:pt x="3050" y="2423"/>
                    </a:lnTo>
                    <a:lnTo>
                      <a:pt x="3046" y="2429"/>
                    </a:lnTo>
                    <a:lnTo>
                      <a:pt x="3043" y="2437"/>
                    </a:lnTo>
                    <a:lnTo>
                      <a:pt x="3043" y="2445"/>
                    </a:lnTo>
                    <a:lnTo>
                      <a:pt x="3046" y="2454"/>
                    </a:lnTo>
                    <a:lnTo>
                      <a:pt x="3051" y="2464"/>
                    </a:lnTo>
                    <a:lnTo>
                      <a:pt x="3060" y="2477"/>
                    </a:lnTo>
                    <a:lnTo>
                      <a:pt x="3071" y="2490"/>
                    </a:lnTo>
                    <a:lnTo>
                      <a:pt x="3076" y="2494"/>
                    </a:lnTo>
                    <a:lnTo>
                      <a:pt x="3082" y="2498"/>
                    </a:lnTo>
                    <a:lnTo>
                      <a:pt x="3090" y="2502"/>
                    </a:lnTo>
                    <a:lnTo>
                      <a:pt x="3099" y="2503"/>
                    </a:lnTo>
                    <a:lnTo>
                      <a:pt x="3112" y="2505"/>
                    </a:lnTo>
                    <a:lnTo>
                      <a:pt x="3124" y="2505"/>
                    </a:lnTo>
                    <a:lnTo>
                      <a:pt x="3135" y="2502"/>
                    </a:lnTo>
                    <a:lnTo>
                      <a:pt x="3147" y="2498"/>
                    </a:lnTo>
                    <a:lnTo>
                      <a:pt x="3156" y="2492"/>
                    </a:lnTo>
                    <a:lnTo>
                      <a:pt x="3164" y="2484"/>
                    </a:lnTo>
                    <a:lnTo>
                      <a:pt x="3168" y="2480"/>
                    </a:lnTo>
                    <a:lnTo>
                      <a:pt x="3170" y="2475"/>
                    </a:lnTo>
                    <a:lnTo>
                      <a:pt x="3173" y="2468"/>
                    </a:lnTo>
                    <a:lnTo>
                      <a:pt x="3174" y="2462"/>
                    </a:lnTo>
                    <a:lnTo>
                      <a:pt x="3177" y="2454"/>
                    </a:lnTo>
                    <a:lnTo>
                      <a:pt x="3181" y="2446"/>
                    </a:lnTo>
                    <a:lnTo>
                      <a:pt x="3183" y="2438"/>
                    </a:lnTo>
                    <a:lnTo>
                      <a:pt x="3189" y="2432"/>
                    </a:lnTo>
                    <a:lnTo>
                      <a:pt x="3192" y="2427"/>
                    </a:lnTo>
                    <a:lnTo>
                      <a:pt x="3198" y="2422"/>
                    </a:lnTo>
                    <a:lnTo>
                      <a:pt x="3203" y="2418"/>
                    </a:lnTo>
                    <a:lnTo>
                      <a:pt x="3208" y="2414"/>
                    </a:lnTo>
                    <a:lnTo>
                      <a:pt x="3220" y="2407"/>
                    </a:lnTo>
                    <a:lnTo>
                      <a:pt x="3234" y="2403"/>
                    </a:lnTo>
                    <a:lnTo>
                      <a:pt x="3248" y="2400"/>
                    </a:lnTo>
                    <a:lnTo>
                      <a:pt x="3265" y="2396"/>
                    </a:lnTo>
                    <a:lnTo>
                      <a:pt x="3279" y="2394"/>
                    </a:lnTo>
                    <a:lnTo>
                      <a:pt x="3293" y="2393"/>
                    </a:lnTo>
                    <a:lnTo>
                      <a:pt x="3305" y="2394"/>
                    </a:lnTo>
                    <a:lnTo>
                      <a:pt x="3315" y="2397"/>
                    </a:lnTo>
                    <a:lnTo>
                      <a:pt x="3325" y="2401"/>
                    </a:lnTo>
                    <a:lnTo>
                      <a:pt x="3334" y="2406"/>
                    </a:lnTo>
                    <a:lnTo>
                      <a:pt x="3341" y="2413"/>
                    </a:lnTo>
                    <a:lnTo>
                      <a:pt x="3347" y="2420"/>
                    </a:lnTo>
                    <a:lnTo>
                      <a:pt x="3352" y="2429"/>
                    </a:lnTo>
                    <a:lnTo>
                      <a:pt x="3357" y="2438"/>
                    </a:lnTo>
                    <a:lnTo>
                      <a:pt x="3361" y="2449"/>
                    </a:lnTo>
                    <a:lnTo>
                      <a:pt x="3363" y="2460"/>
                    </a:lnTo>
                    <a:lnTo>
                      <a:pt x="3366" y="2484"/>
                    </a:lnTo>
                    <a:lnTo>
                      <a:pt x="3367" y="2510"/>
                    </a:lnTo>
                    <a:lnTo>
                      <a:pt x="3363" y="2520"/>
                    </a:lnTo>
                    <a:lnTo>
                      <a:pt x="3360" y="2528"/>
                    </a:lnTo>
                    <a:lnTo>
                      <a:pt x="3358" y="2537"/>
                    </a:lnTo>
                    <a:lnTo>
                      <a:pt x="3358" y="2547"/>
                    </a:lnTo>
                    <a:lnTo>
                      <a:pt x="3358" y="2555"/>
                    </a:lnTo>
                    <a:lnTo>
                      <a:pt x="3360" y="2560"/>
                    </a:lnTo>
                    <a:lnTo>
                      <a:pt x="3361" y="2567"/>
                    </a:lnTo>
                    <a:lnTo>
                      <a:pt x="3365" y="2572"/>
                    </a:lnTo>
                    <a:lnTo>
                      <a:pt x="3370" y="2581"/>
                    </a:lnTo>
                    <a:lnTo>
                      <a:pt x="3374" y="2589"/>
                    </a:lnTo>
                    <a:lnTo>
                      <a:pt x="3378" y="2597"/>
                    </a:lnTo>
                    <a:lnTo>
                      <a:pt x="3380" y="2607"/>
                    </a:lnTo>
                    <a:lnTo>
                      <a:pt x="3380" y="2617"/>
                    </a:lnTo>
                    <a:lnTo>
                      <a:pt x="3380" y="2629"/>
                    </a:lnTo>
                    <a:lnTo>
                      <a:pt x="3382" y="2641"/>
                    </a:lnTo>
                    <a:lnTo>
                      <a:pt x="3382" y="2651"/>
                    </a:lnTo>
                    <a:lnTo>
                      <a:pt x="3382" y="2651"/>
                    </a:lnTo>
                    <a:lnTo>
                      <a:pt x="3323" y="2666"/>
                    </a:lnTo>
                    <a:lnTo>
                      <a:pt x="3325" y="2678"/>
                    </a:lnTo>
                    <a:lnTo>
                      <a:pt x="3325" y="2688"/>
                    </a:lnTo>
                    <a:lnTo>
                      <a:pt x="3325" y="2700"/>
                    </a:lnTo>
                    <a:lnTo>
                      <a:pt x="3326" y="2711"/>
                    </a:lnTo>
                    <a:lnTo>
                      <a:pt x="3330" y="2717"/>
                    </a:lnTo>
                    <a:lnTo>
                      <a:pt x="3334" y="2723"/>
                    </a:lnTo>
                    <a:lnTo>
                      <a:pt x="3339" y="2727"/>
                    </a:lnTo>
                    <a:lnTo>
                      <a:pt x="3343" y="2731"/>
                    </a:lnTo>
                    <a:lnTo>
                      <a:pt x="3348" y="2735"/>
                    </a:lnTo>
                    <a:lnTo>
                      <a:pt x="3350" y="2742"/>
                    </a:lnTo>
                    <a:lnTo>
                      <a:pt x="3353" y="2748"/>
                    </a:lnTo>
                    <a:lnTo>
                      <a:pt x="3354" y="2758"/>
                    </a:lnTo>
                    <a:lnTo>
                      <a:pt x="3353" y="2775"/>
                    </a:lnTo>
                    <a:lnTo>
                      <a:pt x="3353" y="2793"/>
                    </a:lnTo>
                    <a:lnTo>
                      <a:pt x="3354" y="2802"/>
                    </a:lnTo>
                    <a:lnTo>
                      <a:pt x="3356" y="2810"/>
                    </a:lnTo>
                    <a:lnTo>
                      <a:pt x="3360" y="2817"/>
                    </a:lnTo>
                    <a:lnTo>
                      <a:pt x="3366" y="2823"/>
                    </a:lnTo>
                    <a:lnTo>
                      <a:pt x="3374" y="2830"/>
                    </a:lnTo>
                    <a:lnTo>
                      <a:pt x="3380" y="2837"/>
                    </a:lnTo>
                    <a:lnTo>
                      <a:pt x="3385" y="2844"/>
                    </a:lnTo>
                    <a:lnTo>
                      <a:pt x="3389" y="2849"/>
                    </a:lnTo>
                    <a:lnTo>
                      <a:pt x="3392" y="2856"/>
                    </a:lnTo>
                    <a:lnTo>
                      <a:pt x="3393" y="2862"/>
                    </a:lnTo>
                    <a:lnTo>
                      <a:pt x="3393" y="2869"/>
                    </a:lnTo>
                    <a:lnTo>
                      <a:pt x="3393" y="2874"/>
                    </a:lnTo>
                    <a:lnTo>
                      <a:pt x="3392" y="2880"/>
                    </a:lnTo>
                    <a:lnTo>
                      <a:pt x="3389" y="2887"/>
                    </a:lnTo>
                    <a:lnTo>
                      <a:pt x="3385" y="2892"/>
                    </a:lnTo>
                    <a:lnTo>
                      <a:pt x="3382" y="2898"/>
                    </a:lnTo>
                    <a:lnTo>
                      <a:pt x="3372" y="2910"/>
                    </a:lnTo>
                    <a:lnTo>
                      <a:pt x="3360" y="2923"/>
                    </a:lnTo>
                    <a:lnTo>
                      <a:pt x="3350" y="2932"/>
                    </a:lnTo>
                    <a:lnTo>
                      <a:pt x="3341" y="2941"/>
                    </a:lnTo>
                    <a:lnTo>
                      <a:pt x="3331" y="2949"/>
                    </a:lnTo>
                    <a:lnTo>
                      <a:pt x="3321" y="2957"/>
                    </a:lnTo>
                    <a:lnTo>
                      <a:pt x="3310" y="2963"/>
                    </a:lnTo>
                    <a:lnTo>
                      <a:pt x="3299" y="2968"/>
                    </a:lnTo>
                    <a:lnTo>
                      <a:pt x="3286" y="2972"/>
                    </a:lnTo>
                    <a:lnTo>
                      <a:pt x="3273" y="2975"/>
                    </a:lnTo>
                    <a:lnTo>
                      <a:pt x="3256" y="2979"/>
                    </a:lnTo>
                    <a:lnTo>
                      <a:pt x="3242" y="2983"/>
                    </a:lnTo>
                    <a:lnTo>
                      <a:pt x="3235" y="2986"/>
                    </a:lnTo>
                    <a:lnTo>
                      <a:pt x="3230" y="2992"/>
                    </a:lnTo>
                    <a:lnTo>
                      <a:pt x="3227" y="2999"/>
                    </a:lnTo>
                    <a:lnTo>
                      <a:pt x="3227" y="3008"/>
                    </a:lnTo>
                    <a:lnTo>
                      <a:pt x="3227" y="3019"/>
                    </a:lnTo>
                    <a:lnTo>
                      <a:pt x="3229" y="3030"/>
                    </a:lnTo>
                    <a:lnTo>
                      <a:pt x="3231" y="3042"/>
                    </a:lnTo>
                    <a:lnTo>
                      <a:pt x="3234" y="3055"/>
                    </a:lnTo>
                    <a:lnTo>
                      <a:pt x="3238" y="3067"/>
                    </a:lnTo>
                    <a:lnTo>
                      <a:pt x="3243" y="3077"/>
                    </a:lnTo>
                    <a:lnTo>
                      <a:pt x="3249" y="3086"/>
                    </a:lnTo>
                    <a:lnTo>
                      <a:pt x="3257" y="3093"/>
                    </a:lnTo>
                    <a:lnTo>
                      <a:pt x="3270" y="3102"/>
                    </a:lnTo>
                    <a:lnTo>
                      <a:pt x="3282" y="3108"/>
                    </a:lnTo>
                    <a:lnTo>
                      <a:pt x="3292" y="3115"/>
                    </a:lnTo>
                    <a:lnTo>
                      <a:pt x="3300" y="3121"/>
                    </a:lnTo>
                    <a:lnTo>
                      <a:pt x="3305" y="3129"/>
                    </a:lnTo>
                    <a:lnTo>
                      <a:pt x="3309" y="3139"/>
                    </a:lnTo>
                    <a:lnTo>
                      <a:pt x="3312" y="3154"/>
                    </a:lnTo>
                    <a:lnTo>
                      <a:pt x="3312" y="3170"/>
                    </a:lnTo>
                    <a:lnTo>
                      <a:pt x="3306" y="3178"/>
                    </a:lnTo>
                    <a:lnTo>
                      <a:pt x="3300" y="3186"/>
                    </a:lnTo>
                    <a:lnTo>
                      <a:pt x="3293" y="3192"/>
                    </a:lnTo>
                    <a:lnTo>
                      <a:pt x="3287" y="3198"/>
                    </a:lnTo>
                    <a:lnTo>
                      <a:pt x="3274" y="3209"/>
                    </a:lnTo>
                    <a:lnTo>
                      <a:pt x="3262" y="3220"/>
                    </a:lnTo>
                    <a:lnTo>
                      <a:pt x="3257" y="3226"/>
                    </a:lnTo>
                    <a:lnTo>
                      <a:pt x="3252" y="3231"/>
                    </a:lnTo>
                    <a:lnTo>
                      <a:pt x="3248" y="3239"/>
                    </a:lnTo>
                    <a:lnTo>
                      <a:pt x="3246" y="3246"/>
                    </a:lnTo>
                    <a:lnTo>
                      <a:pt x="3244" y="3255"/>
                    </a:lnTo>
                    <a:lnTo>
                      <a:pt x="3244" y="3265"/>
                    </a:lnTo>
                    <a:lnTo>
                      <a:pt x="3246" y="3275"/>
                    </a:lnTo>
                    <a:lnTo>
                      <a:pt x="3248" y="3288"/>
                    </a:lnTo>
                    <a:lnTo>
                      <a:pt x="3252" y="3305"/>
                    </a:lnTo>
                    <a:lnTo>
                      <a:pt x="3255" y="3322"/>
                    </a:lnTo>
                    <a:lnTo>
                      <a:pt x="3256" y="3339"/>
                    </a:lnTo>
                    <a:lnTo>
                      <a:pt x="3257" y="3357"/>
                    </a:lnTo>
                    <a:lnTo>
                      <a:pt x="3260" y="3374"/>
                    </a:lnTo>
                    <a:lnTo>
                      <a:pt x="3262" y="3391"/>
                    </a:lnTo>
                    <a:lnTo>
                      <a:pt x="3268" y="3407"/>
                    </a:lnTo>
                    <a:lnTo>
                      <a:pt x="3274" y="3424"/>
                    </a:lnTo>
                    <a:lnTo>
                      <a:pt x="3281" y="3432"/>
                    </a:lnTo>
                    <a:lnTo>
                      <a:pt x="3288" y="3440"/>
                    </a:lnTo>
                    <a:lnTo>
                      <a:pt x="3297" y="3445"/>
                    </a:lnTo>
                    <a:lnTo>
                      <a:pt x="3308" y="3451"/>
                    </a:lnTo>
                    <a:lnTo>
                      <a:pt x="3332" y="3459"/>
                    </a:lnTo>
                    <a:lnTo>
                      <a:pt x="3357" y="3468"/>
                    </a:lnTo>
                    <a:lnTo>
                      <a:pt x="3370" y="3472"/>
                    </a:lnTo>
                    <a:lnTo>
                      <a:pt x="3382" y="3476"/>
                    </a:lnTo>
                    <a:lnTo>
                      <a:pt x="3392" y="3481"/>
                    </a:lnTo>
                    <a:lnTo>
                      <a:pt x="3402" y="3486"/>
                    </a:lnTo>
                    <a:lnTo>
                      <a:pt x="3410" y="3494"/>
                    </a:lnTo>
                    <a:lnTo>
                      <a:pt x="3417" y="3502"/>
                    </a:lnTo>
                    <a:lnTo>
                      <a:pt x="3419" y="3506"/>
                    </a:lnTo>
                    <a:lnTo>
                      <a:pt x="3422" y="3511"/>
                    </a:lnTo>
                    <a:lnTo>
                      <a:pt x="3422" y="3516"/>
                    </a:lnTo>
                    <a:lnTo>
                      <a:pt x="3423" y="3521"/>
                    </a:lnTo>
                    <a:lnTo>
                      <a:pt x="3423" y="3529"/>
                    </a:lnTo>
                    <a:lnTo>
                      <a:pt x="3420" y="3537"/>
                    </a:lnTo>
                    <a:lnTo>
                      <a:pt x="3418" y="3543"/>
                    </a:lnTo>
                    <a:lnTo>
                      <a:pt x="3415" y="3549"/>
                    </a:lnTo>
                    <a:lnTo>
                      <a:pt x="3407" y="3560"/>
                    </a:lnTo>
                    <a:lnTo>
                      <a:pt x="3401" y="3575"/>
                    </a:lnTo>
                    <a:lnTo>
                      <a:pt x="3398" y="3586"/>
                    </a:lnTo>
                    <a:lnTo>
                      <a:pt x="3398" y="3600"/>
                    </a:lnTo>
                    <a:lnTo>
                      <a:pt x="3398" y="3615"/>
                    </a:lnTo>
                    <a:lnTo>
                      <a:pt x="3400" y="3629"/>
                    </a:lnTo>
                    <a:lnTo>
                      <a:pt x="3406" y="3657"/>
                    </a:lnTo>
                    <a:lnTo>
                      <a:pt x="3413" y="3683"/>
                    </a:lnTo>
                    <a:lnTo>
                      <a:pt x="3413" y="3683"/>
                    </a:lnTo>
                    <a:lnTo>
                      <a:pt x="3404" y="3685"/>
                    </a:lnTo>
                    <a:lnTo>
                      <a:pt x="3393" y="3687"/>
                    </a:lnTo>
                    <a:lnTo>
                      <a:pt x="3393" y="3687"/>
                    </a:lnTo>
                    <a:lnTo>
                      <a:pt x="3388" y="3676"/>
                    </a:lnTo>
                    <a:lnTo>
                      <a:pt x="3382" y="3664"/>
                    </a:lnTo>
                    <a:lnTo>
                      <a:pt x="3365" y="3661"/>
                    </a:lnTo>
                    <a:lnTo>
                      <a:pt x="3348" y="3660"/>
                    </a:lnTo>
                    <a:lnTo>
                      <a:pt x="3339" y="3661"/>
                    </a:lnTo>
                    <a:lnTo>
                      <a:pt x="3331" y="3664"/>
                    </a:lnTo>
                    <a:lnTo>
                      <a:pt x="3323" y="3668"/>
                    </a:lnTo>
                    <a:lnTo>
                      <a:pt x="3315" y="3673"/>
                    </a:lnTo>
                    <a:lnTo>
                      <a:pt x="3309" y="3712"/>
                    </a:lnTo>
                    <a:lnTo>
                      <a:pt x="3309" y="3712"/>
                    </a:lnTo>
                    <a:lnTo>
                      <a:pt x="3282" y="3721"/>
                    </a:lnTo>
                    <a:lnTo>
                      <a:pt x="3256" y="3730"/>
                    </a:lnTo>
                    <a:lnTo>
                      <a:pt x="3235" y="3739"/>
                    </a:lnTo>
                    <a:lnTo>
                      <a:pt x="3221" y="3748"/>
                    </a:lnTo>
                    <a:lnTo>
                      <a:pt x="3212" y="3756"/>
                    </a:lnTo>
                    <a:lnTo>
                      <a:pt x="3201" y="3762"/>
                    </a:lnTo>
                    <a:lnTo>
                      <a:pt x="3192" y="3768"/>
                    </a:lnTo>
                    <a:lnTo>
                      <a:pt x="3183" y="3771"/>
                    </a:lnTo>
                    <a:lnTo>
                      <a:pt x="3165" y="3778"/>
                    </a:lnTo>
                    <a:lnTo>
                      <a:pt x="3147" y="3783"/>
                    </a:lnTo>
                    <a:lnTo>
                      <a:pt x="3129" y="3788"/>
                    </a:lnTo>
                    <a:lnTo>
                      <a:pt x="3109" y="3793"/>
                    </a:lnTo>
                    <a:lnTo>
                      <a:pt x="3091" y="3800"/>
                    </a:lnTo>
                    <a:lnTo>
                      <a:pt x="3071" y="3810"/>
                    </a:lnTo>
                    <a:lnTo>
                      <a:pt x="3065" y="3814"/>
                    </a:lnTo>
                    <a:lnTo>
                      <a:pt x="3062" y="3819"/>
                    </a:lnTo>
                    <a:lnTo>
                      <a:pt x="3059" y="3823"/>
                    </a:lnTo>
                    <a:lnTo>
                      <a:pt x="3058" y="3828"/>
                    </a:lnTo>
                    <a:lnTo>
                      <a:pt x="3058" y="3840"/>
                    </a:lnTo>
                    <a:lnTo>
                      <a:pt x="3060" y="3850"/>
                    </a:lnTo>
                    <a:lnTo>
                      <a:pt x="3064" y="3860"/>
                    </a:lnTo>
                    <a:lnTo>
                      <a:pt x="3064" y="3869"/>
                    </a:lnTo>
                    <a:lnTo>
                      <a:pt x="3064" y="3871"/>
                    </a:lnTo>
                    <a:lnTo>
                      <a:pt x="3062" y="3874"/>
                    </a:lnTo>
                    <a:lnTo>
                      <a:pt x="3058" y="3875"/>
                    </a:lnTo>
                    <a:lnTo>
                      <a:pt x="3052" y="3876"/>
                    </a:lnTo>
                    <a:lnTo>
                      <a:pt x="3023" y="3876"/>
                    </a:lnTo>
                    <a:lnTo>
                      <a:pt x="2994" y="3875"/>
                    </a:lnTo>
                    <a:lnTo>
                      <a:pt x="2980" y="3874"/>
                    </a:lnTo>
                    <a:lnTo>
                      <a:pt x="2966" y="3874"/>
                    </a:lnTo>
                    <a:lnTo>
                      <a:pt x="2950" y="3874"/>
                    </a:lnTo>
                    <a:lnTo>
                      <a:pt x="2935" y="3876"/>
                    </a:lnTo>
                    <a:lnTo>
                      <a:pt x="2905" y="3880"/>
                    </a:lnTo>
                    <a:lnTo>
                      <a:pt x="2863" y="3883"/>
                    </a:lnTo>
                    <a:lnTo>
                      <a:pt x="2843" y="3883"/>
                    </a:lnTo>
                    <a:lnTo>
                      <a:pt x="2823" y="3880"/>
                    </a:lnTo>
                    <a:lnTo>
                      <a:pt x="2814" y="3879"/>
                    </a:lnTo>
                    <a:lnTo>
                      <a:pt x="2806" y="3876"/>
                    </a:lnTo>
                    <a:lnTo>
                      <a:pt x="2800" y="3874"/>
                    </a:lnTo>
                    <a:lnTo>
                      <a:pt x="2793" y="3870"/>
                    </a:lnTo>
                    <a:lnTo>
                      <a:pt x="2786" y="3862"/>
                    </a:lnTo>
                    <a:lnTo>
                      <a:pt x="2779" y="3854"/>
                    </a:lnTo>
                    <a:lnTo>
                      <a:pt x="2774" y="3847"/>
                    </a:lnTo>
                    <a:lnTo>
                      <a:pt x="2769" y="3839"/>
                    </a:lnTo>
                    <a:lnTo>
                      <a:pt x="2764" y="3831"/>
                    </a:lnTo>
                    <a:lnTo>
                      <a:pt x="2756" y="3826"/>
                    </a:lnTo>
                    <a:lnTo>
                      <a:pt x="2747" y="3819"/>
                    </a:lnTo>
                    <a:lnTo>
                      <a:pt x="2734" y="3815"/>
                    </a:lnTo>
                    <a:lnTo>
                      <a:pt x="2701" y="3809"/>
                    </a:lnTo>
                    <a:lnTo>
                      <a:pt x="2676" y="3801"/>
                    </a:lnTo>
                    <a:lnTo>
                      <a:pt x="2670" y="3799"/>
                    </a:lnTo>
                    <a:lnTo>
                      <a:pt x="2665" y="3795"/>
                    </a:lnTo>
                    <a:lnTo>
                      <a:pt x="2660" y="3791"/>
                    </a:lnTo>
                    <a:lnTo>
                      <a:pt x="2656" y="3786"/>
                    </a:lnTo>
                    <a:lnTo>
                      <a:pt x="2652" y="3779"/>
                    </a:lnTo>
                    <a:lnTo>
                      <a:pt x="2650" y="3771"/>
                    </a:lnTo>
                    <a:lnTo>
                      <a:pt x="2646" y="3764"/>
                    </a:lnTo>
                    <a:lnTo>
                      <a:pt x="2643" y="3753"/>
                    </a:lnTo>
                    <a:lnTo>
                      <a:pt x="2641" y="3744"/>
                    </a:lnTo>
                    <a:lnTo>
                      <a:pt x="2635" y="3736"/>
                    </a:lnTo>
                    <a:lnTo>
                      <a:pt x="2630" y="3730"/>
                    </a:lnTo>
                    <a:lnTo>
                      <a:pt x="2622" y="3726"/>
                    </a:lnTo>
                    <a:lnTo>
                      <a:pt x="2615" y="3722"/>
                    </a:lnTo>
                    <a:lnTo>
                      <a:pt x="2607" y="3720"/>
                    </a:lnTo>
                    <a:lnTo>
                      <a:pt x="2598" y="3717"/>
                    </a:lnTo>
                    <a:lnTo>
                      <a:pt x="2589" y="3716"/>
                    </a:lnTo>
                    <a:lnTo>
                      <a:pt x="2572" y="3712"/>
                    </a:lnTo>
                    <a:lnTo>
                      <a:pt x="2558" y="3708"/>
                    </a:lnTo>
                    <a:lnTo>
                      <a:pt x="2551" y="3704"/>
                    </a:lnTo>
                    <a:lnTo>
                      <a:pt x="2546" y="3700"/>
                    </a:lnTo>
                    <a:lnTo>
                      <a:pt x="2543" y="3695"/>
                    </a:lnTo>
                    <a:lnTo>
                      <a:pt x="2542" y="3689"/>
                    </a:lnTo>
                    <a:lnTo>
                      <a:pt x="2539" y="3677"/>
                    </a:lnTo>
                    <a:lnTo>
                      <a:pt x="2537" y="3672"/>
                    </a:lnTo>
                    <a:lnTo>
                      <a:pt x="2536" y="3670"/>
                    </a:lnTo>
                    <a:lnTo>
                      <a:pt x="2534" y="3669"/>
                    </a:lnTo>
                    <a:lnTo>
                      <a:pt x="2532" y="3669"/>
                    </a:lnTo>
                    <a:lnTo>
                      <a:pt x="2529" y="3670"/>
                    </a:lnTo>
                    <a:lnTo>
                      <a:pt x="2516" y="3678"/>
                    </a:lnTo>
                    <a:lnTo>
                      <a:pt x="2498" y="3686"/>
                    </a:lnTo>
                    <a:lnTo>
                      <a:pt x="2490" y="3690"/>
                    </a:lnTo>
                    <a:lnTo>
                      <a:pt x="2482" y="3694"/>
                    </a:lnTo>
                    <a:lnTo>
                      <a:pt x="2476" y="3695"/>
                    </a:lnTo>
                    <a:lnTo>
                      <a:pt x="2468" y="3696"/>
                    </a:lnTo>
                    <a:lnTo>
                      <a:pt x="2460" y="3696"/>
                    </a:lnTo>
                    <a:lnTo>
                      <a:pt x="2453" y="3696"/>
                    </a:lnTo>
                    <a:lnTo>
                      <a:pt x="2445" y="3694"/>
                    </a:lnTo>
                    <a:lnTo>
                      <a:pt x="2436" y="3691"/>
                    </a:lnTo>
                    <a:lnTo>
                      <a:pt x="2428" y="3687"/>
                    </a:lnTo>
                    <a:lnTo>
                      <a:pt x="2423" y="3683"/>
                    </a:lnTo>
                    <a:lnTo>
                      <a:pt x="2422" y="3678"/>
                    </a:lnTo>
                    <a:lnTo>
                      <a:pt x="2422" y="3673"/>
                    </a:lnTo>
                    <a:lnTo>
                      <a:pt x="2423" y="3668"/>
                    </a:lnTo>
                    <a:lnTo>
                      <a:pt x="2423" y="3661"/>
                    </a:lnTo>
                    <a:lnTo>
                      <a:pt x="2423" y="3656"/>
                    </a:lnTo>
                    <a:lnTo>
                      <a:pt x="2420" y="3650"/>
                    </a:lnTo>
                    <a:lnTo>
                      <a:pt x="2416" y="3646"/>
                    </a:lnTo>
                    <a:lnTo>
                      <a:pt x="2411" y="3642"/>
                    </a:lnTo>
                    <a:lnTo>
                      <a:pt x="2403" y="3638"/>
                    </a:lnTo>
                    <a:lnTo>
                      <a:pt x="2396" y="3634"/>
                    </a:lnTo>
                    <a:lnTo>
                      <a:pt x="2376" y="3628"/>
                    </a:lnTo>
                    <a:lnTo>
                      <a:pt x="2356" y="3621"/>
                    </a:lnTo>
                    <a:lnTo>
                      <a:pt x="2333" y="3615"/>
                    </a:lnTo>
                    <a:lnTo>
                      <a:pt x="2313" y="3610"/>
                    </a:lnTo>
                    <a:lnTo>
                      <a:pt x="2295" y="3603"/>
                    </a:lnTo>
                    <a:lnTo>
                      <a:pt x="2280" y="3597"/>
                    </a:lnTo>
                    <a:lnTo>
                      <a:pt x="2276" y="3594"/>
                    </a:lnTo>
                    <a:lnTo>
                      <a:pt x="2274" y="3590"/>
                    </a:lnTo>
                    <a:lnTo>
                      <a:pt x="2273" y="3585"/>
                    </a:lnTo>
                    <a:lnTo>
                      <a:pt x="2271" y="3580"/>
                    </a:lnTo>
                    <a:lnTo>
                      <a:pt x="2271" y="3569"/>
                    </a:lnTo>
                    <a:lnTo>
                      <a:pt x="2273" y="3558"/>
                    </a:lnTo>
                    <a:lnTo>
                      <a:pt x="2273" y="3546"/>
                    </a:lnTo>
                    <a:lnTo>
                      <a:pt x="2270" y="3537"/>
                    </a:lnTo>
                    <a:lnTo>
                      <a:pt x="2269" y="3533"/>
                    </a:lnTo>
                    <a:lnTo>
                      <a:pt x="2265" y="3531"/>
                    </a:lnTo>
                    <a:lnTo>
                      <a:pt x="2260" y="3529"/>
                    </a:lnTo>
                    <a:lnTo>
                      <a:pt x="2253" y="3528"/>
                    </a:lnTo>
                    <a:lnTo>
                      <a:pt x="2244" y="3529"/>
                    </a:lnTo>
                    <a:lnTo>
                      <a:pt x="2234" y="3531"/>
                    </a:lnTo>
                    <a:lnTo>
                      <a:pt x="2223" y="3533"/>
                    </a:lnTo>
                    <a:lnTo>
                      <a:pt x="2213" y="3537"/>
                    </a:lnTo>
                    <a:lnTo>
                      <a:pt x="2191" y="3545"/>
                    </a:lnTo>
                    <a:lnTo>
                      <a:pt x="2169" y="3556"/>
                    </a:lnTo>
                    <a:lnTo>
                      <a:pt x="2126" y="3581"/>
                    </a:lnTo>
                    <a:lnTo>
                      <a:pt x="2089" y="3602"/>
                    </a:lnTo>
                    <a:lnTo>
                      <a:pt x="2077" y="3607"/>
                    </a:lnTo>
                    <a:lnTo>
                      <a:pt x="2064" y="3612"/>
                    </a:lnTo>
                    <a:lnTo>
                      <a:pt x="2051" y="3616"/>
                    </a:lnTo>
                    <a:lnTo>
                      <a:pt x="2037" y="3620"/>
                    </a:lnTo>
                    <a:lnTo>
                      <a:pt x="2024" y="3622"/>
                    </a:lnTo>
                    <a:lnTo>
                      <a:pt x="2011" y="3626"/>
                    </a:lnTo>
                    <a:lnTo>
                      <a:pt x="1998" y="3632"/>
                    </a:lnTo>
                    <a:lnTo>
                      <a:pt x="1985" y="3638"/>
                    </a:lnTo>
                    <a:lnTo>
                      <a:pt x="1968" y="3647"/>
                    </a:lnTo>
                    <a:lnTo>
                      <a:pt x="1957" y="3657"/>
                    </a:lnTo>
                    <a:lnTo>
                      <a:pt x="1946" y="3668"/>
                    </a:lnTo>
                    <a:lnTo>
                      <a:pt x="1938" y="3678"/>
                    </a:lnTo>
                    <a:lnTo>
                      <a:pt x="1931" y="3690"/>
                    </a:lnTo>
                    <a:lnTo>
                      <a:pt x="1923" y="3701"/>
                    </a:lnTo>
                    <a:lnTo>
                      <a:pt x="1914" y="3713"/>
                    </a:lnTo>
                    <a:lnTo>
                      <a:pt x="1902" y="3725"/>
                    </a:lnTo>
                    <a:lnTo>
                      <a:pt x="1898" y="3726"/>
                    </a:lnTo>
                    <a:lnTo>
                      <a:pt x="1889" y="3725"/>
                    </a:lnTo>
                    <a:lnTo>
                      <a:pt x="1880" y="3722"/>
                    </a:lnTo>
                    <a:lnTo>
                      <a:pt x="1870" y="3721"/>
                    </a:lnTo>
                    <a:lnTo>
                      <a:pt x="1866" y="3721"/>
                    </a:lnTo>
                    <a:lnTo>
                      <a:pt x="1861" y="3721"/>
                    </a:lnTo>
                    <a:lnTo>
                      <a:pt x="1857" y="3724"/>
                    </a:lnTo>
                    <a:lnTo>
                      <a:pt x="1854" y="3726"/>
                    </a:lnTo>
                    <a:lnTo>
                      <a:pt x="1853" y="3730"/>
                    </a:lnTo>
                    <a:lnTo>
                      <a:pt x="1852" y="3735"/>
                    </a:lnTo>
                    <a:lnTo>
                      <a:pt x="1852" y="3743"/>
                    </a:lnTo>
                    <a:lnTo>
                      <a:pt x="1854" y="3752"/>
                    </a:lnTo>
                    <a:lnTo>
                      <a:pt x="1858" y="3765"/>
                    </a:lnTo>
                    <a:lnTo>
                      <a:pt x="1863" y="3775"/>
                    </a:lnTo>
                    <a:lnTo>
                      <a:pt x="1867" y="3783"/>
                    </a:lnTo>
                    <a:lnTo>
                      <a:pt x="1872" y="3791"/>
                    </a:lnTo>
                    <a:lnTo>
                      <a:pt x="1875" y="3799"/>
                    </a:lnTo>
                    <a:lnTo>
                      <a:pt x="1876" y="3808"/>
                    </a:lnTo>
                    <a:lnTo>
                      <a:pt x="1876" y="3821"/>
                    </a:lnTo>
                    <a:lnTo>
                      <a:pt x="1874" y="3839"/>
                    </a:lnTo>
                    <a:lnTo>
                      <a:pt x="1871" y="3856"/>
                    </a:lnTo>
                    <a:lnTo>
                      <a:pt x="1870" y="3872"/>
                    </a:lnTo>
                    <a:lnTo>
                      <a:pt x="1868" y="3889"/>
                    </a:lnTo>
                    <a:lnTo>
                      <a:pt x="1868" y="3906"/>
                    </a:lnTo>
                    <a:lnTo>
                      <a:pt x="1870" y="3941"/>
                    </a:lnTo>
                    <a:lnTo>
                      <a:pt x="1872" y="3975"/>
                    </a:lnTo>
                    <a:lnTo>
                      <a:pt x="1872" y="3975"/>
                    </a:lnTo>
                    <a:lnTo>
                      <a:pt x="1845" y="3964"/>
                    </a:lnTo>
                    <a:lnTo>
                      <a:pt x="1815" y="3952"/>
                    </a:lnTo>
                    <a:lnTo>
                      <a:pt x="1800" y="3946"/>
                    </a:lnTo>
                    <a:lnTo>
                      <a:pt x="1785" y="3941"/>
                    </a:lnTo>
                    <a:lnTo>
                      <a:pt x="1770" y="3937"/>
                    </a:lnTo>
                    <a:lnTo>
                      <a:pt x="1756" y="3935"/>
                    </a:lnTo>
                    <a:lnTo>
                      <a:pt x="1743" y="3933"/>
                    </a:lnTo>
                    <a:lnTo>
                      <a:pt x="1730" y="3935"/>
                    </a:lnTo>
                    <a:lnTo>
                      <a:pt x="1716" y="3936"/>
                    </a:lnTo>
                    <a:lnTo>
                      <a:pt x="1703" y="3939"/>
                    </a:lnTo>
                    <a:lnTo>
                      <a:pt x="1690" y="3941"/>
                    </a:lnTo>
                    <a:lnTo>
                      <a:pt x="1675" y="3942"/>
                    </a:lnTo>
                    <a:lnTo>
                      <a:pt x="1664" y="3944"/>
                    </a:lnTo>
                    <a:lnTo>
                      <a:pt x="1651" y="3942"/>
                    </a:lnTo>
                    <a:lnTo>
                      <a:pt x="1642" y="3940"/>
                    </a:lnTo>
                    <a:lnTo>
                      <a:pt x="1635" y="3937"/>
                    </a:lnTo>
                    <a:lnTo>
                      <a:pt x="1629" y="3933"/>
                    </a:lnTo>
                    <a:lnTo>
                      <a:pt x="1624" y="3928"/>
                    </a:lnTo>
                    <a:lnTo>
                      <a:pt x="1613" y="3918"/>
                    </a:lnTo>
                    <a:lnTo>
                      <a:pt x="1600" y="3909"/>
                    </a:lnTo>
                    <a:lnTo>
                      <a:pt x="1589" y="3902"/>
                    </a:lnTo>
                    <a:lnTo>
                      <a:pt x="1576" y="3898"/>
                    </a:lnTo>
                    <a:lnTo>
                      <a:pt x="1565" y="3897"/>
                    </a:lnTo>
                    <a:lnTo>
                      <a:pt x="1554" y="3896"/>
                    </a:lnTo>
                    <a:lnTo>
                      <a:pt x="1529" y="3897"/>
                    </a:lnTo>
                    <a:lnTo>
                      <a:pt x="1503" y="3900"/>
                    </a:lnTo>
                    <a:lnTo>
                      <a:pt x="1494" y="3901"/>
                    </a:lnTo>
                    <a:lnTo>
                      <a:pt x="1485" y="3900"/>
                    </a:lnTo>
                    <a:lnTo>
                      <a:pt x="1476" y="3897"/>
                    </a:lnTo>
                    <a:lnTo>
                      <a:pt x="1469" y="3895"/>
                    </a:lnTo>
                    <a:lnTo>
                      <a:pt x="1462" y="3891"/>
                    </a:lnTo>
                    <a:lnTo>
                      <a:pt x="1456" y="3887"/>
                    </a:lnTo>
                    <a:lnTo>
                      <a:pt x="1450" y="3880"/>
                    </a:lnTo>
                    <a:lnTo>
                      <a:pt x="1445" y="3875"/>
                    </a:lnTo>
                    <a:lnTo>
                      <a:pt x="1427" y="3848"/>
                    </a:lnTo>
                    <a:lnTo>
                      <a:pt x="1407" y="3819"/>
                    </a:lnTo>
                    <a:lnTo>
                      <a:pt x="1407" y="3819"/>
                    </a:lnTo>
                    <a:lnTo>
                      <a:pt x="1411" y="3800"/>
                    </a:lnTo>
                    <a:lnTo>
                      <a:pt x="1405" y="3781"/>
                    </a:lnTo>
                    <a:lnTo>
                      <a:pt x="1397" y="3762"/>
                    </a:lnTo>
                    <a:lnTo>
                      <a:pt x="1393" y="3753"/>
                    </a:lnTo>
                    <a:lnTo>
                      <a:pt x="1386" y="3746"/>
                    </a:lnTo>
                    <a:lnTo>
                      <a:pt x="1380" y="3739"/>
                    </a:lnTo>
                    <a:lnTo>
                      <a:pt x="1372" y="3733"/>
                    </a:lnTo>
                    <a:lnTo>
                      <a:pt x="1362" y="3727"/>
                    </a:lnTo>
                    <a:lnTo>
                      <a:pt x="1352" y="3724"/>
                    </a:lnTo>
                    <a:lnTo>
                      <a:pt x="1341" y="3721"/>
                    </a:lnTo>
                    <a:lnTo>
                      <a:pt x="1331" y="3720"/>
                    </a:lnTo>
                    <a:lnTo>
                      <a:pt x="1311" y="3718"/>
                    </a:lnTo>
                    <a:lnTo>
                      <a:pt x="1289" y="3718"/>
                    </a:lnTo>
                    <a:lnTo>
                      <a:pt x="1289" y="3720"/>
                    </a:lnTo>
                    <a:lnTo>
                      <a:pt x="1289" y="3721"/>
                    </a:lnTo>
                    <a:lnTo>
                      <a:pt x="1289" y="3721"/>
                    </a:lnTo>
                    <a:lnTo>
                      <a:pt x="1283" y="3699"/>
                    </a:lnTo>
                    <a:lnTo>
                      <a:pt x="1276" y="3678"/>
                    </a:lnTo>
                    <a:lnTo>
                      <a:pt x="1272" y="3669"/>
                    </a:lnTo>
                    <a:lnTo>
                      <a:pt x="1266" y="3661"/>
                    </a:lnTo>
                    <a:lnTo>
                      <a:pt x="1262" y="3657"/>
                    </a:lnTo>
                    <a:lnTo>
                      <a:pt x="1258" y="3655"/>
                    </a:lnTo>
                    <a:lnTo>
                      <a:pt x="1253" y="3652"/>
                    </a:lnTo>
                    <a:lnTo>
                      <a:pt x="1247" y="3651"/>
                    </a:lnTo>
                    <a:lnTo>
                      <a:pt x="1234" y="3647"/>
                    </a:lnTo>
                    <a:lnTo>
                      <a:pt x="1222" y="3642"/>
                    </a:lnTo>
                    <a:lnTo>
                      <a:pt x="1212" y="3637"/>
                    </a:lnTo>
                    <a:lnTo>
                      <a:pt x="1201" y="3629"/>
                    </a:lnTo>
                    <a:lnTo>
                      <a:pt x="1180" y="3615"/>
                    </a:lnTo>
                    <a:lnTo>
                      <a:pt x="1158" y="3600"/>
                    </a:lnTo>
                    <a:lnTo>
                      <a:pt x="1138" y="3591"/>
                    </a:lnTo>
                    <a:lnTo>
                      <a:pt x="1116" y="3581"/>
                    </a:lnTo>
                    <a:lnTo>
                      <a:pt x="1105" y="3576"/>
                    </a:lnTo>
                    <a:lnTo>
                      <a:pt x="1095" y="3571"/>
                    </a:lnTo>
                    <a:lnTo>
                      <a:pt x="1086" y="3564"/>
                    </a:lnTo>
                    <a:lnTo>
                      <a:pt x="1077" y="3558"/>
                    </a:lnTo>
                    <a:lnTo>
                      <a:pt x="1070" y="3553"/>
                    </a:lnTo>
                    <a:lnTo>
                      <a:pt x="1065" y="3550"/>
                    </a:lnTo>
                    <a:lnTo>
                      <a:pt x="1060" y="3549"/>
                    </a:lnTo>
                    <a:lnTo>
                      <a:pt x="1056" y="3549"/>
                    </a:lnTo>
                    <a:lnTo>
                      <a:pt x="1054" y="3551"/>
                    </a:lnTo>
                    <a:lnTo>
                      <a:pt x="1051" y="3554"/>
                    </a:lnTo>
                    <a:lnTo>
                      <a:pt x="1050" y="3558"/>
                    </a:lnTo>
                    <a:lnTo>
                      <a:pt x="1048" y="3563"/>
                    </a:lnTo>
                    <a:lnTo>
                      <a:pt x="1048" y="3575"/>
                    </a:lnTo>
                    <a:lnTo>
                      <a:pt x="1048" y="3588"/>
                    </a:lnTo>
                    <a:lnTo>
                      <a:pt x="1050" y="3599"/>
                    </a:lnTo>
                    <a:lnTo>
                      <a:pt x="1051" y="3608"/>
                    </a:lnTo>
                    <a:lnTo>
                      <a:pt x="1051" y="3615"/>
                    </a:lnTo>
                    <a:lnTo>
                      <a:pt x="1048" y="3620"/>
                    </a:lnTo>
                    <a:lnTo>
                      <a:pt x="1044" y="3622"/>
                    </a:lnTo>
                    <a:lnTo>
                      <a:pt x="1039" y="3624"/>
                    </a:lnTo>
                    <a:lnTo>
                      <a:pt x="1032" y="3624"/>
                    </a:lnTo>
                    <a:lnTo>
                      <a:pt x="1024" y="3622"/>
                    </a:lnTo>
                    <a:lnTo>
                      <a:pt x="1015" y="3620"/>
                    </a:lnTo>
                    <a:lnTo>
                      <a:pt x="1006" y="3617"/>
                    </a:lnTo>
                    <a:lnTo>
                      <a:pt x="968" y="3600"/>
                    </a:lnTo>
                    <a:lnTo>
                      <a:pt x="942" y="3589"/>
                    </a:lnTo>
                    <a:lnTo>
                      <a:pt x="929" y="3586"/>
                    </a:lnTo>
                    <a:lnTo>
                      <a:pt x="916" y="3584"/>
                    </a:lnTo>
                    <a:lnTo>
                      <a:pt x="902" y="3584"/>
                    </a:lnTo>
                    <a:lnTo>
                      <a:pt x="889" y="3584"/>
                    </a:lnTo>
                    <a:lnTo>
                      <a:pt x="864" y="3585"/>
                    </a:lnTo>
                    <a:lnTo>
                      <a:pt x="840" y="3586"/>
                    </a:lnTo>
                    <a:lnTo>
                      <a:pt x="829" y="3586"/>
                    </a:lnTo>
                    <a:lnTo>
                      <a:pt x="818" y="3585"/>
                    </a:lnTo>
                    <a:lnTo>
                      <a:pt x="807" y="3581"/>
                    </a:lnTo>
                    <a:lnTo>
                      <a:pt x="797" y="3576"/>
                    </a:lnTo>
                    <a:lnTo>
                      <a:pt x="788" y="3569"/>
                    </a:lnTo>
                    <a:lnTo>
                      <a:pt x="779" y="3559"/>
                    </a:lnTo>
                    <a:lnTo>
                      <a:pt x="770" y="3546"/>
                    </a:lnTo>
                    <a:lnTo>
                      <a:pt x="762" y="3531"/>
                    </a:lnTo>
                    <a:lnTo>
                      <a:pt x="756" y="3515"/>
                    </a:lnTo>
                    <a:lnTo>
                      <a:pt x="750" y="3503"/>
                    </a:lnTo>
                    <a:lnTo>
                      <a:pt x="745" y="3496"/>
                    </a:lnTo>
                    <a:lnTo>
                      <a:pt x="740" y="3490"/>
                    </a:lnTo>
                    <a:lnTo>
                      <a:pt x="734" y="3485"/>
                    </a:lnTo>
                    <a:lnTo>
                      <a:pt x="724" y="3483"/>
                    </a:lnTo>
                    <a:lnTo>
                      <a:pt x="713" y="3479"/>
                    </a:lnTo>
                    <a:lnTo>
                      <a:pt x="697" y="3475"/>
                    </a:lnTo>
                    <a:lnTo>
                      <a:pt x="675" y="3471"/>
                    </a:lnTo>
                    <a:lnTo>
                      <a:pt x="653" y="3468"/>
                    </a:lnTo>
                    <a:lnTo>
                      <a:pt x="648" y="3467"/>
                    </a:lnTo>
                    <a:lnTo>
                      <a:pt x="643" y="3464"/>
                    </a:lnTo>
                    <a:lnTo>
                      <a:pt x="639" y="3462"/>
                    </a:lnTo>
                    <a:lnTo>
                      <a:pt x="635" y="3459"/>
                    </a:lnTo>
                    <a:lnTo>
                      <a:pt x="633" y="3454"/>
                    </a:lnTo>
                    <a:lnTo>
                      <a:pt x="629" y="3450"/>
                    </a:lnTo>
                    <a:lnTo>
                      <a:pt x="627" y="3444"/>
                    </a:lnTo>
                    <a:lnTo>
                      <a:pt x="625" y="3437"/>
                    </a:lnTo>
                    <a:lnTo>
                      <a:pt x="622" y="3420"/>
                    </a:lnTo>
                    <a:lnTo>
                      <a:pt x="618" y="3404"/>
                    </a:lnTo>
                    <a:lnTo>
                      <a:pt x="614" y="3396"/>
                    </a:lnTo>
                    <a:lnTo>
                      <a:pt x="610" y="3389"/>
                    </a:lnTo>
                    <a:lnTo>
                      <a:pt x="608" y="3387"/>
                    </a:lnTo>
                    <a:lnTo>
                      <a:pt x="604" y="3384"/>
                    </a:lnTo>
                    <a:lnTo>
                      <a:pt x="600" y="3383"/>
                    </a:lnTo>
                    <a:lnTo>
                      <a:pt x="596" y="3382"/>
                    </a:lnTo>
                    <a:lnTo>
                      <a:pt x="585" y="3379"/>
                    </a:lnTo>
                    <a:lnTo>
                      <a:pt x="576" y="3375"/>
                    </a:lnTo>
                    <a:lnTo>
                      <a:pt x="566" y="3370"/>
                    </a:lnTo>
                    <a:lnTo>
                      <a:pt x="557" y="3363"/>
                    </a:lnTo>
                    <a:lnTo>
                      <a:pt x="550" y="3357"/>
                    </a:lnTo>
                    <a:lnTo>
                      <a:pt x="542" y="3349"/>
                    </a:lnTo>
                    <a:lnTo>
                      <a:pt x="535" y="3341"/>
                    </a:lnTo>
                    <a:lnTo>
                      <a:pt x="530" y="3332"/>
                    </a:lnTo>
                    <a:lnTo>
                      <a:pt x="520" y="3312"/>
                    </a:lnTo>
                    <a:lnTo>
                      <a:pt x="511" y="3292"/>
                    </a:lnTo>
                    <a:lnTo>
                      <a:pt x="504" y="3270"/>
                    </a:lnTo>
                    <a:lnTo>
                      <a:pt x="498" y="3251"/>
                    </a:lnTo>
                    <a:lnTo>
                      <a:pt x="496" y="3246"/>
                    </a:lnTo>
                    <a:lnTo>
                      <a:pt x="493" y="3243"/>
                    </a:lnTo>
                    <a:lnTo>
                      <a:pt x="487" y="3242"/>
                    </a:lnTo>
                    <a:lnTo>
                      <a:pt x="482" y="3240"/>
                    </a:lnTo>
                    <a:lnTo>
                      <a:pt x="468" y="3242"/>
                    </a:lnTo>
                    <a:lnTo>
                      <a:pt x="454" y="3243"/>
                    </a:lnTo>
                    <a:lnTo>
                      <a:pt x="439" y="3246"/>
                    </a:lnTo>
                    <a:lnTo>
                      <a:pt x="429" y="3246"/>
                    </a:lnTo>
                    <a:lnTo>
                      <a:pt x="425" y="3244"/>
                    </a:lnTo>
                    <a:lnTo>
                      <a:pt x="423" y="3242"/>
                    </a:lnTo>
                    <a:lnTo>
                      <a:pt x="423" y="3238"/>
                    </a:lnTo>
                    <a:lnTo>
                      <a:pt x="424" y="3233"/>
                    </a:lnTo>
                    <a:lnTo>
                      <a:pt x="430" y="3221"/>
                    </a:lnTo>
                    <a:lnTo>
                      <a:pt x="437" y="3208"/>
                    </a:lnTo>
                    <a:lnTo>
                      <a:pt x="439" y="3200"/>
                    </a:lnTo>
                    <a:lnTo>
                      <a:pt x="441" y="3194"/>
                    </a:lnTo>
                    <a:lnTo>
                      <a:pt x="441" y="3186"/>
                    </a:lnTo>
                    <a:lnTo>
                      <a:pt x="438" y="3179"/>
                    </a:lnTo>
                    <a:lnTo>
                      <a:pt x="434" y="3176"/>
                    </a:lnTo>
                    <a:lnTo>
                      <a:pt x="427" y="3170"/>
                    </a:lnTo>
                    <a:lnTo>
                      <a:pt x="417" y="3166"/>
                    </a:lnTo>
                    <a:lnTo>
                      <a:pt x="407" y="3161"/>
                    </a:lnTo>
                    <a:lnTo>
                      <a:pt x="386" y="3154"/>
                    </a:lnTo>
                    <a:lnTo>
                      <a:pt x="371" y="3148"/>
                    </a:lnTo>
                    <a:lnTo>
                      <a:pt x="324" y="3097"/>
                    </a:lnTo>
                    <a:lnTo>
                      <a:pt x="324" y="3097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 dirty="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73" name="Freeform 234"/>
              <p:cNvSpPr>
                <a:spLocks noEditPoints="1"/>
              </p:cNvSpPr>
              <p:nvPr/>
            </p:nvSpPr>
            <p:spPr bwMode="auto">
              <a:xfrm>
                <a:off x="4001589" y="4606208"/>
                <a:ext cx="2027542" cy="1717796"/>
              </a:xfrm>
              <a:custGeom>
                <a:avLst/>
                <a:gdLst/>
                <a:ahLst/>
                <a:cxnLst>
                  <a:cxn ang="0">
                    <a:pos x="3360" y="3329"/>
                  </a:cxn>
                  <a:cxn ang="0">
                    <a:pos x="3291" y="3088"/>
                  </a:cxn>
                  <a:cxn ang="0">
                    <a:pos x="3349" y="3150"/>
                  </a:cxn>
                  <a:cxn ang="0">
                    <a:pos x="3787" y="2982"/>
                  </a:cxn>
                  <a:cxn ang="0">
                    <a:pos x="3724" y="2898"/>
                  </a:cxn>
                  <a:cxn ang="0">
                    <a:pos x="4027" y="2905"/>
                  </a:cxn>
                  <a:cxn ang="0">
                    <a:pos x="4044" y="3009"/>
                  </a:cxn>
                  <a:cxn ang="0">
                    <a:pos x="3845" y="3066"/>
                  </a:cxn>
                  <a:cxn ang="0">
                    <a:pos x="4273" y="2826"/>
                  </a:cxn>
                  <a:cxn ang="0">
                    <a:pos x="4439" y="2993"/>
                  </a:cxn>
                  <a:cxn ang="0">
                    <a:pos x="2786" y="969"/>
                  </a:cxn>
                  <a:cxn ang="0">
                    <a:pos x="2971" y="1118"/>
                  </a:cxn>
                  <a:cxn ang="0">
                    <a:pos x="3151" y="1300"/>
                  </a:cxn>
                  <a:cxn ang="0">
                    <a:pos x="3413" y="1289"/>
                  </a:cxn>
                  <a:cxn ang="0">
                    <a:pos x="3646" y="1430"/>
                  </a:cxn>
                  <a:cxn ang="0">
                    <a:pos x="3733" y="1556"/>
                  </a:cxn>
                  <a:cxn ang="0">
                    <a:pos x="4027" y="1675"/>
                  </a:cxn>
                  <a:cxn ang="0">
                    <a:pos x="4215" y="1782"/>
                  </a:cxn>
                  <a:cxn ang="0">
                    <a:pos x="4161" y="1965"/>
                  </a:cxn>
                  <a:cxn ang="0">
                    <a:pos x="3765" y="2137"/>
                  </a:cxn>
                  <a:cxn ang="0">
                    <a:pos x="3217" y="2259"/>
                  </a:cxn>
                  <a:cxn ang="0">
                    <a:pos x="3143" y="2337"/>
                  </a:cxn>
                  <a:cxn ang="0">
                    <a:pos x="2779" y="3001"/>
                  </a:cxn>
                  <a:cxn ang="0">
                    <a:pos x="2758" y="3189"/>
                  </a:cxn>
                  <a:cxn ang="0">
                    <a:pos x="2440" y="3381"/>
                  </a:cxn>
                  <a:cxn ang="0">
                    <a:pos x="2438" y="3519"/>
                  </a:cxn>
                  <a:cxn ang="0">
                    <a:pos x="1932" y="3654"/>
                  </a:cxn>
                  <a:cxn ang="0">
                    <a:pos x="1749" y="3737"/>
                  </a:cxn>
                  <a:cxn ang="0">
                    <a:pos x="1573" y="3763"/>
                  </a:cxn>
                  <a:cxn ang="0">
                    <a:pos x="1423" y="3671"/>
                  </a:cxn>
                  <a:cxn ang="0">
                    <a:pos x="1166" y="3597"/>
                  </a:cxn>
                  <a:cxn ang="0">
                    <a:pos x="859" y="3591"/>
                  </a:cxn>
                  <a:cxn ang="0">
                    <a:pos x="603" y="3668"/>
                  </a:cxn>
                  <a:cxn ang="0">
                    <a:pos x="368" y="3575"/>
                  </a:cxn>
                  <a:cxn ang="0">
                    <a:pos x="350" y="3369"/>
                  </a:cxn>
                  <a:cxn ang="0">
                    <a:pos x="377" y="3228"/>
                  </a:cxn>
                  <a:cxn ang="0">
                    <a:pos x="35" y="2924"/>
                  </a:cxn>
                  <a:cxn ang="0">
                    <a:pos x="132" y="2628"/>
                  </a:cxn>
                  <a:cxn ang="0">
                    <a:pos x="258" y="2528"/>
                  </a:cxn>
                  <a:cxn ang="0">
                    <a:pos x="373" y="2142"/>
                  </a:cxn>
                  <a:cxn ang="0">
                    <a:pos x="338" y="1854"/>
                  </a:cxn>
                  <a:cxn ang="0">
                    <a:pos x="612" y="1587"/>
                  </a:cxn>
                  <a:cxn ang="0">
                    <a:pos x="745" y="1303"/>
                  </a:cxn>
                  <a:cxn ang="0">
                    <a:pos x="907" y="1113"/>
                  </a:cxn>
                  <a:cxn ang="0">
                    <a:pos x="766" y="896"/>
                  </a:cxn>
                  <a:cxn ang="0">
                    <a:pos x="460" y="833"/>
                  </a:cxn>
                  <a:cxn ang="0">
                    <a:pos x="390" y="689"/>
                  </a:cxn>
                  <a:cxn ang="0">
                    <a:pos x="283" y="606"/>
                  </a:cxn>
                  <a:cxn ang="0">
                    <a:pos x="293" y="522"/>
                  </a:cxn>
                  <a:cxn ang="0">
                    <a:pos x="285" y="438"/>
                  </a:cxn>
                  <a:cxn ang="0">
                    <a:pos x="248" y="421"/>
                  </a:cxn>
                  <a:cxn ang="0">
                    <a:pos x="302" y="283"/>
                  </a:cxn>
                  <a:cxn ang="0">
                    <a:pos x="245" y="186"/>
                  </a:cxn>
                  <a:cxn ang="0">
                    <a:pos x="305" y="98"/>
                  </a:cxn>
                  <a:cxn ang="0">
                    <a:pos x="511" y="122"/>
                  </a:cxn>
                  <a:cxn ang="0">
                    <a:pos x="631" y="105"/>
                  </a:cxn>
                  <a:cxn ang="0">
                    <a:pos x="776" y="0"/>
                  </a:cxn>
                  <a:cxn ang="0">
                    <a:pos x="908" y="102"/>
                  </a:cxn>
                  <a:cxn ang="0">
                    <a:pos x="1305" y="296"/>
                  </a:cxn>
                  <a:cxn ang="0">
                    <a:pos x="1427" y="342"/>
                  </a:cxn>
                  <a:cxn ang="0">
                    <a:pos x="2048" y="597"/>
                  </a:cxn>
                  <a:cxn ang="0">
                    <a:pos x="2209" y="689"/>
                  </a:cxn>
                  <a:cxn ang="0">
                    <a:pos x="2429" y="752"/>
                  </a:cxn>
                </a:cxnLst>
                <a:rect l="0" t="0" r="r" b="b"/>
                <a:pathLst>
                  <a:path w="4453" h="3803">
                    <a:moveTo>
                      <a:pt x="3350" y="3291"/>
                    </a:moveTo>
                    <a:lnTo>
                      <a:pt x="3344" y="3285"/>
                    </a:lnTo>
                    <a:lnTo>
                      <a:pt x="3338" y="3278"/>
                    </a:lnTo>
                    <a:lnTo>
                      <a:pt x="3335" y="3277"/>
                    </a:lnTo>
                    <a:lnTo>
                      <a:pt x="3331" y="3275"/>
                    </a:lnTo>
                    <a:lnTo>
                      <a:pt x="3327" y="3273"/>
                    </a:lnTo>
                    <a:lnTo>
                      <a:pt x="3322" y="3272"/>
                    </a:lnTo>
                    <a:lnTo>
                      <a:pt x="3315" y="3272"/>
                    </a:lnTo>
                    <a:lnTo>
                      <a:pt x="3308" y="3275"/>
                    </a:lnTo>
                    <a:lnTo>
                      <a:pt x="3304" y="3276"/>
                    </a:lnTo>
                    <a:lnTo>
                      <a:pt x="3301" y="3277"/>
                    </a:lnTo>
                    <a:lnTo>
                      <a:pt x="3300" y="3280"/>
                    </a:lnTo>
                    <a:lnTo>
                      <a:pt x="3299" y="3284"/>
                    </a:lnTo>
                    <a:lnTo>
                      <a:pt x="3301" y="3288"/>
                    </a:lnTo>
                    <a:lnTo>
                      <a:pt x="3308" y="3291"/>
                    </a:lnTo>
                    <a:lnTo>
                      <a:pt x="3314" y="3294"/>
                    </a:lnTo>
                    <a:lnTo>
                      <a:pt x="3318" y="3295"/>
                    </a:lnTo>
                    <a:lnTo>
                      <a:pt x="3327" y="3299"/>
                    </a:lnTo>
                    <a:lnTo>
                      <a:pt x="3335" y="3303"/>
                    </a:lnTo>
                    <a:lnTo>
                      <a:pt x="3340" y="3310"/>
                    </a:lnTo>
                    <a:lnTo>
                      <a:pt x="3345" y="3317"/>
                    </a:lnTo>
                    <a:lnTo>
                      <a:pt x="3347" y="3321"/>
                    </a:lnTo>
                    <a:lnTo>
                      <a:pt x="3349" y="3324"/>
                    </a:lnTo>
                    <a:lnTo>
                      <a:pt x="3352" y="3326"/>
                    </a:lnTo>
                    <a:lnTo>
                      <a:pt x="3356" y="3329"/>
                    </a:lnTo>
                    <a:lnTo>
                      <a:pt x="3360" y="3329"/>
                    </a:lnTo>
                    <a:lnTo>
                      <a:pt x="3362" y="3329"/>
                    </a:lnTo>
                    <a:lnTo>
                      <a:pt x="3365" y="3326"/>
                    </a:lnTo>
                    <a:lnTo>
                      <a:pt x="3367" y="3323"/>
                    </a:lnTo>
                    <a:lnTo>
                      <a:pt x="3350" y="3291"/>
                    </a:lnTo>
                    <a:close/>
                    <a:moveTo>
                      <a:pt x="3283" y="3199"/>
                    </a:moveTo>
                    <a:lnTo>
                      <a:pt x="3279" y="3198"/>
                    </a:lnTo>
                    <a:lnTo>
                      <a:pt x="3274" y="3194"/>
                    </a:lnTo>
                    <a:lnTo>
                      <a:pt x="3269" y="3190"/>
                    </a:lnTo>
                    <a:lnTo>
                      <a:pt x="3262" y="3184"/>
                    </a:lnTo>
                    <a:lnTo>
                      <a:pt x="3253" y="3172"/>
                    </a:lnTo>
                    <a:lnTo>
                      <a:pt x="3247" y="3163"/>
                    </a:lnTo>
                    <a:lnTo>
                      <a:pt x="3240" y="3152"/>
                    </a:lnTo>
                    <a:lnTo>
                      <a:pt x="3233" y="3135"/>
                    </a:lnTo>
                    <a:lnTo>
                      <a:pt x="3230" y="3127"/>
                    </a:lnTo>
                    <a:lnTo>
                      <a:pt x="3230" y="3119"/>
                    </a:lnTo>
                    <a:lnTo>
                      <a:pt x="3230" y="3117"/>
                    </a:lnTo>
                    <a:lnTo>
                      <a:pt x="3231" y="3115"/>
                    </a:lnTo>
                    <a:lnTo>
                      <a:pt x="3234" y="3114"/>
                    </a:lnTo>
                    <a:lnTo>
                      <a:pt x="3236" y="3113"/>
                    </a:lnTo>
                    <a:lnTo>
                      <a:pt x="3252" y="3115"/>
                    </a:lnTo>
                    <a:lnTo>
                      <a:pt x="3265" y="3118"/>
                    </a:lnTo>
                    <a:lnTo>
                      <a:pt x="3271" y="3117"/>
                    </a:lnTo>
                    <a:lnTo>
                      <a:pt x="3278" y="3114"/>
                    </a:lnTo>
                    <a:lnTo>
                      <a:pt x="3283" y="3110"/>
                    </a:lnTo>
                    <a:lnTo>
                      <a:pt x="3287" y="3101"/>
                    </a:lnTo>
                    <a:lnTo>
                      <a:pt x="3291" y="3088"/>
                    </a:lnTo>
                    <a:lnTo>
                      <a:pt x="3295" y="3076"/>
                    </a:lnTo>
                    <a:lnTo>
                      <a:pt x="3297" y="3071"/>
                    </a:lnTo>
                    <a:lnTo>
                      <a:pt x="3300" y="3067"/>
                    </a:lnTo>
                    <a:lnTo>
                      <a:pt x="3305" y="3062"/>
                    </a:lnTo>
                    <a:lnTo>
                      <a:pt x="3312" y="3058"/>
                    </a:lnTo>
                    <a:lnTo>
                      <a:pt x="3323" y="3054"/>
                    </a:lnTo>
                    <a:lnTo>
                      <a:pt x="3332" y="3052"/>
                    </a:lnTo>
                    <a:lnTo>
                      <a:pt x="3341" y="3052"/>
                    </a:lnTo>
                    <a:lnTo>
                      <a:pt x="3350" y="3053"/>
                    </a:lnTo>
                    <a:lnTo>
                      <a:pt x="3369" y="3056"/>
                    </a:lnTo>
                    <a:lnTo>
                      <a:pt x="3391" y="3056"/>
                    </a:lnTo>
                    <a:lnTo>
                      <a:pt x="3400" y="3057"/>
                    </a:lnTo>
                    <a:lnTo>
                      <a:pt x="3405" y="3058"/>
                    </a:lnTo>
                    <a:lnTo>
                      <a:pt x="3410" y="3062"/>
                    </a:lnTo>
                    <a:lnTo>
                      <a:pt x="3411" y="3067"/>
                    </a:lnTo>
                    <a:lnTo>
                      <a:pt x="3413" y="3074"/>
                    </a:lnTo>
                    <a:lnTo>
                      <a:pt x="3411" y="3080"/>
                    </a:lnTo>
                    <a:lnTo>
                      <a:pt x="3410" y="3087"/>
                    </a:lnTo>
                    <a:lnTo>
                      <a:pt x="3407" y="3095"/>
                    </a:lnTo>
                    <a:lnTo>
                      <a:pt x="3401" y="3106"/>
                    </a:lnTo>
                    <a:lnTo>
                      <a:pt x="3395" y="3117"/>
                    </a:lnTo>
                    <a:lnTo>
                      <a:pt x="3387" y="3124"/>
                    </a:lnTo>
                    <a:lnTo>
                      <a:pt x="3378" y="3131"/>
                    </a:lnTo>
                    <a:lnTo>
                      <a:pt x="3369" y="3137"/>
                    </a:lnTo>
                    <a:lnTo>
                      <a:pt x="3360" y="3144"/>
                    </a:lnTo>
                    <a:lnTo>
                      <a:pt x="3349" y="3150"/>
                    </a:lnTo>
                    <a:lnTo>
                      <a:pt x="3340" y="3159"/>
                    </a:lnTo>
                    <a:lnTo>
                      <a:pt x="3335" y="3167"/>
                    </a:lnTo>
                    <a:lnTo>
                      <a:pt x="3332" y="3175"/>
                    </a:lnTo>
                    <a:lnTo>
                      <a:pt x="3328" y="3183"/>
                    </a:lnTo>
                    <a:lnTo>
                      <a:pt x="3326" y="3190"/>
                    </a:lnTo>
                    <a:lnTo>
                      <a:pt x="3322" y="3198"/>
                    </a:lnTo>
                    <a:lnTo>
                      <a:pt x="3317" y="3202"/>
                    </a:lnTo>
                    <a:lnTo>
                      <a:pt x="3314" y="3203"/>
                    </a:lnTo>
                    <a:lnTo>
                      <a:pt x="3309" y="3205"/>
                    </a:lnTo>
                    <a:lnTo>
                      <a:pt x="3305" y="3205"/>
                    </a:lnTo>
                    <a:lnTo>
                      <a:pt x="3299" y="3203"/>
                    </a:lnTo>
                    <a:lnTo>
                      <a:pt x="3283" y="3199"/>
                    </a:lnTo>
                    <a:close/>
                    <a:moveTo>
                      <a:pt x="3845" y="3066"/>
                    </a:moveTo>
                    <a:lnTo>
                      <a:pt x="3843" y="3035"/>
                    </a:lnTo>
                    <a:lnTo>
                      <a:pt x="3841" y="3001"/>
                    </a:lnTo>
                    <a:lnTo>
                      <a:pt x="3840" y="2995"/>
                    </a:lnTo>
                    <a:lnTo>
                      <a:pt x="3838" y="2988"/>
                    </a:lnTo>
                    <a:lnTo>
                      <a:pt x="3835" y="2982"/>
                    </a:lnTo>
                    <a:lnTo>
                      <a:pt x="3831" y="2978"/>
                    </a:lnTo>
                    <a:lnTo>
                      <a:pt x="3826" y="2974"/>
                    </a:lnTo>
                    <a:lnTo>
                      <a:pt x="3819" y="2973"/>
                    </a:lnTo>
                    <a:lnTo>
                      <a:pt x="3812" y="2971"/>
                    </a:lnTo>
                    <a:lnTo>
                      <a:pt x="3803" y="2973"/>
                    </a:lnTo>
                    <a:lnTo>
                      <a:pt x="3797" y="2975"/>
                    </a:lnTo>
                    <a:lnTo>
                      <a:pt x="3792" y="2978"/>
                    </a:lnTo>
                    <a:lnTo>
                      <a:pt x="3787" y="2982"/>
                    </a:lnTo>
                    <a:lnTo>
                      <a:pt x="3783" y="2986"/>
                    </a:lnTo>
                    <a:lnTo>
                      <a:pt x="3774" y="2995"/>
                    </a:lnTo>
                    <a:lnTo>
                      <a:pt x="3764" y="3003"/>
                    </a:lnTo>
                    <a:lnTo>
                      <a:pt x="3760" y="3004"/>
                    </a:lnTo>
                    <a:lnTo>
                      <a:pt x="3757" y="3005"/>
                    </a:lnTo>
                    <a:lnTo>
                      <a:pt x="3755" y="3005"/>
                    </a:lnTo>
                    <a:lnTo>
                      <a:pt x="3752" y="3004"/>
                    </a:lnTo>
                    <a:lnTo>
                      <a:pt x="3748" y="3001"/>
                    </a:lnTo>
                    <a:lnTo>
                      <a:pt x="3746" y="2996"/>
                    </a:lnTo>
                    <a:lnTo>
                      <a:pt x="3744" y="2983"/>
                    </a:lnTo>
                    <a:lnTo>
                      <a:pt x="3744" y="2971"/>
                    </a:lnTo>
                    <a:lnTo>
                      <a:pt x="3737" y="2966"/>
                    </a:lnTo>
                    <a:lnTo>
                      <a:pt x="3727" y="2958"/>
                    </a:lnTo>
                    <a:lnTo>
                      <a:pt x="3718" y="2949"/>
                    </a:lnTo>
                    <a:lnTo>
                      <a:pt x="3709" y="2939"/>
                    </a:lnTo>
                    <a:lnTo>
                      <a:pt x="3705" y="2934"/>
                    </a:lnTo>
                    <a:lnTo>
                      <a:pt x="3702" y="2929"/>
                    </a:lnTo>
                    <a:lnTo>
                      <a:pt x="3699" y="2924"/>
                    </a:lnTo>
                    <a:lnTo>
                      <a:pt x="3698" y="2918"/>
                    </a:lnTo>
                    <a:lnTo>
                      <a:pt x="3698" y="2913"/>
                    </a:lnTo>
                    <a:lnTo>
                      <a:pt x="3699" y="2908"/>
                    </a:lnTo>
                    <a:lnTo>
                      <a:pt x="3703" y="2904"/>
                    </a:lnTo>
                    <a:lnTo>
                      <a:pt x="3707" y="2900"/>
                    </a:lnTo>
                    <a:lnTo>
                      <a:pt x="3711" y="2899"/>
                    </a:lnTo>
                    <a:lnTo>
                      <a:pt x="3717" y="2898"/>
                    </a:lnTo>
                    <a:lnTo>
                      <a:pt x="3724" y="2898"/>
                    </a:lnTo>
                    <a:lnTo>
                      <a:pt x="3731" y="2899"/>
                    </a:lnTo>
                    <a:lnTo>
                      <a:pt x="3747" y="2899"/>
                    </a:lnTo>
                    <a:lnTo>
                      <a:pt x="3757" y="2900"/>
                    </a:lnTo>
                    <a:lnTo>
                      <a:pt x="3773" y="2898"/>
                    </a:lnTo>
                    <a:lnTo>
                      <a:pt x="3787" y="2894"/>
                    </a:lnTo>
                    <a:lnTo>
                      <a:pt x="3800" y="2889"/>
                    </a:lnTo>
                    <a:lnTo>
                      <a:pt x="3814" y="2883"/>
                    </a:lnTo>
                    <a:lnTo>
                      <a:pt x="3841" y="2870"/>
                    </a:lnTo>
                    <a:lnTo>
                      <a:pt x="3869" y="2860"/>
                    </a:lnTo>
                    <a:lnTo>
                      <a:pt x="3883" y="2856"/>
                    </a:lnTo>
                    <a:lnTo>
                      <a:pt x="3904" y="2852"/>
                    </a:lnTo>
                    <a:lnTo>
                      <a:pt x="3930" y="2851"/>
                    </a:lnTo>
                    <a:lnTo>
                      <a:pt x="3955" y="2850"/>
                    </a:lnTo>
                    <a:lnTo>
                      <a:pt x="3970" y="2850"/>
                    </a:lnTo>
                    <a:lnTo>
                      <a:pt x="3981" y="2850"/>
                    </a:lnTo>
                    <a:lnTo>
                      <a:pt x="3993" y="2851"/>
                    </a:lnTo>
                    <a:lnTo>
                      <a:pt x="4003" y="2854"/>
                    </a:lnTo>
                    <a:lnTo>
                      <a:pt x="4012" y="2856"/>
                    </a:lnTo>
                    <a:lnTo>
                      <a:pt x="4019" y="2860"/>
                    </a:lnTo>
                    <a:lnTo>
                      <a:pt x="4020" y="2863"/>
                    </a:lnTo>
                    <a:lnTo>
                      <a:pt x="4023" y="2865"/>
                    </a:lnTo>
                    <a:lnTo>
                      <a:pt x="4024" y="2868"/>
                    </a:lnTo>
                    <a:lnTo>
                      <a:pt x="4024" y="2870"/>
                    </a:lnTo>
                    <a:lnTo>
                      <a:pt x="4024" y="2881"/>
                    </a:lnTo>
                    <a:lnTo>
                      <a:pt x="4025" y="2892"/>
                    </a:lnTo>
                    <a:lnTo>
                      <a:pt x="4027" y="2905"/>
                    </a:lnTo>
                    <a:lnTo>
                      <a:pt x="4031" y="2918"/>
                    </a:lnTo>
                    <a:lnTo>
                      <a:pt x="4032" y="2924"/>
                    </a:lnTo>
                    <a:lnTo>
                      <a:pt x="4034" y="2930"/>
                    </a:lnTo>
                    <a:lnTo>
                      <a:pt x="4037" y="2934"/>
                    </a:lnTo>
                    <a:lnTo>
                      <a:pt x="4041" y="2939"/>
                    </a:lnTo>
                    <a:lnTo>
                      <a:pt x="4045" y="2942"/>
                    </a:lnTo>
                    <a:lnTo>
                      <a:pt x="4049" y="2944"/>
                    </a:lnTo>
                    <a:lnTo>
                      <a:pt x="4054" y="2944"/>
                    </a:lnTo>
                    <a:lnTo>
                      <a:pt x="4060" y="2944"/>
                    </a:lnTo>
                    <a:lnTo>
                      <a:pt x="4073" y="2942"/>
                    </a:lnTo>
                    <a:lnTo>
                      <a:pt x="4082" y="2940"/>
                    </a:lnTo>
                    <a:lnTo>
                      <a:pt x="4089" y="2939"/>
                    </a:lnTo>
                    <a:lnTo>
                      <a:pt x="4093" y="2940"/>
                    </a:lnTo>
                    <a:lnTo>
                      <a:pt x="4094" y="2943"/>
                    </a:lnTo>
                    <a:lnTo>
                      <a:pt x="4094" y="2949"/>
                    </a:lnTo>
                    <a:lnTo>
                      <a:pt x="4094" y="2957"/>
                    </a:lnTo>
                    <a:lnTo>
                      <a:pt x="4094" y="2969"/>
                    </a:lnTo>
                    <a:lnTo>
                      <a:pt x="4094" y="2974"/>
                    </a:lnTo>
                    <a:lnTo>
                      <a:pt x="4093" y="2978"/>
                    </a:lnTo>
                    <a:lnTo>
                      <a:pt x="4091" y="2982"/>
                    </a:lnTo>
                    <a:lnTo>
                      <a:pt x="4090" y="2984"/>
                    </a:lnTo>
                    <a:lnTo>
                      <a:pt x="4085" y="2990"/>
                    </a:lnTo>
                    <a:lnTo>
                      <a:pt x="4079" y="2992"/>
                    </a:lnTo>
                    <a:lnTo>
                      <a:pt x="4064" y="2997"/>
                    </a:lnTo>
                    <a:lnTo>
                      <a:pt x="4050" y="3004"/>
                    </a:lnTo>
                    <a:lnTo>
                      <a:pt x="4044" y="3009"/>
                    </a:lnTo>
                    <a:lnTo>
                      <a:pt x="4038" y="3015"/>
                    </a:lnTo>
                    <a:lnTo>
                      <a:pt x="4032" y="3023"/>
                    </a:lnTo>
                    <a:lnTo>
                      <a:pt x="4027" y="3031"/>
                    </a:lnTo>
                    <a:lnTo>
                      <a:pt x="4014" y="3050"/>
                    </a:lnTo>
                    <a:lnTo>
                      <a:pt x="4002" y="3071"/>
                    </a:lnTo>
                    <a:lnTo>
                      <a:pt x="3989" y="3089"/>
                    </a:lnTo>
                    <a:lnTo>
                      <a:pt x="3976" y="3106"/>
                    </a:lnTo>
                    <a:lnTo>
                      <a:pt x="3968" y="3113"/>
                    </a:lnTo>
                    <a:lnTo>
                      <a:pt x="3962" y="3119"/>
                    </a:lnTo>
                    <a:lnTo>
                      <a:pt x="3954" y="3122"/>
                    </a:lnTo>
                    <a:lnTo>
                      <a:pt x="3946" y="3124"/>
                    </a:lnTo>
                    <a:lnTo>
                      <a:pt x="3941" y="3119"/>
                    </a:lnTo>
                    <a:lnTo>
                      <a:pt x="3937" y="3114"/>
                    </a:lnTo>
                    <a:lnTo>
                      <a:pt x="3935" y="3109"/>
                    </a:lnTo>
                    <a:lnTo>
                      <a:pt x="3932" y="3104"/>
                    </a:lnTo>
                    <a:lnTo>
                      <a:pt x="3928" y="3100"/>
                    </a:lnTo>
                    <a:lnTo>
                      <a:pt x="3924" y="3097"/>
                    </a:lnTo>
                    <a:lnTo>
                      <a:pt x="3918" y="3095"/>
                    </a:lnTo>
                    <a:lnTo>
                      <a:pt x="3908" y="3096"/>
                    </a:lnTo>
                    <a:lnTo>
                      <a:pt x="3897" y="3097"/>
                    </a:lnTo>
                    <a:lnTo>
                      <a:pt x="3884" y="3100"/>
                    </a:lnTo>
                    <a:lnTo>
                      <a:pt x="3878" y="3101"/>
                    </a:lnTo>
                    <a:lnTo>
                      <a:pt x="3873" y="3101"/>
                    </a:lnTo>
                    <a:lnTo>
                      <a:pt x="3866" y="3101"/>
                    </a:lnTo>
                    <a:lnTo>
                      <a:pt x="3862" y="3100"/>
                    </a:lnTo>
                    <a:lnTo>
                      <a:pt x="3845" y="3066"/>
                    </a:lnTo>
                    <a:close/>
                    <a:moveTo>
                      <a:pt x="4375" y="2944"/>
                    </a:moveTo>
                    <a:lnTo>
                      <a:pt x="4366" y="2943"/>
                    </a:lnTo>
                    <a:lnTo>
                      <a:pt x="4358" y="2939"/>
                    </a:lnTo>
                    <a:lnTo>
                      <a:pt x="4351" y="2934"/>
                    </a:lnTo>
                    <a:lnTo>
                      <a:pt x="4342" y="2930"/>
                    </a:lnTo>
                    <a:lnTo>
                      <a:pt x="4334" y="2925"/>
                    </a:lnTo>
                    <a:lnTo>
                      <a:pt x="4325" y="2920"/>
                    </a:lnTo>
                    <a:lnTo>
                      <a:pt x="4317" y="2916"/>
                    </a:lnTo>
                    <a:lnTo>
                      <a:pt x="4308" y="2913"/>
                    </a:lnTo>
                    <a:lnTo>
                      <a:pt x="4294" y="2911"/>
                    </a:lnTo>
                    <a:lnTo>
                      <a:pt x="4281" y="2909"/>
                    </a:lnTo>
                    <a:lnTo>
                      <a:pt x="4266" y="2909"/>
                    </a:lnTo>
                    <a:lnTo>
                      <a:pt x="4252" y="2908"/>
                    </a:lnTo>
                    <a:lnTo>
                      <a:pt x="4244" y="2905"/>
                    </a:lnTo>
                    <a:lnTo>
                      <a:pt x="4240" y="2903"/>
                    </a:lnTo>
                    <a:lnTo>
                      <a:pt x="4239" y="2899"/>
                    </a:lnTo>
                    <a:lnTo>
                      <a:pt x="4240" y="2895"/>
                    </a:lnTo>
                    <a:lnTo>
                      <a:pt x="4247" y="2885"/>
                    </a:lnTo>
                    <a:lnTo>
                      <a:pt x="4253" y="2874"/>
                    </a:lnTo>
                    <a:lnTo>
                      <a:pt x="4259" y="2861"/>
                    </a:lnTo>
                    <a:lnTo>
                      <a:pt x="4260" y="2846"/>
                    </a:lnTo>
                    <a:lnTo>
                      <a:pt x="4263" y="2839"/>
                    </a:lnTo>
                    <a:lnTo>
                      <a:pt x="4265" y="2833"/>
                    </a:lnTo>
                    <a:lnTo>
                      <a:pt x="4268" y="2830"/>
                    </a:lnTo>
                    <a:lnTo>
                      <a:pt x="4270" y="2829"/>
                    </a:lnTo>
                    <a:lnTo>
                      <a:pt x="4273" y="2826"/>
                    </a:lnTo>
                    <a:lnTo>
                      <a:pt x="4277" y="2826"/>
                    </a:lnTo>
                    <a:lnTo>
                      <a:pt x="4288" y="2825"/>
                    </a:lnTo>
                    <a:lnTo>
                      <a:pt x="4303" y="2825"/>
                    </a:lnTo>
                    <a:lnTo>
                      <a:pt x="4317" y="2826"/>
                    </a:lnTo>
                    <a:lnTo>
                      <a:pt x="4332" y="2829"/>
                    </a:lnTo>
                    <a:lnTo>
                      <a:pt x="4362" y="2835"/>
                    </a:lnTo>
                    <a:lnTo>
                      <a:pt x="4388" y="2841"/>
                    </a:lnTo>
                    <a:lnTo>
                      <a:pt x="4408" y="2842"/>
                    </a:lnTo>
                    <a:lnTo>
                      <a:pt x="4427" y="2845"/>
                    </a:lnTo>
                    <a:lnTo>
                      <a:pt x="4435" y="2847"/>
                    </a:lnTo>
                    <a:lnTo>
                      <a:pt x="4441" y="2852"/>
                    </a:lnTo>
                    <a:lnTo>
                      <a:pt x="4443" y="2855"/>
                    </a:lnTo>
                    <a:lnTo>
                      <a:pt x="4445" y="2859"/>
                    </a:lnTo>
                    <a:lnTo>
                      <a:pt x="4446" y="2864"/>
                    </a:lnTo>
                    <a:lnTo>
                      <a:pt x="4448" y="2869"/>
                    </a:lnTo>
                    <a:lnTo>
                      <a:pt x="4449" y="2894"/>
                    </a:lnTo>
                    <a:lnTo>
                      <a:pt x="4452" y="2917"/>
                    </a:lnTo>
                    <a:lnTo>
                      <a:pt x="4453" y="2940"/>
                    </a:lnTo>
                    <a:lnTo>
                      <a:pt x="4452" y="2965"/>
                    </a:lnTo>
                    <a:lnTo>
                      <a:pt x="4452" y="2971"/>
                    </a:lnTo>
                    <a:lnTo>
                      <a:pt x="4450" y="2981"/>
                    </a:lnTo>
                    <a:lnTo>
                      <a:pt x="4450" y="2984"/>
                    </a:lnTo>
                    <a:lnTo>
                      <a:pt x="4449" y="2988"/>
                    </a:lnTo>
                    <a:lnTo>
                      <a:pt x="4446" y="2991"/>
                    </a:lnTo>
                    <a:lnTo>
                      <a:pt x="4444" y="2993"/>
                    </a:lnTo>
                    <a:lnTo>
                      <a:pt x="4439" y="2993"/>
                    </a:lnTo>
                    <a:lnTo>
                      <a:pt x="4432" y="2992"/>
                    </a:lnTo>
                    <a:lnTo>
                      <a:pt x="4424" y="2990"/>
                    </a:lnTo>
                    <a:lnTo>
                      <a:pt x="4417" y="2984"/>
                    </a:lnTo>
                    <a:lnTo>
                      <a:pt x="4402" y="2975"/>
                    </a:lnTo>
                    <a:lnTo>
                      <a:pt x="4392" y="2966"/>
                    </a:lnTo>
                    <a:lnTo>
                      <a:pt x="4388" y="2960"/>
                    </a:lnTo>
                    <a:lnTo>
                      <a:pt x="4383" y="2952"/>
                    </a:lnTo>
                    <a:lnTo>
                      <a:pt x="4380" y="2948"/>
                    </a:lnTo>
                    <a:lnTo>
                      <a:pt x="4379" y="2946"/>
                    </a:lnTo>
                    <a:lnTo>
                      <a:pt x="4377" y="2944"/>
                    </a:lnTo>
                    <a:lnTo>
                      <a:pt x="4375" y="2944"/>
                    </a:lnTo>
                    <a:close/>
                    <a:moveTo>
                      <a:pt x="2687" y="828"/>
                    </a:moveTo>
                    <a:lnTo>
                      <a:pt x="2734" y="879"/>
                    </a:lnTo>
                    <a:lnTo>
                      <a:pt x="2749" y="885"/>
                    </a:lnTo>
                    <a:lnTo>
                      <a:pt x="2770" y="892"/>
                    </a:lnTo>
                    <a:lnTo>
                      <a:pt x="2780" y="897"/>
                    </a:lnTo>
                    <a:lnTo>
                      <a:pt x="2790" y="901"/>
                    </a:lnTo>
                    <a:lnTo>
                      <a:pt x="2797" y="907"/>
                    </a:lnTo>
                    <a:lnTo>
                      <a:pt x="2801" y="910"/>
                    </a:lnTo>
                    <a:lnTo>
                      <a:pt x="2804" y="917"/>
                    </a:lnTo>
                    <a:lnTo>
                      <a:pt x="2804" y="925"/>
                    </a:lnTo>
                    <a:lnTo>
                      <a:pt x="2802" y="931"/>
                    </a:lnTo>
                    <a:lnTo>
                      <a:pt x="2800" y="939"/>
                    </a:lnTo>
                    <a:lnTo>
                      <a:pt x="2793" y="952"/>
                    </a:lnTo>
                    <a:lnTo>
                      <a:pt x="2787" y="964"/>
                    </a:lnTo>
                    <a:lnTo>
                      <a:pt x="2786" y="969"/>
                    </a:lnTo>
                    <a:lnTo>
                      <a:pt x="2786" y="973"/>
                    </a:lnTo>
                    <a:lnTo>
                      <a:pt x="2788" y="975"/>
                    </a:lnTo>
                    <a:lnTo>
                      <a:pt x="2792" y="977"/>
                    </a:lnTo>
                    <a:lnTo>
                      <a:pt x="2802" y="977"/>
                    </a:lnTo>
                    <a:lnTo>
                      <a:pt x="2817" y="974"/>
                    </a:lnTo>
                    <a:lnTo>
                      <a:pt x="2831" y="973"/>
                    </a:lnTo>
                    <a:lnTo>
                      <a:pt x="2845" y="971"/>
                    </a:lnTo>
                    <a:lnTo>
                      <a:pt x="2850" y="973"/>
                    </a:lnTo>
                    <a:lnTo>
                      <a:pt x="2856" y="974"/>
                    </a:lnTo>
                    <a:lnTo>
                      <a:pt x="2859" y="977"/>
                    </a:lnTo>
                    <a:lnTo>
                      <a:pt x="2861" y="982"/>
                    </a:lnTo>
                    <a:lnTo>
                      <a:pt x="2867" y="1001"/>
                    </a:lnTo>
                    <a:lnTo>
                      <a:pt x="2874" y="1023"/>
                    </a:lnTo>
                    <a:lnTo>
                      <a:pt x="2883" y="1043"/>
                    </a:lnTo>
                    <a:lnTo>
                      <a:pt x="2893" y="1063"/>
                    </a:lnTo>
                    <a:lnTo>
                      <a:pt x="2898" y="1072"/>
                    </a:lnTo>
                    <a:lnTo>
                      <a:pt x="2905" y="1080"/>
                    </a:lnTo>
                    <a:lnTo>
                      <a:pt x="2913" y="1088"/>
                    </a:lnTo>
                    <a:lnTo>
                      <a:pt x="2920" y="1094"/>
                    </a:lnTo>
                    <a:lnTo>
                      <a:pt x="2929" y="1101"/>
                    </a:lnTo>
                    <a:lnTo>
                      <a:pt x="2939" y="1106"/>
                    </a:lnTo>
                    <a:lnTo>
                      <a:pt x="2948" y="1110"/>
                    </a:lnTo>
                    <a:lnTo>
                      <a:pt x="2959" y="1113"/>
                    </a:lnTo>
                    <a:lnTo>
                      <a:pt x="2963" y="1114"/>
                    </a:lnTo>
                    <a:lnTo>
                      <a:pt x="2967" y="1115"/>
                    </a:lnTo>
                    <a:lnTo>
                      <a:pt x="2971" y="1118"/>
                    </a:lnTo>
                    <a:lnTo>
                      <a:pt x="2973" y="1120"/>
                    </a:lnTo>
                    <a:lnTo>
                      <a:pt x="2977" y="1127"/>
                    </a:lnTo>
                    <a:lnTo>
                      <a:pt x="2981" y="1135"/>
                    </a:lnTo>
                    <a:lnTo>
                      <a:pt x="2985" y="1151"/>
                    </a:lnTo>
                    <a:lnTo>
                      <a:pt x="2988" y="1168"/>
                    </a:lnTo>
                    <a:lnTo>
                      <a:pt x="2990" y="1175"/>
                    </a:lnTo>
                    <a:lnTo>
                      <a:pt x="2992" y="1181"/>
                    </a:lnTo>
                    <a:lnTo>
                      <a:pt x="2996" y="1185"/>
                    </a:lnTo>
                    <a:lnTo>
                      <a:pt x="2998" y="1190"/>
                    </a:lnTo>
                    <a:lnTo>
                      <a:pt x="3002" y="1193"/>
                    </a:lnTo>
                    <a:lnTo>
                      <a:pt x="3006" y="1195"/>
                    </a:lnTo>
                    <a:lnTo>
                      <a:pt x="3011" y="1198"/>
                    </a:lnTo>
                    <a:lnTo>
                      <a:pt x="3016" y="1199"/>
                    </a:lnTo>
                    <a:lnTo>
                      <a:pt x="3038" y="1202"/>
                    </a:lnTo>
                    <a:lnTo>
                      <a:pt x="3060" y="1206"/>
                    </a:lnTo>
                    <a:lnTo>
                      <a:pt x="3076" y="1210"/>
                    </a:lnTo>
                    <a:lnTo>
                      <a:pt x="3087" y="1214"/>
                    </a:lnTo>
                    <a:lnTo>
                      <a:pt x="3097" y="1216"/>
                    </a:lnTo>
                    <a:lnTo>
                      <a:pt x="3103" y="1221"/>
                    </a:lnTo>
                    <a:lnTo>
                      <a:pt x="3108" y="1227"/>
                    </a:lnTo>
                    <a:lnTo>
                      <a:pt x="3113" y="1234"/>
                    </a:lnTo>
                    <a:lnTo>
                      <a:pt x="3119" y="1246"/>
                    </a:lnTo>
                    <a:lnTo>
                      <a:pt x="3125" y="1262"/>
                    </a:lnTo>
                    <a:lnTo>
                      <a:pt x="3133" y="1277"/>
                    </a:lnTo>
                    <a:lnTo>
                      <a:pt x="3142" y="1290"/>
                    </a:lnTo>
                    <a:lnTo>
                      <a:pt x="3151" y="1300"/>
                    </a:lnTo>
                    <a:lnTo>
                      <a:pt x="3160" y="1307"/>
                    </a:lnTo>
                    <a:lnTo>
                      <a:pt x="3170" y="1312"/>
                    </a:lnTo>
                    <a:lnTo>
                      <a:pt x="3181" y="1316"/>
                    </a:lnTo>
                    <a:lnTo>
                      <a:pt x="3192" y="1317"/>
                    </a:lnTo>
                    <a:lnTo>
                      <a:pt x="3203" y="1317"/>
                    </a:lnTo>
                    <a:lnTo>
                      <a:pt x="3227" y="1316"/>
                    </a:lnTo>
                    <a:lnTo>
                      <a:pt x="3252" y="1315"/>
                    </a:lnTo>
                    <a:lnTo>
                      <a:pt x="3265" y="1315"/>
                    </a:lnTo>
                    <a:lnTo>
                      <a:pt x="3279" y="1315"/>
                    </a:lnTo>
                    <a:lnTo>
                      <a:pt x="3292" y="1317"/>
                    </a:lnTo>
                    <a:lnTo>
                      <a:pt x="3305" y="1320"/>
                    </a:lnTo>
                    <a:lnTo>
                      <a:pt x="3331" y="1331"/>
                    </a:lnTo>
                    <a:lnTo>
                      <a:pt x="3369" y="1348"/>
                    </a:lnTo>
                    <a:lnTo>
                      <a:pt x="3378" y="1351"/>
                    </a:lnTo>
                    <a:lnTo>
                      <a:pt x="3387" y="1353"/>
                    </a:lnTo>
                    <a:lnTo>
                      <a:pt x="3395" y="1355"/>
                    </a:lnTo>
                    <a:lnTo>
                      <a:pt x="3402" y="1355"/>
                    </a:lnTo>
                    <a:lnTo>
                      <a:pt x="3407" y="1353"/>
                    </a:lnTo>
                    <a:lnTo>
                      <a:pt x="3411" y="1351"/>
                    </a:lnTo>
                    <a:lnTo>
                      <a:pt x="3414" y="1346"/>
                    </a:lnTo>
                    <a:lnTo>
                      <a:pt x="3414" y="1339"/>
                    </a:lnTo>
                    <a:lnTo>
                      <a:pt x="3413" y="1330"/>
                    </a:lnTo>
                    <a:lnTo>
                      <a:pt x="3411" y="1319"/>
                    </a:lnTo>
                    <a:lnTo>
                      <a:pt x="3411" y="1306"/>
                    </a:lnTo>
                    <a:lnTo>
                      <a:pt x="3411" y="1294"/>
                    </a:lnTo>
                    <a:lnTo>
                      <a:pt x="3413" y="1289"/>
                    </a:lnTo>
                    <a:lnTo>
                      <a:pt x="3414" y="1285"/>
                    </a:lnTo>
                    <a:lnTo>
                      <a:pt x="3417" y="1282"/>
                    </a:lnTo>
                    <a:lnTo>
                      <a:pt x="3419" y="1280"/>
                    </a:lnTo>
                    <a:lnTo>
                      <a:pt x="3423" y="1280"/>
                    </a:lnTo>
                    <a:lnTo>
                      <a:pt x="3428" y="1281"/>
                    </a:lnTo>
                    <a:lnTo>
                      <a:pt x="3433" y="1284"/>
                    </a:lnTo>
                    <a:lnTo>
                      <a:pt x="3440" y="1289"/>
                    </a:lnTo>
                    <a:lnTo>
                      <a:pt x="3449" y="1295"/>
                    </a:lnTo>
                    <a:lnTo>
                      <a:pt x="3458" y="1302"/>
                    </a:lnTo>
                    <a:lnTo>
                      <a:pt x="3468" y="1307"/>
                    </a:lnTo>
                    <a:lnTo>
                      <a:pt x="3479" y="1312"/>
                    </a:lnTo>
                    <a:lnTo>
                      <a:pt x="3501" y="1322"/>
                    </a:lnTo>
                    <a:lnTo>
                      <a:pt x="3521" y="1331"/>
                    </a:lnTo>
                    <a:lnTo>
                      <a:pt x="3543" y="1346"/>
                    </a:lnTo>
                    <a:lnTo>
                      <a:pt x="3564" y="1360"/>
                    </a:lnTo>
                    <a:lnTo>
                      <a:pt x="3575" y="1368"/>
                    </a:lnTo>
                    <a:lnTo>
                      <a:pt x="3585" y="1373"/>
                    </a:lnTo>
                    <a:lnTo>
                      <a:pt x="3597" y="1378"/>
                    </a:lnTo>
                    <a:lnTo>
                      <a:pt x="3610" y="1382"/>
                    </a:lnTo>
                    <a:lnTo>
                      <a:pt x="3616" y="1383"/>
                    </a:lnTo>
                    <a:lnTo>
                      <a:pt x="3621" y="1386"/>
                    </a:lnTo>
                    <a:lnTo>
                      <a:pt x="3625" y="1388"/>
                    </a:lnTo>
                    <a:lnTo>
                      <a:pt x="3629" y="1392"/>
                    </a:lnTo>
                    <a:lnTo>
                      <a:pt x="3635" y="1400"/>
                    </a:lnTo>
                    <a:lnTo>
                      <a:pt x="3639" y="1409"/>
                    </a:lnTo>
                    <a:lnTo>
                      <a:pt x="3646" y="1430"/>
                    </a:lnTo>
                    <a:lnTo>
                      <a:pt x="3652" y="1452"/>
                    </a:lnTo>
                    <a:lnTo>
                      <a:pt x="3645" y="1461"/>
                    </a:lnTo>
                    <a:lnTo>
                      <a:pt x="3637" y="1470"/>
                    </a:lnTo>
                    <a:lnTo>
                      <a:pt x="3633" y="1475"/>
                    </a:lnTo>
                    <a:lnTo>
                      <a:pt x="3630" y="1480"/>
                    </a:lnTo>
                    <a:lnTo>
                      <a:pt x="3629" y="1486"/>
                    </a:lnTo>
                    <a:lnTo>
                      <a:pt x="3628" y="1492"/>
                    </a:lnTo>
                    <a:lnTo>
                      <a:pt x="3628" y="1504"/>
                    </a:lnTo>
                    <a:lnTo>
                      <a:pt x="3628" y="1517"/>
                    </a:lnTo>
                    <a:lnTo>
                      <a:pt x="3629" y="1530"/>
                    </a:lnTo>
                    <a:lnTo>
                      <a:pt x="3632" y="1541"/>
                    </a:lnTo>
                    <a:lnTo>
                      <a:pt x="3633" y="1546"/>
                    </a:lnTo>
                    <a:lnTo>
                      <a:pt x="3635" y="1553"/>
                    </a:lnTo>
                    <a:lnTo>
                      <a:pt x="3638" y="1557"/>
                    </a:lnTo>
                    <a:lnTo>
                      <a:pt x="3642" y="1562"/>
                    </a:lnTo>
                    <a:lnTo>
                      <a:pt x="3646" y="1566"/>
                    </a:lnTo>
                    <a:lnTo>
                      <a:pt x="3651" y="1570"/>
                    </a:lnTo>
                    <a:lnTo>
                      <a:pt x="3658" y="1572"/>
                    </a:lnTo>
                    <a:lnTo>
                      <a:pt x="3664" y="1575"/>
                    </a:lnTo>
                    <a:lnTo>
                      <a:pt x="3670" y="1576"/>
                    </a:lnTo>
                    <a:lnTo>
                      <a:pt x="3677" y="1576"/>
                    </a:lnTo>
                    <a:lnTo>
                      <a:pt x="3685" y="1575"/>
                    </a:lnTo>
                    <a:lnTo>
                      <a:pt x="3692" y="1572"/>
                    </a:lnTo>
                    <a:lnTo>
                      <a:pt x="3708" y="1566"/>
                    </a:lnTo>
                    <a:lnTo>
                      <a:pt x="3721" y="1561"/>
                    </a:lnTo>
                    <a:lnTo>
                      <a:pt x="3733" y="1556"/>
                    </a:lnTo>
                    <a:lnTo>
                      <a:pt x="3744" y="1552"/>
                    </a:lnTo>
                    <a:lnTo>
                      <a:pt x="3757" y="1550"/>
                    </a:lnTo>
                    <a:lnTo>
                      <a:pt x="3770" y="1550"/>
                    </a:lnTo>
                    <a:lnTo>
                      <a:pt x="3790" y="1579"/>
                    </a:lnTo>
                    <a:lnTo>
                      <a:pt x="3808" y="1606"/>
                    </a:lnTo>
                    <a:lnTo>
                      <a:pt x="3813" y="1611"/>
                    </a:lnTo>
                    <a:lnTo>
                      <a:pt x="3819" y="1618"/>
                    </a:lnTo>
                    <a:lnTo>
                      <a:pt x="3825" y="1622"/>
                    </a:lnTo>
                    <a:lnTo>
                      <a:pt x="3832" y="1626"/>
                    </a:lnTo>
                    <a:lnTo>
                      <a:pt x="3839" y="1628"/>
                    </a:lnTo>
                    <a:lnTo>
                      <a:pt x="3848" y="1631"/>
                    </a:lnTo>
                    <a:lnTo>
                      <a:pt x="3857" y="1632"/>
                    </a:lnTo>
                    <a:lnTo>
                      <a:pt x="3866" y="1631"/>
                    </a:lnTo>
                    <a:lnTo>
                      <a:pt x="3892" y="1628"/>
                    </a:lnTo>
                    <a:lnTo>
                      <a:pt x="3917" y="1627"/>
                    </a:lnTo>
                    <a:lnTo>
                      <a:pt x="3928" y="1628"/>
                    </a:lnTo>
                    <a:lnTo>
                      <a:pt x="3939" y="1629"/>
                    </a:lnTo>
                    <a:lnTo>
                      <a:pt x="3952" y="1633"/>
                    </a:lnTo>
                    <a:lnTo>
                      <a:pt x="3963" y="1640"/>
                    </a:lnTo>
                    <a:lnTo>
                      <a:pt x="3976" y="1649"/>
                    </a:lnTo>
                    <a:lnTo>
                      <a:pt x="3987" y="1659"/>
                    </a:lnTo>
                    <a:lnTo>
                      <a:pt x="3992" y="1664"/>
                    </a:lnTo>
                    <a:lnTo>
                      <a:pt x="3998" y="1668"/>
                    </a:lnTo>
                    <a:lnTo>
                      <a:pt x="4005" y="1671"/>
                    </a:lnTo>
                    <a:lnTo>
                      <a:pt x="4014" y="1673"/>
                    </a:lnTo>
                    <a:lnTo>
                      <a:pt x="4027" y="1675"/>
                    </a:lnTo>
                    <a:lnTo>
                      <a:pt x="4038" y="1673"/>
                    </a:lnTo>
                    <a:lnTo>
                      <a:pt x="4053" y="1672"/>
                    </a:lnTo>
                    <a:lnTo>
                      <a:pt x="4066" y="1670"/>
                    </a:lnTo>
                    <a:lnTo>
                      <a:pt x="4079" y="1667"/>
                    </a:lnTo>
                    <a:lnTo>
                      <a:pt x="4093" y="1666"/>
                    </a:lnTo>
                    <a:lnTo>
                      <a:pt x="4106" y="1664"/>
                    </a:lnTo>
                    <a:lnTo>
                      <a:pt x="4119" y="1666"/>
                    </a:lnTo>
                    <a:lnTo>
                      <a:pt x="4133" y="1668"/>
                    </a:lnTo>
                    <a:lnTo>
                      <a:pt x="4148" y="1672"/>
                    </a:lnTo>
                    <a:lnTo>
                      <a:pt x="4163" y="1677"/>
                    </a:lnTo>
                    <a:lnTo>
                      <a:pt x="4178" y="1683"/>
                    </a:lnTo>
                    <a:lnTo>
                      <a:pt x="4208" y="1695"/>
                    </a:lnTo>
                    <a:lnTo>
                      <a:pt x="4235" y="1706"/>
                    </a:lnTo>
                    <a:lnTo>
                      <a:pt x="4237" y="1717"/>
                    </a:lnTo>
                    <a:lnTo>
                      <a:pt x="4238" y="1728"/>
                    </a:lnTo>
                    <a:lnTo>
                      <a:pt x="4243" y="1742"/>
                    </a:lnTo>
                    <a:lnTo>
                      <a:pt x="4252" y="1758"/>
                    </a:lnTo>
                    <a:lnTo>
                      <a:pt x="4256" y="1765"/>
                    </a:lnTo>
                    <a:lnTo>
                      <a:pt x="4259" y="1774"/>
                    </a:lnTo>
                    <a:lnTo>
                      <a:pt x="4261" y="1782"/>
                    </a:lnTo>
                    <a:lnTo>
                      <a:pt x="4263" y="1790"/>
                    </a:lnTo>
                    <a:lnTo>
                      <a:pt x="4261" y="1790"/>
                    </a:lnTo>
                    <a:lnTo>
                      <a:pt x="4250" y="1787"/>
                    </a:lnTo>
                    <a:lnTo>
                      <a:pt x="4231" y="1782"/>
                    </a:lnTo>
                    <a:lnTo>
                      <a:pt x="4222" y="1781"/>
                    </a:lnTo>
                    <a:lnTo>
                      <a:pt x="4215" y="1782"/>
                    </a:lnTo>
                    <a:lnTo>
                      <a:pt x="4212" y="1784"/>
                    </a:lnTo>
                    <a:lnTo>
                      <a:pt x="4209" y="1785"/>
                    </a:lnTo>
                    <a:lnTo>
                      <a:pt x="4208" y="1787"/>
                    </a:lnTo>
                    <a:lnTo>
                      <a:pt x="4208" y="1791"/>
                    </a:lnTo>
                    <a:lnTo>
                      <a:pt x="4208" y="1808"/>
                    </a:lnTo>
                    <a:lnTo>
                      <a:pt x="4209" y="1825"/>
                    </a:lnTo>
                    <a:lnTo>
                      <a:pt x="4213" y="1842"/>
                    </a:lnTo>
                    <a:lnTo>
                      <a:pt x="4218" y="1856"/>
                    </a:lnTo>
                    <a:lnTo>
                      <a:pt x="4222" y="1865"/>
                    </a:lnTo>
                    <a:lnTo>
                      <a:pt x="4225" y="1874"/>
                    </a:lnTo>
                    <a:lnTo>
                      <a:pt x="4228" y="1883"/>
                    </a:lnTo>
                    <a:lnTo>
                      <a:pt x="4229" y="1891"/>
                    </a:lnTo>
                    <a:lnTo>
                      <a:pt x="4230" y="1900"/>
                    </a:lnTo>
                    <a:lnTo>
                      <a:pt x="4230" y="1908"/>
                    </a:lnTo>
                    <a:lnTo>
                      <a:pt x="4229" y="1916"/>
                    </a:lnTo>
                    <a:lnTo>
                      <a:pt x="4228" y="1923"/>
                    </a:lnTo>
                    <a:lnTo>
                      <a:pt x="4225" y="1931"/>
                    </a:lnTo>
                    <a:lnTo>
                      <a:pt x="4221" y="1938"/>
                    </a:lnTo>
                    <a:lnTo>
                      <a:pt x="4216" y="1943"/>
                    </a:lnTo>
                    <a:lnTo>
                      <a:pt x="4211" y="1948"/>
                    </a:lnTo>
                    <a:lnTo>
                      <a:pt x="4204" y="1953"/>
                    </a:lnTo>
                    <a:lnTo>
                      <a:pt x="4196" y="1957"/>
                    </a:lnTo>
                    <a:lnTo>
                      <a:pt x="4187" y="1960"/>
                    </a:lnTo>
                    <a:lnTo>
                      <a:pt x="4177" y="1961"/>
                    </a:lnTo>
                    <a:lnTo>
                      <a:pt x="4169" y="1962"/>
                    </a:lnTo>
                    <a:lnTo>
                      <a:pt x="4161" y="1965"/>
                    </a:lnTo>
                    <a:lnTo>
                      <a:pt x="4154" y="1968"/>
                    </a:lnTo>
                    <a:lnTo>
                      <a:pt x="4146" y="1971"/>
                    </a:lnTo>
                    <a:lnTo>
                      <a:pt x="4130" y="1980"/>
                    </a:lnTo>
                    <a:lnTo>
                      <a:pt x="4115" y="1991"/>
                    </a:lnTo>
                    <a:lnTo>
                      <a:pt x="4098" y="2002"/>
                    </a:lnTo>
                    <a:lnTo>
                      <a:pt x="4082" y="2012"/>
                    </a:lnTo>
                    <a:lnTo>
                      <a:pt x="4064" y="2021"/>
                    </a:lnTo>
                    <a:lnTo>
                      <a:pt x="4047" y="2027"/>
                    </a:lnTo>
                    <a:lnTo>
                      <a:pt x="4023" y="2031"/>
                    </a:lnTo>
                    <a:lnTo>
                      <a:pt x="3994" y="2035"/>
                    </a:lnTo>
                    <a:lnTo>
                      <a:pt x="3962" y="2039"/>
                    </a:lnTo>
                    <a:lnTo>
                      <a:pt x="3930" y="2043"/>
                    </a:lnTo>
                    <a:lnTo>
                      <a:pt x="3913" y="2045"/>
                    </a:lnTo>
                    <a:lnTo>
                      <a:pt x="3897" y="2048"/>
                    </a:lnTo>
                    <a:lnTo>
                      <a:pt x="3883" y="2052"/>
                    </a:lnTo>
                    <a:lnTo>
                      <a:pt x="3869" y="2057"/>
                    </a:lnTo>
                    <a:lnTo>
                      <a:pt x="3856" y="2061"/>
                    </a:lnTo>
                    <a:lnTo>
                      <a:pt x="3844" y="2067"/>
                    </a:lnTo>
                    <a:lnTo>
                      <a:pt x="3835" y="2074"/>
                    </a:lnTo>
                    <a:lnTo>
                      <a:pt x="3827" y="2082"/>
                    </a:lnTo>
                    <a:lnTo>
                      <a:pt x="3819" y="2091"/>
                    </a:lnTo>
                    <a:lnTo>
                      <a:pt x="3810" y="2101"/>
                    </a:lnTo>
                    <a:lnTo>
                      <a:pt x="3800" y="2111"/>
                    </a:lnTo>
                    <a:lnTo>
                      <a:pt x="3788" y="2120"/>
                    </a:lnTo>
                    <a:lnTo>
                      <a:pt x="3778" y="2129"/>
                    </a:lnTo>
                    <a:lnTo>
                      <a:pt x="3765" y="2137"/>
                    </a:lnTo>
                    <a:lnTo>
                      <a:pt x="3753" y="2142"/>
                    </a:lnTo>
                    <a:lnTo>
                      <a:pt x="3742" y="2145"/>
                    </a:lnTo>
                    <a:lnTo>
                      <a:pt x="3707" y="2149"/>
                    </a:lnTo>
                    <a:lnTo>
                      <a:pt x="3670" y="2153"/>
                    </a:lnTo>
                    <a:lnTo>
                      <a:pt x="3634" y="2154"/>
                    </a:lnTo>
                    <a:lnTo>
                      <a:pt x="3598" y="2153"/>
                    </a:lnTo>
                    <a:lnTo>
                      <a:pt x="3573" y="2153"/>
                    </a:lnTo>
                    <a:lnTo>
                      <a:pt x="3538" y="2151"/>
                    </a:lnTo>
                    <a:lnTo>
                      <a:pt x="3498" y="2150"/>
                    </a:lnTo>
                    <a:lnTo>
                      <a:pt x="3454" y="2150"/>
                    </a:lnTo>
                    <a:lnTo>
                      <a:pt x="3411" y="2150"/>
                    </a:lnTo>
                    <a:lnTo>
                      <a:pt x="3374" y="2154"/>
                    </a:lnTo>
                    <a:lnTo>
                      <a:pt x="3357" y="2157"/>
                    </a:lnTo>
                    <a:lnTo>
                      <a:pt x="3343" y="2159"/>
                    </a:lnTo>
                    <a:lnTo>
                      <a:pt x="3331" y="2164"/>
                    </a:lnTo>
                    <a:lnTo>
                      <a:pt x="3323" y="2170"/>
                    </a:lnTo>
                    <a:lnTo>
                      <a:pt x="3312" y="2177"/>
                    </a:lnTo>
                    <a:lnTo>
                      <a:pt x="3292" y="2190"/>
                    </a:lnTo>
                    <a:lnTo>
                      <a:pt x="3270" y="2205"/>
                    </a:lnTo>
                    <a:lnTo>
                      <a:pt x="3248" y="2220"/>
                    </a:lnTo>
                    <a:lnTo>
                      <a:pt x="3239" y="2228"/>
                    </a:lnTo>
                    <a:lnTo>
                      <a:pt x="3230" y="2236"/>
                    </a:lnTo>
                    <a:lnTo>
                      <a:pt x="3224" y="2245"/>
                    </a:lnTo>
                    <a:lnTo>
                      <a:pt x="3220" y="2252"/>
                    </a:lnTo>
                    <a:lnTo>
                      <a:pt x="3218" y="2256"/>
                    </a:lnTo>
                    <a:lnTo>
                      <a:pt x="3217" y="2259"/>
                    </a:lnTo>
                    <a:lnTo>
                      <a:pt x="3218" y="2263"/>
                    </a:lnTo>
                    <a:lnTo>
                      <a:pt x="3218" y="2267"/>
                    </a:lnTo>
                    <a:lnTo>
                      <a:pt x="3221" y="2269"/>
                    </a:lnTo>
                    <a:lnTo>
                      <a:pt x="3224" y="2273"/>
                    </a:lnTo>
                    <a:lnTo>
                      <a:pt x="3227" y="2276"/>
                    </a:lnTo>
                    <a:lnTo>
                      <a:pt x="3233" y="2278"/>
                    </a:lnTo>
                    <a:lnTo>
                      <a:pt x="3258" y="2290"/>
                    </a:lnTo>
                    <a:lnTo>
                      <a:pt x="3266" y="2295"/>
                    </a:lnTo>
                    <a:lnTo>
                      <a:pt x="3258" y="2303"/>
                    </a:lnTo>
                    <a:lnTo>
                      <a:pt x="3234" y="2324"/>
                    </a:lnTo>
                    <a:lnTo>
                      <a:pt x="3225" y="2333"/>
                    </a:lnTo>
                    <a:lnTo>
                      <a:pt x="3213" y="2343"/>
                    </a:lnTo>
                    <a:lnTo>
                      <a:pt x="3208" y="2348"/>
                    </a:lnTo>
                    <a:lnTo>
                      <a:pt x="3201" y="2351"/>
                    </a:lnTo>
                    <a:lnTo>
                      <a:pt x="3195" y="2352"/>
                    </a:lnTo>
                    <a:lnTo>
                      <a:pt x="3187" y="2351"/>
                    </a:lnTo>
                    <a:lnTo>
                      <a:pt x="3187" y="2335"/>
                    </a:lnTo>
                    <a:lnTo>
                      <a:pt x="3186" y="2324"/>
                    </a:lnTo>
                    <a:lnTo>
                      <a:pt x="3185" y="2315"/>
                    </a:lnTo>
                    <a:lnTo>
                      <a:pt x="3182" y="2308"/>
                    </a:lnTo>
                    <a:lnTo>
                      <a:pt x="3179" y="2306"/>
                    </a:lnTo>
                    <a:lnTo>
                      <a:pt x="3176" y="2304"/>
                    </a:lnTo>
                    <a:lnTo>
                      <a:pt x="3172" y="2306"/>
                    </a:lnTo>
                    <a:lnTo>
                      <a:pt x="3167" y="2309"/>
                    </a:lnTo>
                    <a:lnTo>
                      <a:pt x="3156" y="2321"/>
                    </a:lnTo>
                    <a:lnTo>
                      <a:pt x="3143" y="2337"/>
                    </a:lnTo>
                    <a:lnTo>
                      <a:pt x="3128" y="2355"/>
                    </a:lnTo>
                    <a:lnTo>
                      <a:pt x="3111" y="2373"/>
                    </a:lnTo>
                    <a:lnTo>
                      <a:pt x="2896" y="2574"/>
                    </a:lnTo>
                    <a:lnTo>
                      <a:pt x="2881" y="2588"/>
                    </a:lnTo>
                    <a:lnTo>
                      <a:pt x="2866" y="2606"/>
                    </a:lnTo>
                    <a:lnTo>
                      <a:pt x="2850" y="2626"/>
                    </a:lnTo>
                    <a:lnTo>
                      <a:pt x="2834" y="2646"/>
                    </a:lnTo>
                    <a:lnTo>
                      <a:pt x="2818" y="2666"/>
                    </a:lnTo>
                    <a:lnTo>
                      <a:pt x="2801" y="2684"/>
                    </a:lnTo>
                    <a:lnTo>
                      <a:pt x="2786" y="2699"/>
                    </a:lnTo>
                    <a:lnTo>
                      <a:pt x="2771" y="2710"/>
                    </a:lnTo>
                    <a:lnTo>
                      <a:pt x="2761" y="2720"/>
                    </a:lnTo>
                    <a:lnTo>
                      <a:pt x="2753" y="2732"/>
                    </a:lnTo>
                    <a:lnTo>
                      <a:pt x="2747" y="2743"/>
                    </a:lnTo>
                    <a:lnTo>
                      <a:pt x="2742" y="2756"/>
                    </a:lnTo>
                    <a:lnTo>
                      <a:pt x="2739" y="2771"/>
                    </a:lnTo>
                    <a:lnTo>
                      <a:pt x="2738" y="2785"/>
                    </a:lnTo>
                    <a:lnTo>
                      <a:pt x="2736" y="2799"/>
                    </a:lnTo>
                    <a:lnTo>
                      <a:pt x="2738" y="2815"/>
                    </a:lnTo>
                    <a:lnTo>
                      <a:pt x="2742" y="2846"/>
                    </a:lnTo>
                    <a:lnTo>
                      <a:pt x="2748" y="2876"/>
                    </a:lnTo>
                    <a:lnTo>
                      <a:pt x="2756" y="2904"/>
                    </a:lnTo>
                    <a:lnTo>
                      <a:pt x="2761" y="2930"/>
                    </a:lnTo>
                    <a:lnTo>
                      <a:pt x="2766" y="2952"/>
                    </a:lnTo>
                    <a:lnTo>
                      <a:pt x="2771" y="2977"/>
                    </a:lnTo>
                    <a:lnTo>
                      <a:pt x="2779" y="3001"/>
                    </a:lnTo>
                    <a:lnTo>
                      <a:pt x="2788" y="3025"/>
                    </a:lnTo>
                    <a:lnTo>
                      <a:pt x="2793" y="3036"/>
                    </a:lnTo>
                    <a:lnTo>
                      <a:pt x="2800" y="3047"/>
                    </a:lnTo>
                    <a:lnTo>
                      <a:pt x="2808" y="3057"/>
                    </a:lnTo>
                    <a:lnTo>
                      <a:pt x="2815" y="3066"/>
                    </a:lnTo>
                    <a:lnTo>
                      <a:pt x="2824" y="3074"/>
                    </a:lnTo>
                    <a:lnTo>
                      <a:pt x="2834" y="3080"/>
                    </a:lnTo>
                    <a:lnTo>
                      <a:pt x="2844" y="3087"/>
                    </a:lnTo>
                    <a:lnTo>
                      <a:pt x="2857" y="3089"/>
                    </a:lnTo>
                    <a:lnTo>
                      <a:pt x="2857" y="3107"/>
                    </a:lnTo>
                    <a:lnTo>
                      <a:pt x="2856" y="3123"/>
                    </a:lnTo>
                    <a:lnTo>
                      <a:pt x="2854" y="3136"/>
                    </a:lnTo>
                    <a:lnTo>
                      <a:pt x="2852" y="3146"/>
                    </a:lnTo>
                    <a:lnTo>
                      <a:pt x="2849" y="3152"/>
                    </a:lnTo>
                    <a:lnTo>
                      <a:pt x="2847" y="3155"/>
                    </a:lnTo>
                    <a:lnTo>
                      <a:pt x="2841" y="3159"/>
                    </a:lnTo>
                    <a:lnTo>
                      <a:pt x="2837" y="3162"/>
                    </a:lnTo>
                    <a:lnTo>
                      <a:pt x="2831" y="3164"/>
                    </a:lnTo>
                    <a:lnTo>
                      <a:pt x="2823" y="3166"/>
                    </a:lnTo>
                    <a:lnTo>
                      <a:pt x="2815" y="3167"/>
                    </a:lnTo>
                    <a:lnTo>
                      <a:pt x="2806" y="3167"/>
                    </a:lnTo>
                    <a:lnTo>
                      <a:pt x="2796" y="3168"/>
                    </a:lnTo>
                    <a:lnTo>
                      <a:pt x="2787" y="3170"/>
                    </a:lnTo>
                    <a:lnTo>
                      <a:pt x="2779" y="3174"/>
                    </a:lnTo>
                    <a:lnTo>
                      <a:pt x="2771" y="3179"/>
                    </a:lnTo>
                    <a:lnTo>
                      <a:pt x="2758" y="3189"/>
                    </a:lnTo>
                    <a:lnTo>
                      <a:pt x="2745" y="3202"/>
                    </a:lnTo>
                    <a:lnTo>
                      <a:pt x="2733" y="3215"/>
                    </a:lnTo>
                    <a:lnTo>
                      <a:pt x="2718" y="3227"/>
                    </a:lnTo>
                    <a:lnTo>
                      <a:pt x="2710" y="3231"/>
                    </a:lnTo>
                    <a:lnTo>
                      <a:pt x="2701" y="3233"/>
                    </a:lnTo>
                    <a:lnTo>
                      <a:pt x="2691" y="3234"/>
                    </a:lnTo>
                    <a:lnTo>
                      <a:pt x="2679" y="3234"/>
                    </a:lnTo>
                    <a:lnTo>
                      <a:pt x="2668" y="3236"/>
                    </a:lnTo>
                    <a:lnTo>
                      <a:pt x="2655" y="3236"/>
                    </a:lnTo>
                    <a:lnTo>
                      <a:pt x="2644" y="3238"/>
                    </a:lnTo>
                    <a:lnTo>
                      <a:pt x="2633" y="3241"/>
                    </a:lnTo>
                    <a:lnTo>
                      <a:pt x="2611" y="3246"/>
                    </a:lnTo>
                    <a:lnTo>
                      <a:pt x="2590" y="3255"/>
                    </a:lnTo>
                    <a:lnTo>
                      <a:pt x="2571" y="3266"/>
                    </a:lnTo>
                    <a:lnTo>
                      <a:pt x="2551" y="3277"/>
                    </a:lnTo>
                    <a:lnTo>
                      <a:pt x="2533" y="3291"/>
                    </a:lnTo>
                    <a:lnTo>
                      <a:pt x="2515" y="3306"/>
                    </a:lnTo>
                    <a:lnTo>
                      <a:pt x="2505" y="3317"/>
                    </a:lnTo>
                    <a:lnTo>
                      <a:pt x="2495" y="3329"/>
                    </a:lnTo>
                    <a:lnTo>
                      <a:pt x="2486" y="3342"/>
                    </a:lnTo>
                    <a:lnTo>
                      <a:pt x="2477" y="3355"/>
                    </a:lnTo>
                    <a:lnTo>
                      <a:pt x="2468" y="3367"/>
                    </a:lnTo>
                    <a:lnTo>
                      <a:pt x="2458" y="3374"/>
                    </a:lnTo>
                    <a:lnTo>
                      <a:pt x="2451" y="3378"/>
                    </a:lnTo>
                    <a:lnTo>
                      <a:pt x="2446" y="3380"/>
                    </a:lnTo>
                    <a:lnTo>
                      <a:pt x="2440" y="3381"/>
                    </a:lnTo>
                    <a:lnTo>
                      <a:pt x="2432" y="3380"/>
                    </a:lnTo>
                    <a:lnTo>
                      <a:pt x="2428" y="3380"/>
                    </a:lnTo>
                    <a:lnTo>
                      <a:pt x="2423" y="3381"/>
                    </a:lnTo>
                    <a:lnTo>
                      <a:pt x="2419" y="3382"/>
                    </a:lnTo>
                    <a:lnTo>
                      <a:pt x="2414" y="3385"/>
                    </a:lnTo>
                    <a:lnTo>
                      <a:pt x="2406" y="3392"/>
                    </a:lnTo>
                    <a:lnTo>
                      <a:pt x="2400" y="3403"/>
                    </a:lnTo>
                    <a:lnTo>
                      <a:pt x="2393" y="3413"/>
                    </a:lnTo>
                    <a:lnTo>
                      <a:pt x="2388" y="3424"/>
                    </a:lnTo>
                    <a:lnTo>
                      <a:pt x="2385" y="3434"/>
                    </a:lnTo>
                    <a:lnTo>
                      <a:pt x="2383" y="3443"/>
                    </a:lnTo>
                    <a:lnTo>
                      <a:pt x="2383" y="3451"/>
                    </a:lnTo>
                    <a:lnTo>
                      <a:pt x="2383" y="3457"/>
                    </a:lnTo>
                    <a:lnTo>
                      <a:pt x="2384" y="3464"/>
                    </a:lnTo>
                    <a:lnTo>
                      <a:pt x="2385" y="3469"/>
                    </a:lnTo>
                    <a:lnTo>
                      <a:pt x="2388" y="3475"/>
                    </a:lnTo>
                    <a:lnTo>
                      <a:pt x="2392" y="3481"/>
                    </a:lnTo>
                    <a:lnTo>
                      <a:pt x="2396" y="3484"/>
                    </a:lnTo>
                    <a:lnTo>
                      <a:pt x="2400" y="3490"/>
                    </a:lnTo>
                    <a:lnTo>
                      <a:pt x="2410" y="3497"/>
                    </a:lnTo>
                    <a:lnTo>
                      <a:pt x="2422" y="3504"/>
                    </a:lnTo>
                    <a:lnTo>
                      <a:pt x="2433" y="3509"/>
                    </a:lnTo>
                    <a:lnTo>
                      <a:pt x="2445" y="3513"/>
                    </a:lnTo>
                    <a:lnTo>
                      <a:pt x="2444" y="3516"/>
                    </a:lnTo>
                    <a:lnTo>
                      <a:pt x="2442" y="3517"/>
                    </a:lnTo>
                    <a:lnTo>
                      <a:pt x="2438" y="3519"/>
                    </a:lnTo>
                    <a:lnTo>
                      <a:pt x="2435" y="3521"/>
                    </a:lnTo>
                    <a:lnTo>
                      <a:pt x="2423" y="3523"/>
                    </a:lnTo>
                    <a:lnTo>
                      <a:pt x="2410" y="3525"/>
                    </a:lnTo>
                    <a:lnTo>
                      <a:pt x="2383" y="3525"/>
                    </a:lnTo>
                    <a:lnTo>
                      <a:pt x="2366" y="3525"/>
                    </a:lnTo>
                    <a:lnTo>
                      <a:pt x="2253" y="3512"/>
                    </a:lnTo>
                    <a:lnTo>
                      <a:pt x="2238" y="3509"/>
                    </a:lnTo>
                    <a:lnTo>
                      <a:pt x="2222" y="3509"/>
                    </a:lnTo>
                    <a:lnTo>
                      <a:pt x="2209" y="3510"/>
                    </a:lnTo>
                    <a:lnTo>
                      <a:pt x="2197" y="3512"/>
                    </a:lnTo>
                    <a:lnTo>
                      <a:pt x="2175" y="3517"/>
                    </a:lnTo>
                    <a:lnTo>
                      <a:pt x="2155" y="3523"/>
                    </a:lnTo>
                    <a:lnTo>
                      <a:pt x="2135" y="3531"/>
                    </a:lnTo>
                    <a:lnTo>
                      <a:pt x="2116" y="3540"/>
                    </a:lnTo>
                    <a:lnTo>
                      <a:pt x="2093" y="3549"/>
                    </a:lnTo>
                    <a:lnTo>
                      <a:pt x="2065" y="3556"/>
                    </a:lnTo>
                    <a:lnTo>
                      <a:pt x="2055" y="3560"/>
                    </a:lnTo>
                    <a:lnTo>
                      <a:pt x="2042" y="3566"/>
                    </a:lnTo>
                    <a:lnTo>
                      <a:pt x="2028" y="3574"/>
                    </a:lnTo>
                    <a:lnTo>
                      <a:pt x="2012" y="3584"/>
                    </a:lnTo>
                    <a:lnTo>
                      <a:pt x="1984" y="3604"/>
                    </a:lnTo>
                    <a:lnTo>
                      <a:pt x="1962" y="3619"/>
                    </a:lnTo>
                    <a:lnTo>
                      <a:pt x="1951" y="3627"/>
                    </a:lnTo>
                    <a:lnTo>
                      <a:pt x="1944" y="3636"/>
                    </a:lnTo>
                    <a:lnTo>
                      <a:pt x="1937" y="3645"/>
                    </a:lnTo>
                    <a:lnTo>
                      <a:pt x="1932" y="3654"/>
                    </a:lnTo>
                    <a:lnTo>
                      <a:pt x="1925" y="3672"/>
                    </a:lnTo>
                    <a:lnTo>
                      <a:pt x="1919" y="3690"/>
                    </a:lnTo>
                    <a:lnTo>
                      <a:pt x="1916" y="3698"/>
                    </a:lnTo>
                    <a:lnTo>
                      <a:pt x="1912" y="3707"/>
                    </a:lnTo>
                    <a:lnTo>
                      <a:pt x="1909" y="3714"/>
                    </a:lnTo>
                    <a:lnTo>
                      <a:pt x="1903" y="3721"/>
                    </a:lnTo>
                    <a:lnTo>
                      <a:pt x="1897" y="3728"/>
                    </a:lnTo>
                    <a:lnTo>
                      <a:pt x="1889" y="3733"/>
                    </a:lnTo>
                    <a:lnTo>
                      <a:pt x="1880" y="3738"/>
                    </a:lnTo>
                    <a:lnTo>
                      <a:pt x="1868" y="3741"/>
                    </a:lnTo>
                    <a:lnTo>
                      <a:pt x="1858" y="3747"/>
                    </a:lnTo>
                    <a:lnTo>
                      <a:pt x="1849" y="3754"/>
                    </a:lnTo>
                    <a:lnTo>
                      <a:pt x="1840" y="3760"/>
                    </a:lnTo>
                    <a:lnTo>
                      <a:pt x="1832" y="3768"/>
                    </a:lnTo>
                    <a:lnTo>
                      <a:pt x="1817" y="3784"/>
                    </a:lnTo>
                    <a:lnTo>
                      <a:pt x="1804" y="3797"/>
                    </a:lnTo>
                    <a:lnTo>
                      <a:pt x="1798" y="3801"/>
                    </a:lnTo>
                    <a:lnTo>
                      <a:pt x="1792" y="3803"/>
                    </a:lnTo>
                    <a:lnTo>
                      <a:pt x="1787" y="3803"/>
                    </a:lnTo>
                    <a:lnTo>
                      <a:pt x="1782" y="3802"/>
                    </a:lnTo>
                    <a:lnTo>
                      <a:pt x="1775" y="3797"/>
                    </a:lnTo>
                    <a:lnTo>
                      <a:pt x="1770" y="3789"/>
                    </a:lnTo>
                    <a:lnTo>
                      <a:pt x="1765" y="3776"/>
                    </a:lnTo>
                    <a:lnTo>
                      <a:pt x="1760" y="3760"/>
                    </a:lnTo>
                    <a:lnTo>
                      <a:pt x="1754" y="3746"/>
                    </a:lnTo>
                    <a:lnTo>
                      <a:pt x="1749" y="3737"/>
                    </a:lnTo>
                    <a:lnTo>
                      <a:pt x="1744" y="3729"/>
                    </a:lnTo>
                    <a:lnTo>
                      <a:pt x="1739" y="3725"/>
                    </a:lnTo>
                    <a:lnTo>
                      <a:pt x="1734" y="3723"/>
                    </a:lnTo>
                    <a:lnTo>
                      <a:pt x="1727" y="3723"/>
                    </a:lnTo>
                    <a:lnTo>
                      <a:pt x="1722" y="3724"/>
                    </a:lnTo>
                    <a:lnTo>
                      <a:pt x="1716" y="3725"/>
                    </a:lnTo>
                    <a:lnTo>
                      <a:pt x="1705" y="3731"/>
                    </a:lnTo>
                    <a:lnTo>
                      <a:pt x="1694" y="3734"/>
                    </a:lnTo>
                    <a:lnTo>
                      <a:pt x="1688" y="3734"/>
                    </a:lnTo>
                    <a:lnTo>
                      <a:pt x="1683" y="3733"/>
                    </a:lnTo>
                    <a:lnTo>
                      <a:pt x="1678" y="3729"/>
                    </a:lnTo>
                    <a:lnTo>
                      <a:pt x="1673" y="3723"/>
                    </a:lnTo>
                    <a:lnTo>
                      <a:pt x="1669" y="3719"/>
                    </a:lnTo>
                    <a:lnTo>
                      <a:pt x="1665" y="3715"/>
                    </a:lnTo>
                    <a:lnTo>
                      <a:pt x="1661" y="3714"/>
                    </a:lnTo>
                    <a:lnTo>
                      <a:pt x="1656" y="3714"/>
                    </a:lnTo>
                    <a:lnTo>
                      <a:pt x="1652" y="3715"/>
                    </a:lnTo>
                    <a:lnTo>
                      <a:pt x="1647" y="3718"/>
                    </a:lnTo>
                    <a:lnTo>
                      <a:pt x="1642" y="3720"/>
                    </a:lnTo>
                    <a:lnTo>
                      <a:pt x="1638" y="3724"/>
                    </a:lnTo>
                    <a:lnTo>
                      <a:pt x="1620" y="3741"/>
                    </a:lnTo>
                    <a:lnTo>
                      <a:pt x="1605" y="3754"/>
                    </a:lnTo>
                    <a:lnTo>
                      <a:pt x="1596" y="3759"/>
                    </a:lnTo>
                    <a:lnTo>
                      <a:pt x="1587" y="3763"/>
                    </a:lnTo>
                    <a:lnTo>
                      <a:pt x="1580" y="3764"/>
                    </a:lnTo>
                    <a:lnTo>
                      <a:pt x="1573" y="3763"/>
                    </a:lnTo>
                    <a:lnTo>
                      <a:pt x="1568" y="3760"/>
                    </a:lnTo>
                    <a:lnTo>
                      <a:pt x="1563" y="3756"/>
                    </a:lnTo>
                    <a:lnTo>
                      <a:pt x="1557" y="3751"/>
                    </a:lnTo>
                    <a:lnTo>
                      <a:pt x="1554" y="3745"/>
                    </a:lnTo>
                    <a:lnTo>
                      <a:pt x="1547" y="3732"/>
                    </a:lnTo>
                    <a:lnTo>
                      <a:pt x="1541" y="3718"/>
                    </a:lnTo>
                    <a:lnTo>
                      <a:pt x="1537" y="3711"/>
                    </a:lnTo>
                    <a:lnTo>
                      <a:pt x="1534" y="3706"/>
                    </a:lnTo>
                    <a:lnTo>
                      <a:pt x="1530" y="3702"/>
                    </a:lnTo>
                    <a:lnTo>
                      <a:pt x="1528" y="3699"/>
                    </a:lnTo>
                    <a:lnTo>
                      <a:pt x="1520" y="3696"/>
                    </a:lnTo>
                    <a:lnTo>
                      <a:pt x="1512" y="3693"/>
                    </a:lnTo>
                    <a:lnTo>
                      <a:pt x="1503" y="3692"/>
                    </a:lnTo>
                    <a:lnTo>
                      <a:pt x="1495" y="3690"/>
                    </a:lnTo>
                    <a:lnTo>
                      <a:pt x="1486" y="3689"/>
                    </a:lnTo>
                    <a:lnTo>
                      <a:pt x="1478" y="3688"/>
                    </a:lnTo>
                    <a:lnTo>
                      <a:pt x="1471" y="3684"/>
                    </a:lnTo>
                    <a:lnTo>
                      <a:pt x="1463" y="3680"/>
                    </a:lnTo>
                    <a:lnTo>
                      <a:pt x="1455" y="3675"/>
                    </a:lnTo>
                    <a:lnTo>
                      <a:pt x="1449" y="3672"/>
                    </a:lnTo>
                    <a:lnTo>
                      <a:pt x="1442" y="3670"/>
                    </a:lnTo>
                    <a:lnTo>
                      <a:pt x="1438" y="3668"/>
                    </a:lnTo>
                    <a:lnTo>
                      <a:pt x="1433" y="3668"/>
                    </a:lnTo>
                    <a:lnTo>
                      <a:pt x="1429" y="3668"/>
                    </a:lnTo>
                    <a:lnTo>
                      <a:pt x="1427" y="3670"/>
                    </a:lnTo>
                    <a:lnTo>
                      <a:pt x="1423" y="3671"/>
                    </a:lnTo>
                    <a:lnTo>
                      <a:pt x="1416" y="3675"/>
                    </a:lnTo>
                    <a:lnTo>
                      <a:pt x="1410" y="3679"/>
                    </a:lnTo>
                    <a:lnTo>
                      <a:pt x="1402" y="3683"/>
                    </a:lnTo>
                    <a:lnTo>
                      <a:pt x="1390" y="3684"/>
                    </a:lnTo>
                    <a:lnTo>
                      <a:pt x="1377" y="3683"/>
                    </a:lnTo>
                    <a:lnTo>
                      <a:pt x="1364" y="3683"/>
                    </a:lnTo>
                    <a:lnTo>
                      <a:pt x="1353" y="3680"/>
                    </a:lnTo>
                    <a:lnTo>
                      <a:pt x="1340" y="3677"/>
                    </a:lnTo>
                    <a:lnTo>
                      <a:pt x="1328" y="3674"/>
                    </a:lnTo>
                    <a:lnTo>
                      <a:pt x="1318" y="3667"/>
                    </a:lnTo>
                    <a:lnTo>
                      <a:pt x="1307" y="3659"/>
                    </a:lnTo>
                    <a:lnTo>
                      <a:pt x="1298" y="3650"/>
                    </a:lnTo>
                    <a:lnTo>
                      <a:pt x="1292" y="3644"/>
                    </a:lnTo>
                    <a:lnTo>
                      <a:pt x="1285" y="3639"/>
                    </a:lnTo>
                    <a:lnTo>
                      <a:pt x="1278" y="3635"/>
                    </a:lnTo>
                    <a:lnTo>
                      <a:pt x="1270" y="3632"/>
                    </a:lnTo>
                    <a:lnTo>
                      <a:pt x="1254" y="3628"/>
                    </a:lnTo>
                    <a:lnTo>
                      <a:pt x="1236" y="3626"/>
                    </a:lnTo>
                    <a:lnTo>
                      <a:pt x="1219" y="3624"/>
                    </a:lnTo>
                    <a:lnTo>
                      <a:pt x="1204" y="3620"/>
                    </a:lnTo>
                    <a:lnTo>
                      <a:pt x="1196" y="3618"/>
                    </a:lnTo>
                    <a:lnTo>
                      <a:pt x="1188" y="3614"/>
                    </a:lnTo>
                    <a:lnTo>
                      <a:pt x="1181" y="3609"/>
                    </a:lnTo>
                    <a:lnTo>
                      <a:pt x="1174" y="3604"/>
                    </a:lnTo>
                    <a:lnTo>
                      <a:pt x="1170" y="3600"/>
                    </a:lnTo>
                    <a:lnTo>
                      <a:pt x="1166" y="3597"/>
                    </a:lnTo>
                    <a:lnTo>
                      <a:pt x="1162" y="3595"/>
                    </a:lnTo>
                    <a:lnTo>
                      <a:pt x="1157" y="3592"/>
                    </a:lnTo>
                    <a:lnTo>
                      <a:pt x="1147" y="3589"/>
                    </a:lnTo>
                    <a:lnTo>
                      <a:pt x="1135" y="3588"/>
                    </a:lnTo>
                    <a:lnTo>
                      <a:pt x="1125" y="3587"/>
                    </a:lnTo>
                    <a:lnTo>
                      <a:pt x="1113" y="3584"/>
                    </a:lnTo>
                    <a:lnTo>
                      <a:pt x="1103" y="3582"/>
                    </a:lnTo>
                    <a:lnTo>
                      <a:pt x="1094" y="3576"/>
                    </a:lnTo>
                    <a:lnTo>
                      <a:pt x="1076" y="3567"/>
                    </a:lnTo>
                    <a:lnTo>
                      <a:pt x="1054" y="3558"/>
                    </a:lnTo>
                    <a:lnTo>
                      <a:pt x="1030" y="3551"/>
                    </a:lnTo>
                    <a:lnTo>
                      <a:pt x="1006" y="3545"/>
                    </a:lnTo>
                    <a:lnTo>
                      <a:pt x="994" y="3544"/>
                    </a:lnTo>
                    <a:lnTo>
                      <a:pt x="981" y="3543"/>
                    </a:lnTo>
                    <a:lnTo>
                      <a:pt x="969" y="3544"/>
                    </a:lnTo>
                    <a:lnTo>
                      <a:pt x="958" y="3545"/>
                    </a:lnTo>
                    <a:lnTo>
                      <a:pt x="947" y="3547"/>
                    </a:lnTo>
                    <a:lnTo>
                      <a:pt x="936" y="3551"/>
                    </a:lnTo>
                    <a:lnTo>
                      <a:pt x="925" y="3556"/>
                    </a:lnTo>
                    <a:lnTo>
                      <a:pt x="916" y="3562"/>
                    </a:lnTo>
                    <a:lnTo>
                      <a:pt x="903" y="3571"/>
                    </a:lnTo>
                    <a:lnTo>
                      <a:pt x="892" y="3578"/>
                    </a:lnTo>
                    <a:lnTo>
                      <a:pt x="883" y="3584"/>
                    </a:lnTo>
                    <a:lnTo>
                      <a:pt x="873" y="3587"/>
                    </a:lnTo>
                    <a:lnTo>
                      <a:pt x="866" y="3589"/>
                    </a:lnTo>
                    <a:lnTo>
                      <a:pt x="859" y="3591"/>
                    </a:lnTo>
                    <a:lnTo>
                      <a:pt x="853" y="3589"/>
                    </a:lnTo>
                    <a:lnTo>
                      <a:pt x="846" y="3589"/>
                    </a:lnTo>
                    <a:lnTo>
                      <a:pt x="835" y="3585"/>
                    </a:lnTo>
                    <a:lnTo>
                      <a:pt x="822" y="3580"/>
                    </a:lnTo>
                    <a:lnTo>
                      <a:pt x="814" y="3579"/>
                    </a:lnTo>
                    <a:lnTo>
                      <a:pt x="805" y="3576"/>
                    </a:lnTo>
                    <a:lnTo>
                      <a:pt x="794" y="3576"/>
                    </a:lnTo>
                    <a:lnTo>
                      <a:pt x="783" y="3575"/>
                    </a:lnTo>
                    <a:lnTo>
                      <a:pt x="775" y="3576"/>
                    </a:lnTo>
                    <a:lnTo>
                      <a:pt x="769" y="3578"/>
                    </a:lnTo>
                    <a:lnTo>
                      <a:pt x="761" y="3579"/>
                    </a:lnTo>
                    <a:lnTo>
                      <a:pt x="753" y="3582"/>
                    </a:lnTo>
                    <a:lnTo>
                      <a:pt x="739" y="3589"/>
                    </a:lnTo>
                    <a:lnTo>
                      <a:pt x="726" y="3597"/>
                    </a:lnTo>
                    <a:lnTo>
                      <a:pt x="713" y="3608"/>
                    </a:lnTo>
                    <a:lnTo>
                      <a:pt x="700" y="3618"/>
                    </a:lnTo>
                    <a:lnTo>
                      <a:pt x="690" y="3628"/>
                    </a:lnTo>
                    <a:lnTo>
                      <a:pt x="679" y="3640"/>
                    </a:lnTo>
                    <a:lnTo>
                      <a:pt x="671" y="3648"/>
                    </a:lnTo>
                    <a:lnTo>
                      <a:pt x="664" y="3653"/>
                    </a:lnTo>
                    <a:lnTo>
                      <a:pt x="657" y="3658"/>
                    </a:lnTo>
                    <a:lnTo>
                      <a:pt x="651" y="3662"/>
                    </a:lnTo>
                    <a:lnTo>
                      <a:pt x="638" y="3666"/>
                    </a:lnTo>
                    <a:lnTo>
                      <a:pt x="626" y="3667"/>
                    </a:lnTo>
                    <a:lnTo>
                      <a:pt x="614" y="3667"/>
                    </a:lnTo>
                    <a:lnTo>
                      <a:pt x="603" y="3668"/>
                    </a:lnTo>
                    <a:lnTo>
                      <a:pt x="596" y="3670"/>
                    </a:lnTo>
                    <a:lnTo>
                      <a:pt x="590" y="3672"/>
                    </a:lnTo>
                    <a:lnTo>
                      <a:pt x="583" y="3675"/>
                    </a:lnTo>
                    <a:lnTo>
                      <a:pt x="577" y="3679"/>
                    </a:lnTo>
                    <a:lnTo>
                      <a:pt x="565" y="3685"/>
                    </a:lnTo>
                    <a:lnTo>
                      <a:pt x="555" y="3690"/>
                    </a:lnTo>
                    <a:lnTo>
                      <a:pt x="544" y="3693"/>
                    </a:lnTo>
                    <a:lnTo>
                      <a:pt x="534" y="3693"/>
                    </a:lnTo>
                    <a:lnTo>
                      <a:pt x="525" y="3692"/>
                    </a:lnTo>
                    <a:lnTo>
                      <a:pt x="516" y="3689"/>
                    </a:lnTo>
                    <a:lnTo>
                      <a:pt x="508" y="3685"/>
                    </a:lnTo>
                    <a:lnTo>
                      <a:pt x="500" y="3681"/>
                    </a:lnTo>
                    <a:lnTo>
                      <a:pt x="493" y="3675"/>
                    </a:lnTo>
                    <a:lnTo>
                      <a:pt x="485" y="3668"/>
                    </a:lnTo>
                    <a:lnTo>
                      <a:pt x="478" y="3661"/>
                    </a:lnTo>
                    <a:lnTo>
                      <a:pt x="472" y="3653"/>
                    </a:lnTo>
                    <a:lnTo>
                      <a:pt x="462" y="3636"/>
                    </a:lnTo>
                    <a:lnTo>
                      <a:pt x="451" y="3619"/>
                    </a:lnTo>
                    <a:lnTo>
                      <a:pt x="443" y="3606"/>
                    </a:lnTo>
                    <a:lnTo>
                      <a:pt x="436" y="3597"/>
                    </a:lnTo>
                    <a:lnTo>
                      <a:pt x="428" y="3592"/>
                    </a:lnTo>
                    <a:lnTo>
                      <a:pt x="420" y="3588"/>
                    </a:lnTo>
                    <a:lnTo>
                      <a:pt x="402" y="3585"/>
                    </a:lnTo>
                    <a:lnTo>
                      <a:pt x="377" y="3580"/>
                    </a:lnTo>
                    <a:lnTo>
                      <a:pt x="372" y="3579"/>
                    </a:lnTo>
                    <a:lnTo>
                      <a:pt x="368" y="3575"/>
                    </a:lnTo>
                    <a:lnTo>
                      <a:pt x="364" y="3571"/>
                    </a:lnTo>
                    <a:lnTo>
                      <a:pt x="360" y="3566"/>
                    </a:lnTo>
                    <a:lnTo>
                      <a:pt x="357" y="3553"/>
                    </a:lnTo>
                    <a:lnTo>
                      <a:pt x="353" y="3538"/>
                    </a:lnTo>
                    <a:lnTo>
                      <a:pt x="348" y="3506"/>
                    </a:lnTo>
                    <a:lnTo>
                      <a:pt x="342" y="3482"/>
                    </a:lnTo>
                    <a:lnTo>
                      <a:pt x="331" y="3459"/>
                    </a:lnTo>
                    <a:lnTo>
                      <a:pt x="313" y="3426"/>
                    </a:lnTo>
                    <a:lnTo>
                      <a:pt x="303" y="3409"/>
                    </a:lnTo>
                    <a:lnTo>
                      <a:pt x="296" y="3395"/>
                    </a:lnTo>
                    <a:lnTo>
                      <a:pt x="290" y="3383"/>
                    </a:lnTo>
                    <a:lnTo>
                      <a:pt x="289" y="3376"/>
                    </a:lnTo>
                    <a:lnTo>
                      <a:pt x="289" y="3373"/>
                    </a:lnTo>
                    <a:lnTo>
                      <a:pt x="290" y="3372"/>
                    </a:lnTo>
                    <a:lnTo>
                      <a:pt x="293" y="3372"/>
                    </a:lnTo>
                    <a:lnTo>
                      <a:pt x="294" y="3372"/>
                    </a:lnTo>
                    <a:lnTo>
                      <a:pt x="300" y="3373"/>
                    </a:lnTo>
                    <a:lnTo>
                      <a:pt x="306" y="3376"/>
                    </a:lnTo>
                    <a:lnTo>
                      <a:pt x="318" y="3382"/>
                    </a:lnTo>
                    <a:lnTo>
                      <a:pt x="324" y="3389"/>
                    </a:lnTo>
                    <a:lnTo>
                      <a:pt x="362" y="3424"/>
                    </a:lnTo>
                    <a:lnTo>
                      <a:pt x="363" y="3422"/>
                    </a:lnTo>
                    <a:lnTo>
                      <a:pt x="362" y="3408"/>
                    </a:lnTo>
                    <a:lnTo>
                      <a:pt x="359" y="3394"/>
                    </a:lnTo>
                    <a:lnTo>
                      <a:pt x="355" y="3381"/>
                    </a:lnTo>
                    <a:lnTo>
                      <a:pt x="350" y="3369"/>
                    </a:lnTo>
                    <a:lnTo>
                      <a:pt x="342" y="3359"/>
                    </a:lnTo>
                    <a:lnTo>
                      <a:pt x="332" y="3348"/>
                    </a:lnTo>
                    <a:lnTo>
                      <a:pt x="322" y="3341"/>
                    </a:lnTo>
                    <a:lnTo>
                      <a:pt x="309" y="3334"/>
                    </a:lnTo>
                    <a:lnTo>
                      <a:pt x="301" y="3329"/>
                    </a:lnTo>
                    <a:lnTo>
                      <a:pt x="294" y="3325"/>
                    </a:lnTo>
                    <a:lnTo>
                      <a:pt x="290" y="3321"/>
                    </a:lnTo>
                    <a:lnTo>
                      <a:pt x="288" y="3316"/>
                    </a:lnTo>
                    <a:lnTo>
                      <a:pt x="288" y="3311"/>
                    </a:lnTo>
                    <a:lnTo>
                      <a:pt x="288" y="3307"/>
                    </a:lnTo>
                    <a:lnTo>
                      <a:pt x="289" y="3302"/>
                    </a:lnTo>
                    <a:lnTo>
                      <a:pt x="292" y="3297"/>
                    </a:lnTo>
                    <a:lnTo>
                      <a:pt x="300" y="3288"/>
                    </a:lnTo>
                    <a:lnTo>
                      <a:pt x="310" y="3280"/>
                    </a:lnTo>
                    <a:lnTo>
                      <a:pt x="323" y="3273"/>
                    </a:lnTo>
                    <a:lnTo>
                      <a:pt x="335" y="3269"/>
                    </a:lnTo>
                    <a:lnTo>
                      <a:pt x="341" y="3268"/>
                    </a:lnTo>
                    <a:lnTo>
                      <a:pt x="349" y="3264"/>
                    </a:lnTo>
                    <a:lnTo>
                      <a:pt x="357" y="3259"/>
                    </a:lnTo>
                    <a:lnTo>
                      <a:pt x="363" y="3254"/>
                    </a:lnTo>
                    <a:lnTo>
                      <a:pt x="371" y="3247"/>
                    </a:lnTo>
                    <a:lnTo>
                      <a:pt x="375" y="3241"/>
                    </a:lnTo>
                    <a:lnTo>
                      <a:pt x="377" y="3238"/>
                    </a:lnTo>
                    <a:lnTo>
                      <a:pt x="377" y="3234"/>
                    </a:lnTo>
                    <a:lnTo>
                      <a:pt x="379" y="3232"/>
                    </a:lnTo>
                    <a:lnTo>
                      <a:pt x="377" y="3228"/>
                    </a:lnTo>
                    <a:lnTo>
                      <a:pt x="366" y="3232"/>
                    </a:lnTo>
                    <a:lnTo>
                      <a:pt x="351" y="3240"/>
                    </a:lnTo>
                    <a:lnTo>
                      <a:pt x="344" y="3242"/>
                    </a:lnTo>
                    <a:lnTo>
                      <a:pt x="337" y="3243"/>
                    </a:lnTo>
                    <a:lnTo>
                      <a:pt x="333" y="3243"/>
                    </a:lnTo>
                    <a:lnTo>
                      <a:pt x="331" y="3243"/>
                    </a:lnTo>
                    <a:lnTo>
                      <a:pt x="328" y="3242"/>
                    </a:lnTo>
                    <a:lnTo>
                      <a:pt x="325" y="3240"/>
                    </a:lnTo>
                    <a:lnTo>
                      <a:pt x="319" y="3232"/>
                    </a:lnTo>
                    <a:lnTo>
                      <a:pt x="313" y="3221"/>
                    </a:lnTo>
                    <a:lnTo>
                      <a:pt x="307" y="3210"/>
                    </a:lnTo>
                    <a:lnTo>
                      <a:pt x="302" y="3198"/>
                    </a:lnTo>
                    <a:lnTo>
                      <a:pt x="294" y="3174"/>
                    </a:lnTo>
                    <a:lnTo>
                      <a:pt x="288" y="3152"/>
                    </a:lnTo>
                    <a:lnTo>
                      <a:pt x="272" y="3126"/>
                    </a:lnTo>
                    <a:lnTo>
                      <a:pt x="256" y="3104"/>
                    </a:lnTo>
                    <a:lnTo>
                      <a:pt x="240" y="3083"/>
                    </a:lnTo>
                    <a:lnTo>
                      <a:pt x="223" y="3063"/>
                    </a:lnTo>
                    <a:lnTo>
                      <a:pt x="189" y="3026"/>
                    </a:lnTo>
                    <a:lnTo>
                      <a:pt x="152" y="2984"/>
                    </a:lnTo>
                    <a:lnTo>
                      <a:pt x="140" y="2973"/>
                    </a:lnTo>
                    <a:lnTo>
                      <a:pt x="123" y="2961"/>
                    </a:lnTo>
                    <a:lnTo>
                      <a:pt x="103" y="2949"/>
                    </a:lnTo>
                    <a:lnTo>
                      <a:pt x="81" y="2939"/>
                    </a:lnTo>
                    <a:lnTo>
                      <a:pt x="57" y="2930"/>
                    </a:lnTo>
                    <a:lnTo>
                      <a:pt x="35" y="2924"/>
                    </a:lnTo>
                    <a:lnTo>
                      <a:pt x="25" y="2921"/>
                    </a:lnTo>
                    <a:lnTo>
                      <a:pt x="16" y="2921"/>
                    </a:lnTo>
                    <a:lnTo>
                      <a:pt x="8" y="2921"/>
                    </a:lnTo>
                    <a:lnTo>
                      <a:pt x="0" y="2922"/>
                    </a:lnTo>
                    <a:lnTo>
                      <a:pt x="0" y="2903"/>
                    </a:lnTo>
                    <a:lnTo>
                      <a:pt x="3" y="2882"/>
                    </a:lnTo>
                    <a:lnTo>
                      <a:pt x="4" y="2860"/>
                    </a:lnTo>
                    <a:lnTo>
                      <a:pt x="8" y="2837"/>
                    </a:lnTo>
                    <a:lnTo>
                      <a:pt x="12" y="2815"/>
                    </a:lnTo>
                    <a:lnTo>
                      <a:pt x="17" y="2793"/>
                    </a:lnTo>
                    <a:lnTo>
                      <a:pt x="24" y="2773"/>
                    </a:lnTo>
                    <a:lnTo>
                      <a:pt x="30" y="2755"/>
                    </a:lnTo>
                    <a:lnTo>
                      <a:pt x="34" y="2747"/>
                    </a:lnTo>
                    <a:lnTo>
                      <a:pt x="38" y="2740"/>
                    </a:lnTo>
                    <a:lnTo>
                      <a:pt x="43" y="2733"/>
                    </a:lnTo>
                    <a:lnTo>
                      <a:pt x="50" y="2727"/>
                    </a:lnTo>
                    <a:lnTo>
                      <a:pt x="61" y="2715"/>
                    </a:lnTo>
                    <a:lnTo>
                      <a:pt x="74" y="2703"/>
                    </a:lnTo>
                    <a:lnTo>
                      <a:pt x="87" y="2692"/>
                    </a:lnTo>
                    <a:lnTo>
                      <a:pt x="99" y="2680"/>
                    </a:lnTo>
                    <a:lnTo>
                      <a:pt x="104" y="2674"/>
                    </a:lnTo>
                    <a:lnTo>
                      <a:pt x="109" y="2666"/>
                    </a:lnTo>
                    <a:lnTo>
                      <a:pt x="113" y="2659"/>
                    </a:lnTo>
                    <a:lnTo>
                      <a:pt x="117" y="2650"/>
                    </a:lnTo>
                    <a:lnTo>
                      <a:pt x="125" y="2639"/>
                    </a:lnTo>
                    <a:lnTo>
                      <a:pt x="132" y="2628"/>
                    </a:lnTo>
                    <a:lnTo>
                      <a:pt x="140" y="2619"/>
                    </a:lnTo>
                    <a:lnTo>
                      <a:pt x="149" y="2610"/>
                    </a:lnTo>
                    <a:lnTo>
                      <a:pt x="153" y="2607"/>
                    </a:lnTo>
                    <a:lnTo>
                      <a:pt x="158" y="2604"/>
                    </a:lnTo>
                    <a:lnTo>
                      <a:pt x="164" y="2601"/>
                    </a:lnTo>
                    <a:lnTo>
                      <a:pt x="170" y="2600"/>
                    </a:lnTo>
                    <a:lnTo>
                      <a:pt x="176" y="2598"/>
                    </a:lnTo>
                    <a:lnTo>
                      <a:pt x="183" y="2597"/>
                    </a:lnTo>
                    <a:lnTo>
                      <a:pt x="191" y="2597"/>
                    </a:lnTo>
                    <a:lnTo>
                      <a:pt x="199" y="2598"/>
                    </a:lnTo>
                    <a:lnTo>
                      <a:pt x="213" y="2600"/>
                    </a:lnTo>
                    <a:lnTo>
                      <a:pt x="226" y="2601"/>
                    </a:lnTo>
                    <a:lnTo>
                      <a:pt x="237" y="2601"/>
                    </a:lnTo>
                    <a:lnTo>
                      <a:pt x="246" y="2598"/>
                    </a:lnTo>
                    <a:lnTo>
                      <a:pt x="256" y="2594"/>
                    </a:lnTo>
                    <a:lnTo>
                      <a:pt x="265" y="2588"/>
                    </a:lnTo>
                    <a:lnTo>
                      <a:pt x="272" y="2579"/>
                    </a:lnTo>
                    <a:lnTo>
                      <a:pt x="281" y="2567"/>
                    </a:lnTo>
                    <a:lnTo>
                      <a:pt x="287" y="2560"/>
                    </a:lnTo>
                    <a:lnTo>
                      <a:pt x="288" y="2553"/>
                    </a:lnTo>
                    <a:lnTo>
                      <a:pt x="287" y="2548"/>
                    </a:lnTo>
                    <a:lnTo>
                      <a:pt x="284" y="2544"/>
                    </a:lnTo>
                    <a:lnTo>
                      <a:pt x="279" y="2539"/>
                    </a:lnTo>
                    <a:lnTo>
                      <a:pt x="274" y="2536"/>
                    </a:lnTo>
                    <a:lnTo>
                      <a:pt x="266" y="2532"/>
                    </a:lnTo>
                    <a:lnTo>
                      <a:pt x="258" y="2528"/>
                    </a:lnTo>
                    <a:lnTo>
                      <a:pt x="250" y="2525"/>
                    </a:lnTo>
                    <a:lnTo>
                      <a:pt x="243" y="2521"/>
                    </a:lnTo>
                    <a:lnTo>
                      <a:pt x="233" y="2515"/>
                    </a:lnTo>
                    <a:lnTo>
                      <a:pt x="227" y="2509"/>
                    </a:lnTo>
                    <a:lnTo>
                      <a:pt x="221" y="2501"/>
                    </a:lnTo>
                    <a:lnTo>
                      <a:pt x="215" y="2493"/>
                    </a:lnTo>
                    <a:lnTo>
                      <a:pt x="213" y="2483"/>
                    </a:lnTo>
                    <a:lnTo>
                      <a:pt x="211" y="2471"/>
                    </a:lnTo>
                    <a:lnTo>
                      <a:pt x="213" y="2442"/>
                    </a:lnTo>
                    <a:lnTo>
                      <a:pt x="217" y="2411"/>
                    </a:lnTo>
                    <a:lnTo>
                      <a:pt x="222" y="2381"/>
                    </a:lnTo>
                    <a:lnTo>
                      <a:pt x="228" y="2351"/>
                    </a:lnTo>
                    <a:lnTo>
                      <a:pt x="233" y="2333"/>
                    </a:lnTo>
                    <a:lnTo>
                      <a:pt x="239" y="2316"/>
                    </a:lnTo>
                    <a:lnTo>
                      <a:pt x="246" y="2299"/>
                    </a:lnTo>
                    <a:lnTo>
                      <a:pt x="254" y="2285"/>
                    </a:lnTo>
                    <a:lnTo>
                      <a:pt x="263" y="2271"/>
                    </a:lnTo>
                    <a:lnTo>
                      <a:pt x="275" y="2258"/>
                    </a:lnTo>
                    <a:lnTo>
                      <a:pt x="287" y="2245"/>
                    </a:lnTo>
                    <a:lnTo>
                      <a:pt x="301" y="2232"/>
                    </a:lnTo>
                    <a:lnTo>
                      <a:pt x="372" y="2171"/>
                    </a:lnTo>
                    <a:lnTo>
                      <a:pt x="376" y="2167"/>
                    </a:lnTo>
                    <a:lnTo>
                      <a:pt x="379" y="2162"/>
                    </a:lnTo>
                    <a:lnTo>
                      <a:pt x="379" y="2158"/>
                    </a:lnTo>
                    <a:lnTo>
                      <a:pt x="377" y="2153"/>
                    </a:lnTo>
                    <a:lnTo>
                      <a:pt x="373" y="2142"/>
                    </a:lnTo>
                    <a:lnTo>
                      <a:pt x="366" y="2129"/>
                    </a:lnTo>
                    <a:lnTo>
                      <a:pt x="357" y="2118"/>
                    </a:lnTo>
                    <a:lnTo>
                      <a:pt x="348" y="2105"/>
                    </a:lnTo>
                    <a:lnTo>
                      <a:pt x="344" y="2098"/>
                    </a:lnTo>
                    <a:lnTo>
                      <a:pt x="341" y="2091"/>
                    </a:lnTo>
                    <a:lnTo>
                      <a:pt x="338" y="2084"/>
                    </a:lnTo>
                    <a:lnTo>
                      <a:pt x="338" y="2078"/>
                    </a:lnTo>
                    <a:lnTo>
                      <a:pt x="340" y="2049"/>
                    </a:lnTo>
                    <a:lnTo>
                      <a:pt x="340" y="2023"/>
                    </a:lnTo>
                    <a:lnTo>
                      <a:pt x="340" y="2010"/>
                    </a:lnTo>
                    <a:lnTo>
                      <a:pt x="338" y="1997"/>
                    </a:lnTo>
                    <a:lnTo>
                      <a:pt x="336" y="1983"/>
                    </a:lnTo>
                    <a:lnTo>
                      <a:pt x="331" y="1969"/>
                    </a:lnTo>
                    <a:lnTo>
                      <a:pt x="328" y="1958"/>
                    </a:lnTo>
                    <a:lnTo>
                      <a:pt x="328" y="1948"/>
                    </a:lnTo>
                    <a:lnTo>
                      <a:pt x="328" y="1938"/>
                    </a:lnTo>
                    <a:lnTo>
                      <a:pt x="329" y="1927"/>
                    </a:lnTo>
                    <a:lnTo>
                      <a:pt x="331" y="1917"/>
                    </a:lnTo>
                    <a:lnTo>
                      <a:pt x="332" y="1907"/>
                    </a:lnTo>
                    <a:lnTo>
                      <a:pt x="332" y="1896"/>
                    </a:lnTo>
                    <a:lnTo>
                      <a:pt x="331" y="1886"/>
                    </a:lnTo>
                    <a:lnTo>
                      <a:pt x="331" y="1879"/>
                    </a:lnTo>
                    <a:lnTo>
                      <a:pt x="331" y="1873"/>
                    </a:lnTo>
                    <a:lnTo>
                      <a:pt x="332" y="1868"/>
                    </a:lnTo>
                    <a:lnTo>
                      <a:pt x="335" y="1863"/>
                    </a:lnTo>
                    <a:lnTo>
                      <a:pt x="338" y="1854"/>
                    </a:lnTo>
                    <a:lnTo>
                      <a:pt x="342" y="1843"/>
                    </a:lnTo>
                    <a:lnTo>
                      <a:pt x="445" y="1868"/>
                    </a:lnTo>
                    <a:lnTo>
                      <a:pt x="471" y="1837"/>
                    </a:lnTo>
                    <a:lnTo>
                      <a:pt x="490" y="1813"/>
                    </a:lnTo>
                    <a:lnTo>
                      <a:pt x="513" y="1784"/>
                    </a:lnTo>
                    <a:lnTo>
                      <a:pt x="524" y="1768"/>
                    </a:lnTo>
                    <a:lnTo>
                      <a:pt x="533" y="1754"/>
                    </a:lnTo>
                    <a:lnTo>
                      <a:pt x="539" y="1738"/>
                    </a:lnTo>
                    <a:lnTo>
                      <a:pt x="543" y="1725"/>
                    </a:lnTo>
                    <a:lnTo>
                      <a:pt x="544" y="1712"/>
                    </a:lnTo>
                    <a:lnTo>
                      <a:pt x="543" y="1695"/>
                    </a:lnTo>
                    <a:lnTo>
                      <a:pt x="542" y="1677"/>
                    </a:lnTo>
                    <a:lnTo>
                      <a:pt x="539" y="1659"/>
                    </a:lnTo>
                    <a:lnTo>
                      <a:pt x="538" y="1641"/>
                    </a:lnTo>
                    <a:lnTo>
                      <a:pt x="538" y="1624"/>
                    </a:lnTo>
                    <a:lnTo>
                      <a:pt x="539" y="1618"/>
                    </a:lnTo>
                    <a:lnTo>
                      <a:pt x="542" y="1611"/>
                    </a:lnTo>
                    <a:lnTo>
                      <a:pt x="544" y="1606"/>
                    </a:lnTo>
                    <a:lnTo>
                      <a:pt x="548" y="1601"/>
                    </a:lnTo>
                    <a:lnTo>
                      <a:pt x="556" y="1597"/>
                    </a:lnTo>
                    <a:lnTo>
                      <a:pt x="564" y="1594"/>
                    </a:lnTo>
                    <a:lnTo>
                      <a:pt x="573" y="1594"/>
                    </a:lnTo>
                    <a:lnTo>
                      <a:pt x="582" y="1593"/>
                    </a:lnTo>
                    <a:lnTo>
                      <a:pt x="592" y="1592"/>
                    </a:lnTo>
                    <a:lnTo>
                      <a:pt x="603" y="1591"/>
                    </a:lnTo>
                    <a:lnTo>
                      <a:pt x="612" y="1587"/>
                    </a:lnTo>
                    <a:lnTo>
                      <a:pt x="622" y="1581"/>
                    </a:lnTo>
                    <a:lnTo>
                      <a:pt x="631" y="1572"/>
                    </a:lnTo>
                    <a:lnTo>
                      <a:pt x="639" y="1562"/>
                    </a:lnTo>
                    <a:lnTo>
                      <a:pt x="647" y="1549"/>
                    </a:lnTo>
                    <a:lnTo>
                      <a:pt x="655" y="1535"/>
                    </a:lnTo>
                    <a:lnTo>
                      <a:pt x="660" y="1521"/>
                    </a:lnTo>
                    <a:lnTo>
                      <a:pt x="665" y="1506"/>
                    </a:lnTo>
                    <a:lnTo>
                      <a:pt x="669" y="1493"/>
                    </a:lnTo>
                    <a:lnTo>
                      <a:pt x="673" y="1480"/>
                    </a:lnTo>
                    <a:lnTo>
                      <a:pt x="677" y="1461"/>
                    </a:lnTo>
                    <a:lnTo>
                      <a:pt x="680" y="1443"/>
                    </a:lnTo>
                    <a:lnTo>
                      <a:pt x="684" y="1423"/>
                    </a:lnTo>
                    <a:lnTo>
                      <a:pt x="687" y="1404"/>
                    </a:lnTo>
                    <a:lnTo>
                      <a:pt x="687" y="1390"/>
                    </a:lnTo>
                    <a:lnTo>
                      <a:pt x="686" y="1375"/>
                    </a:lnTo>
                    <a:lnTo>
                      <a:pt x="684" y="1369"/>
                    </a:lnTo>
                    <a:lnTo>
                      <a:pt x="684" y="1361"/>
                    </a:lnTo>
                    <a:lnTo>
                      <a:pt x="686" y="1355"/>
                    </a:lnTo>
                    <a:lnTo>
                      <a:pt x="687" y="1348"/>
                    </a:lnTo>
                    <a:lnTo>
                      <a:pt x="690" y="1342"/>
                    </a:lnTo>
                    <a:lnTo>
                      <a:pt x="693" y="1335"/>
                    </a:lnTo>
                    <a:lnTo>
                      <a:pt x="699" y="1330"/>
                    </a:lnTo>
                    <a:lnTo>
                      <a:pt x="704" y="1325"/>
                    </a:lnTo>
                    <a:lnTo>
                      <a:pt x="717" y="1316"/>
                    </a:lnTo>
                    <a:lnTo>
                      <a:pt x="730" y="1309"/>
                    </a:lnTo>
                    <a:lnTo>
                      <a:pt x="745" y="1303"/>
                    </a:lnTo>
                    <a:lnTo>
                      <a:pt x="761" y="1299"/>
                    </a:lnTo>
                    <a:lnTo>
                      <a:pt x="776" y="1295"/>
                    </a:lnTo>
                    <a:lnTo>
                      <a:pt x="789" y="1293"/>
                    </a:lnTo>
                    <a:lnTo>
                      <a:pt x="816" y="1287"/>
                    </a:lnTo>
                    <a:lnTo>
                      <a:pt x="840" y="1281"/>
                    </a:lnTo>
                    <a:lnTo>
                      <a:pt x="863" y="1272"/>
                    </a:lnTo>
                    <a:lnTo>
                      <a:pt x="888" y="1263"/>
                    </a:lnTo>
                    <a:lnTo>
                      <a:pt x="895" y="1259"/>
                    </a:lnTo>
                    <a:lnTo>
                      <a:pt x="902" y="1256"/>
                    </a:lnTo>
                    <a:lnTo>
                      <a:pt x="907" y="1251"/>
                    </a:lnTo>
                    <a:lnTo>
                      <a:pt x="914" y="1247"/>
                    </a:lnTo>
                    <a:lnTo>
                      <a:pt x="924" y="1236"/>
                    </a:lnTo>
                    <a:lnTo>
                      <a:pt x="934" y="1224"/>
                    </a:lnTo>
                    <a:lnTo>
                      <a:pt x="942" y="1211"/>
                    </a:lnTo>
                    <a:lnTo>
                      <a:pt x="950" y="1197"/>
                    </a:lnTo>
                    <a:lnTo>
                      <a:pt x="955" y="1184"/>
                    </a:lnTo>
                    <a:lnTo>
                      <a:pt x="962" y="1171"/>
                    </a:lnTo>
                    <a:lnTo>
                      <a:pt x="960" y="1164"/>
                    </a:lnTo>
                    <a:lnTo>
                      <a:pt x="959" y="1159"/>
                    </a:lnTo>
                    <a:lnTo>
                      <a:pt x="956" y="1154"/>
                    </a:lnTo>
                    <a:lnTo>
                      <a:pt x="954" y="1149"/>
                    </a:lnTo>
                    <a:lnTo>
                      <a:pt x="946" y="1141"/>
                    </a:lnTo>
                    <a:lnTo>
                      <a:pt x="937" y="1133"/>
                    </a:lnTo>
                    <a:lnTo>
                      <a:pt x="927" y="1127"/>
                    </a:lnTo>
                    <a:lnTo>
                      <a:pt x="916" y="1120"/>
                    </a:lnTo>
                    <a:lnTo>
                      <a:pt x="907" y="1113"/>
                    </a:lnTo>
                    <a:lnTo>
                      <a:pt x="899" y="1103"/>
                    </a:lnTo>
                    <a:lnTo>
                      <a:pt x="894" y="1096"/>
                    </a:lnTo>
                    <a:lnTo>
                      <a:pt x="890" y="1085"/>
                    </a:lnTo>
                    <a:lnTo>
                      <a:pt x="889" y="1072"/>
                    </a:lnTo>
                    <a:lnTo>
                      <a:pt x="888" y="1059"/>
                    </a:lnTo>
                    <a:lnTo>
                      <a:pt x="888" y="1046"/>
                    </a:lnTo>
                    <a:lnTo>
                      <a:pt x="889" y="1034"/>
                    </a:lnTo>
                    <a:lnTo>
                      <a:pt x="890" y="1022"/>
                    </a:lnTo>
                    <a:lnTo>
                      <a:pt x="892" y="1011"/>
                    </a:lnTo>
                    <a:lnTo>
                      <a:pt x="895" y="997"/>
                    </a:lnTo>
                    <a:lnTo>
                      <a:pt x="899" y="986"/>
                    </a:lnTo>
                    <a:lnTo>
                      <a:pt x="901" y="979"/>
                    </a:lnTo>
                    <a:lnTo>
                      <a:pt x="902" y="974"/>
                    </a:lnTo>
                    <a:lnTo>
                      <a:pt x="902" y="966"/>
                    </a:lnTo>
                    <a:lnTo>
                      <a:pt x="899" y="960"/>
                    </a:lnTo>
                    <a:lnTo>
                      <a:pt x="885" y="954"/>
                    </a:lnTo>
                    <a:lnTo>
                      <a:pt x="871" y="949"/>
                    </a:lnTo>
                    <a:lnTo>
                      <a:pt x="857" y="943"/>
                    </a:lnTo>
                    <a:lnTo>
                      <a:pt x="844" y="935"/>
                    </a:lnTo>
                    <a:lnTo>
                      <a:pt x="831" y="929"/>
                    </a:lnTo>
                    <a:lnTo>
                      <a:pt x="818" y="921"/>
                    </a:lnTo>
                    <a:lnTo>
                      <a:pt x="805" y="916"/>
                    </a:lnTo>
                    <a:lnTo>
                      <a:pt x="789" y="912"/>
                    </a:lnTo>
                    <a:lnTo>
                      <a:pt x="783" y="904"/>
                    </a:lnTo>
                    <a:lnTo>
                      <a:pt x="775" y="900"/>
                    </a:lnTo>
                    <a:lnTo>
                      <a:pt x="766" y="896"/>
                    </a:lnTo>
                    <a:lnTo>
                      <a:pt x="757" y="896"/>
                    </a:lnTo>
                    <a:lnTo>
                      <a:pt x="748" y="896"/>
                    </a:lnTo>
                    <a:lnTo>
                      <a:pt x="737" y="897"/>
                    </a:lnTo>
                    <a:lnTo>
                      <a:pt x="727" y="900"/>
                    </a:lnTo>
                    <a:lnTo>
                      <a:pt x="718" y="903"/>
                    </a:lnTo>
                    <a:lnTo>
                      <a:pt x="697" y="908"/>
                    </a:lnTo>
                    <a:lnTo>
                      <a:pt x="677" y="910"/>
                    </a:lnTo>
                    <a:lnTo>
                      <a:pt x="667" y="910"/>
                    </a:lnTo>
                    <a:lnTo>
                      <a:pt x="658" y="908"/>
                    </a:lnTo>
                    <a:lnTo>
                      <a:pt x="649" y="904"/>
                    </a:lnTo>
                    <a:lnTo>
                      <a:pt x="642" y="899"/>
                    </a:lnTo>
                    <a:lnTo>
                      <a:pt x="620" y="879"/>
                    </a:lnTo>
                    <a:lnTo>
                      <a:pt x="591" y="853"/>
                    </a:lnTo>
                    <a:lnTo>
                      <a:pt x="576" y="842"/>
                    </a:lnTo>
                    <a:lnTo>
                      <a:pt x="560" y="831"/>
                    </a:lnTo>
                    <a:lnTo>
                      <a:pt x="553" y="828"/>
                    </a:lnTo>
                    <a:lnTo>
                      <a:pt x="546" y="825"/>
                    </a:lnTo>
                    <a:lnTo>
                      <a:pt x="541" y="822"/>
                    </a:lnTo>
                    <a:lnTo>
                      <a:pt x="535" y="821"/>
                    </a:lnTo>
                    <a:lnTo>
                      <a:pt x="521" y="822"/>
                    </a:lnTo>
                    <a:lnTo>
                      <a:pt x="509" y="825"/>
                    </a:lnTo>
                    <a:lnTo>
                      <a:pt x="498" y="829"/>
                    </a:lnTo>
                    <a:lnTo>
                      <a:pt x="487" y="831"/>
                    </a:lnTo>
                    <a:lnTo>
                      <a:pt x="477" y="834"/>
                    </a:lnTo>
                    <a:lnTo>
                      <a:pt x="467" y="834"/>
                    </a:lnTo>
                    <a:lnTo>
                      <a:pt x="460" y="833"/>
                    </a:lnTo>
                    <a:lnTo>
                      <a:pt x="455" y="830"/>
                    </a:lnTo>
                    <a:lnTo>
                      <a:pt x="449" y="828"/>
                    </a:lnTo>
                    <a:lnTo>
                      <a:pt x="441" y="822"/>
                    </a:lnTo>
                    <a:lnTo>
                      <a:pt x="437" y="818"/>
                    </a:lnTo>
                    <a:lnTo>
                      <a:pt x="432" y="813"/>
                    </a:lnTo>
                    <a:lnTo>
                      <a:pt x="428" y="808"/>
                    </a:lnTo>
                    <a:lnTo>
                      <a:pt x="424" y="802"/>
                    </a:lnTo>
                    <a:lnTo>
                      <a:pt x="417" y="789"/>
                    </a:lnTo>
                    <a:lnTo>
                      <a:pt x="414" y="774"/>
                    </a:lnTo>
                    <a:lnTo>
                      <a:pt x="411" y="759"/>
                    </a:lnTo>
                    <a:lnTo>
                      <a:pt x="411" y="745"/>
                    </a:lnTo>
                    <a:lnTo>
                      <a:pt x="412" y="737"/>
                    </a:lnTo>
                    <a:lnTo>
                      <a:pt x="415" y="730"/>
                    </a:lnTo>
                    <a:lnTo>
                      <a:pt x="417" y="724"/>
                    </a:lnTo>
                    <a:lnTo>
                      <a:pt x="420" y="719"/>
                    </a:lnTo>
                    <a:lnTo>
                      <a:pt x="428" y="710"/>
                    </a:lnTo>
                    <a:lnTo>
                      <a:pt x="438" y="698"/>
                    </a:lnTo>
                    <a:lnTo>
                      <a:pt x="442" y="692"/>
                    </a:lnTo>
                    <a:lnTo>
                      <a:pt x="446" y="686"/>
                    </a:lnTo>
                    <a:lnTo>
                      <a:pt x="449" y="681"/>
                    </a:lnTo>
                    <a:lnTo>
                      <a:pt x="449" y="677"/>
                    </a:lnTo>
                    <a:lnTo>
                      <a:pt x="436" y="679"/>
                    </a:lnTo>
                    <a:lnTo>
                      <a:pt x="424" y="680"/>
                    </a:lnTo>
                    <a:lnTo>
                      <a:pt x="412" y="684"/>
                    </a:lnTo>
                    <a:lnTo>
                      <a:pt x="401" y="686"/>
                    </a:lnTo>
                    <a:lnTo>
                      <a:pt x="390" y="689"/>
                    </a:lnTo>
                    <a:lnTo>
                      <a:pt x="379" y="690"/>
                    </a:lnTo>
                    <a:lnTo>
                      <a:pt x="366" y="690"/>
                    </a:lnTo>
                    <a:lnTo>
                      <a:pt x="351" y="688"/>
                    </a:lnTo>
                    <a:lnTo>
                      <a:pt x="333" y="682"/>
                    </a:lnTo>
                    <a:lnTo>
                      <a:pt x="320" y="680"/>
                    </a:lnTo>
                    <a:lnTo>
                      <a:pt x="310" y="681"/>
                    </a:lnTo>
                    <a:lnTo>
                      <a:pt x="302" y="682"/>
                    </a:lnTo>
                    <a:lnTo>
                      <a:pt x="288" y="693"/>
                    </a:lnTo>
                    <a:lnTo>
                      <a:pt x="262" y="704"/>
                    </a:lnTo>
                    <a:lnTo>
                      <a:pt x="211" y="724"/>
                    </a:lnTo>
                    <a:lnTo>
                      <a:pt x="205" y="719"/>
                    </a:lnTo>
                    <a:lnTo>
                      <a:pt x="197" y="712"/>
                    </a:lnTo>
                    <a:lnTo>
                      <a:pt x="193" y="710"/>
                    </a:lnTo>
                    <a:lnTo>
                      <a:pt x="189" y="706"/>
                    </a:lnTo>
                    <a:lnTo>
                      <a:pt x="187" y="701"/>
                    </a:lnTo>
                    <a:lnTo>
                      <a:pt x="187" y="697"/>
                    </a:lnTo>
                    <a:lnTo>
                      <a:pt x="189" y="675"/>
                    </a:lnTo>
                    <a:lnTo>
                      <a:pt x="193" y="654"/>
                    </a:lnTo>
                    <a:lnTo>
                      <a:pt x="199" y="645"/>
                    </a:lnTo>
                    <a:lnTo>
                      <a:pt x="204" y="637"/>
                    </a:lnTo>
                    <a:lnTo>
                      <a:pt x="208" y="633"/>
                    </a:lnTo>
                    <a:lnTo>
                      <a:pt x="213" y="631"/>
                    </a:lnTo>
                    <a:lnTo>
                      <a:pt x="218" y="627"/>
                    </a:lnTo>
                    <a:lnTo>
                      <a:pt x="223" y="625"/>
                    </a:lnTo>
                    <a:lnTo>
                      <a:pt x="250" y="618"/>
                    </a:lnTo>
                    <a:lnTo>
                      <a:pt x="283" y="606"/>
                    </a:lnTo>
                    <a:lnTo>
                      <a:pt x="300" y="601"/>
                    </a:lnTo>
                    <a:lnTo>
                      <a:pt x="314" y="593"/>
                    </a:lnTo>
                    <a:lnTo>
                      <a:pt x="325" y="585"/>
                    </a:lnTo>
                    <a:lnTo>
                      <a:pt x="335" y="578"/>
                    </a:lnTo>
                    <a:lnTo>
                      <a:pt x="341" y="568"/>
                    </a:lnTo>
                    <a:lnTo>
                      <a:pt x="345" y="562"/>
                    </a:lnTo>
                    <a:lnTo>
                      <a:pt x="345" y="559"/>
                    </a:lnTo>
                    <a:lnTo>
                      <a:pt x="345" y="558"/>
                    </a:lnTo>
                    <a:lnTo>
                      <a:pt x="344" y="557"/>
                    </a:lnTo>
                    <a:lnTo>
                      <a:pt x="341" y="557"/>
                    </a:lnTo>
                    <a:lnTo>
                      <a:pt x="328" y="559"/>
                    </a:lnTo>
                    <a:lnTo>
                      <a:pt x="309" y="566"/>
                    </a:lnTo>
                    <a:lnTo>
                      <a:pt x="288" y="574"/>
                    </a:lnTo>
                    <a:lnTo>
                      <a:pt x="268" y="578"/>
                    </a:lnTo>
                    <a:lnTo>
                      <a:pt x="259" y="579"/>
                    </a:lnTo>
                    <a:lnTo>
                      <a:pt x="253" y="578"/>
                    </a:lnTo>
                    <a:lnTo>
                      <a:pt x="250" y="576"/>
                    </a:lnTo>
                    <a:lnTo>
                      <a:pt x="249" y="574"/>
                    </a:lnTo>
                    <a:lnTo>
                      <a:pt x="248" y="571"/>
                    </a:lnTo>
                    <a:lnTo>
                      <a:pt x="248" y="567"/>
                    </a:lnTo>
                    <a:lnTo>
                      <a:pt x="249" y="558"/>
                    </a:lnTo>
                    <a:lnTo>
                      <a:pt x="253" y="550"/>
                    </a:lnTo>
                    <a:lnTo>
                      <a:pt x="258" y="544"/>
                    </a:lnTo>
                    <a:lnTo>
                      <a:pt x="265" y="539"/>
                    </a:lnTo>
                    <a:lnTo>
                      <a:pt x="279" y="530"/>
                    </a:lnTo>
                    <a:lnTo>
                      <a:pt x="293" y="522"/>
                    </a:lnTo>
                    <a:lnTo>
                      <a:pt x="313" y="515"/>
                    </a:lnTo>
                    <a:lnTo>
                      <a:pt x="332" y="510"/>
                    </a:lnTo>
                    <a:lnTo>
                      <a:pt x="341" y="508"/>
                    </a:lnTo>
                    <a:lnTo>
                      <a:pt x="349" y="502"/>
                    </a:lnTo>
                    <a:lnTo>
                      <a:pt x="351" y="500"/>
                    </a:lnTo>
                    <a:lnTo>
                      <a:pt x="354" y="496"/>
                    </a:lnTo>
                    <a:lnTo>
                      <a:pt x="357" y="491"/>
                    </a:lnTo>
                    <a:lnTo>
                      <a:pt x="359" y="486"/>
                    </a:lnTo>
                    <a:lnTo>
                      <a:pt x="360" y="480"/>
                    </a:lnTo>
                    <a:lnTo>
                      <a:pt x="359" y="476"/>
                    </a:lnTo>
                    <a:lnTo>
                      <a:pt x="357" y="474"/>
                    </a:lnTo>
                    <a:lnTo>
                      <a:pt x="351" y="473"/>
                    </a:lnTo>
                    <a:lnTo>
                      <a:pt x="338" y="471"/>
                    </a:lnTo>
                    <a:lnTo>
                      <a:pt x="323" y="473"/>
                    </a:lnTo>
                    <a:lnTo>
                      <a:pt x="305" y="475"/>
                    </a:lnTo>
                    <a:lnTo>
                      <a:pt x="288" y="476"/>
                    </a:lnTo>
                    <a:lnTo>
                      <a:pt x="280" y="476"/>
                    </a:lnTo>
                    <a:lnTo>
                      <a:pt x="272" y="475"/>
                    </a:lnTo>
                    <a:lnTo>
                      <a:pt x="266" y="473"/>
                    </a:lnTo>
                    <a:lnTo>
                      <a:pt x="262" y="470"/>
                    </a:lnTo>
                    <a:lnTo>
                      <a:pt x="259" y="467"/>
                    </a:lnTo>
                    <a:lnTo>
                      <a:pt x="259" y="464"/>
                    </a:lnTo>
                    <a:lnTo>
                      <a:pt x="262" y="461"/>
                    </a:lnTo>
                    <a:lnTo>
                      <a:pt x="265" y="457"/>
                    </a:lnTo>
                    <a:lnTo>
                      <a:pt x="274" y="448"/>
                    </a:lnTo>
                    <a:lnTo>
                      <a:pt x="285" y="438"/>
                    </a:lnTo>
                    <a:lnTo>
                      <a:pt x="298" y="427"/>
                    </a:lnTo>
                    <a:lnTo>
                      <a:pt x="311" y="417"/>
                    </a:lnTo>
                    <a:lnTo>
                      <a:pt x="322" y="407"/>
                    </a:lnTo>
                    <a:lnTo>
                      <a:pt x="329" y="397"/>
                    </a:lnTo>
                    <a:lnTo>
                      <a:pt x="340" y="385"/>
                    </a:lnTo>
                    <a:lnTo>
                      <a:pt x="351" y="373"/>
                    </a:lnTo>
                    <a:lnTo>
                      <a:pt x="354" y="370"/>
                    </a:lnTo>
                    <a:lnTo>
                      <a:pt x="355" y="368"/>
                    </a:lnTo>
                    <a:lnTo>
                      <a:pt x="355" y="365"/>
                    </a:lnTo>
                    <a:lnTo>
                      <a:pt x="354" y="364"/>
                    </a:lnTo>
                    <a:lnTo>
                      <a:pt x="353" y="362"/>
                    </a:lnTo>
                    <a:lnTo>
                      <a:pt x="350" y="361"/>
                    </a:lnTo>
                    <a:lnTo>
                      <a:pt x="345" y="361"/>
                    </a:lnTo>
                    <a:lnTo>
                      <a:pt x="338" y="361"/>
                    </a:lnTo>
                    <a:lnTo>
                      <a:pt x="328" y="361"/>
                    </a:lnTo>
                    <a:lnTo>
                      <a:pt x="318" y="364"/>
                    </a:lnTo>
                    <a:lnTo>
                      <a:pt x="309" y="366"/>
                    </a:lnTo>
                    <a:lnTo>
                      <a:pt x="300" y="370"/>
                    </a:lnTo>
                    <a:lnTo>
                      <a:pt x="290" y="377"/>
                    </a:lnTo>
                    <a:lnTo>
                      <a:pt x="281" y="383"/>
                    </a:lnTo>
                    <a:lnTo>
                      <a:pt x="275" y="391"/>
                    </a:lnTo>
                    <a:lnTo>
                      <a:pt x="267" y="400"/>
                    </a:lnTo>
                    <a:lnTo>
                      <a:pt x="262" y="407"/>
                    </a:lnTo>
                    <a:lnTo>
                      <a:pt x="257" y="413"/>
                    </a:lnTo>
                    <a:lnTo>
                      <a:pt x="252" y="417"/>
                    </a:lnTo>
                    <a:lnTo>
                      <a:pt x="248" y="421"/>
                    </a:lnTo>
                    <a:lnTo>
                      <a:pt x="244" y="422"/>
                    </a:lnTo>
                    <a:lnTo>
                      <a:pt x="240" y="423"/>
                    </a:lnTo>
                    <a:lnTo>
                      <a:pt x="236" y="422"/>
                    </a:lnTo>
                    <a:lnTo>
                      <a:pt x="233" y="421"/>
                    </a:lnTo>
                    <a:lnTo>
                      <a:pt x="232" y="418"/>
                    </a:lnTo>
                    <a:lnTo>
                      <a:pt x="230" y="416"/>
                    </a:lnTo>
                    <a:lnTo>
                      <a:pt x="228" y="410"/>
                    </a:lnTo>
                    <a:lnTo>
                      <a:pt x="228" y="405"/>
                    </a:lnTo>
                    <a:lnTo>
                      <a:pt x="228" y="392"/>
                    </a:lnTo>
                    <a:lnTo>
                      <a:pt x="230" y="377"/>
                    </a:lnTo>
                    <a:lnTo>
                      <a:pt x="245" y="361"/>
                    </a:lnTo>
                    <a:lnTo>
                      <a:pt x="261" y="346"/>
                    </a:lnTo>
                    <a:lnTo>
                      <a:pt x="276" y="330"/>
                    </a:lnTo>
                    <a:lnTo>
                      <a:pt x="290" y="315"/>
                    </a:lnTo>
                    <a:lnTo>
                      <a:pt x="296" y="311"/>
                    </a:lnTo>
                    <a:lnTo>
                      <a:pt x="302" y="307"/>
                    </a:lnTo>
                    <a:lnTo>
                      <a:pt x="309" y="304"/>
                    </a:lnTo>
                    <a:lnTo>
                      <a:pt x="315" y="302"/>
                    </a:lnTo>
                    <a:lnTo>
                      <a:pt x="320" y="299"/>
                    </a:lnTo>
                    <a:lnTo>
                      <a:pt x="323" y="294"/>
                    </a:lnTo>
                    <a:lnTo>
                      <a:pt x="324" y="291"/>
                    </a:lnTo>
                    <a:lnTo>
                      <a:pt x="324" y="287"/>
                    </a:lnTo>
                    <a:lnTo>
                      <a:pt x="324" y="283"/>
                    </a:lnTo>
                    <a:lnTo>
                      <a:pt x="323" y="278"/>
                    </a:lnTo>
                    <a:lnTo>
                      <a:pt x="322" y="277"/>
                    </a:lnTo>
                    <a:lnTo>
                      <a:pt x="302" y="283"/>
                    </a:lnTo>
                    <a:lnTo>
                      <a:pt x="274" y="296"/>
                    </a:lnTo>
                    <a:lnTo>
                      <a:pt x="267" y="299"/>
                    </a:lnTo>
                    <a:lnTo>
                      <a:pt x="261" y="300"/>
                    </a:lnTo>
                    <a:lnTo>
                      <a:pt x="256" y="300"/>
                    </a:lnTo>
                    <a:lnTo>
                      <a:pt x="252" y="300"/>
                    </a:lnTo>
                    <a:lnTo>
                      <a:pt x="249" y="298"/>
                    </a:lnTo>
                    <a:lnTo>
                      <a:pt x="246" y="295"/>
                    </a:lnTo>
                    <a:lnTo>
                      <a:pt x="248" y="290"/>
                    </a:lnTo>
                    <a:lnTo>
                      <a:pt x="249" y="282"/>
                    </a:lnTo>
                    <a:lnTo>
                      <a:pt x="252" y="273"/>
                    </a:lnTo>
                    <a:lnTo>
                      <a:pt x="253" y="264"/>
                    </a:lnTo>
                    <a:lnTo>
                      <a:pt x="253" y="258"/>
                    </a:lnTo>
                    <a:lnTo>
                      <a:pt x="250" y="252"/>
                    </a:lnTo>
                    <a:lnTo>
                      <a:pt x="248" y="248"/>
                    </a:lnTo>
                    <a:lnTo>
                      <a:pt x="244" y="245"/>
                    </a:lnTo>
                    <a:lnTo>
                      <a:pt x="240" y="241"/>
                    </a:lnTo>
                    <a:lnTo>
                      <a:pt x="235" y="238"/>
                    </a:lnTo>
                    <a:lnTo>
                      <a:pt x="226" y="234"/>
                    </a:lnTo>
                    <a:lnTo>
                      <a:pt x="218" y="230"/>
                    </a:lnTo>
                    <a:lnTo>
                      <a:pt x="215" y="228"/>
                    </a:lnTo>
                    <a:lnTo>
                      <a:pt x="215" y="225"/>
                    </a:lnTo>
                    <a:lnTo>
                      <a:pt x="215" y="221"/>
                    </a:lnTo>
                    <a:lnTo>
                      <a:pt x="218" y="216"/>
                    </a:lnTo>
                    <a:lnTo>
                      <a:pt x="228" y="204"/>
                    </a:lnTo>
                    <a:lnTo>
                      <a:pt x="241" y="193"/>
                    </a:lnTo>
                    <a:lnTo>
                      <a:pt x="245" y="186"/>
                    </a:lnTo>
                    <a:lnTo>
                      <a:pt x="248" y="180"/>
                    </a:lnTo>
                    <a:lnTo>
                      <a:pt x="249" y="176"/>
                    </a:lnTo>
                    <a:lnTo>
                      <a:pt x="248" y="172"/>
                    </a:lnTo>
                    <a:lnTo>
                      <a:pt x="248" y="168"/>
                    </a:lnTo>
                    <a:lnTo>
                      <a:pt x="245" y="164"/>
                    </a:lnTo>
                    <a:lnTo>
                      <a:pt x="243" y="158"/>
                    </a:lnTo>
                    <a:lnTo>
                      <a:pt x="241" y="154"/>
                    </a:lnTo>
                    <a:lnTo>
                      <a:pt x="243" y="150"/>
                    </a:lnTo>
                    <a:lnTo>
                      <a:pt x="245" y="147"/>
                    </a:lnTo>
                    <a:lnTo>
                      <a:pt x="249" y="145"/>
                    </a:lnTo>
                    <a:lnTo>
                      <a:pt x="253" y="145"/>
                    </a:lnTo>
                    <a:lnTo>
                      <a:pt x="259" y="144"/>
                    </a:lnTo>
                    <a:lnTo>
                      <a:pt x="265" y="144"/>
                    </a:lnTo>
                    <a:lnTo>
                      <a:pt x="279" y="144"/>
                    </a:lnTo>
                    <a:lnTo>
                      <a:pt x="292" y="145"/>
                    </a:lnTo>
                    <a:lnTo>
                      <a:pt x="302" y="145"/>
                    </a:lnTo>
                    <a:lnTo>
                      <a:pt x="309" y="142"/>
                    </a:lnTo>
                    <a:lnTo>
                      <a:pt x="303" y="133"/>
                    </a:lnTo>
                    <a:lnTo>
                      <a:pt x="294" y="120"/>
                    </a:lnTo>
                    <a:lnTo>
                      <a:pt x="290" y="112"/>
                    </a:lnTo>
                    <a:lnTo>
                      <a:pt x="289" y="106"/>
                    </a:lnTo>
                    <a:lnTo>
                      <a:pt x="289" y="103"/>
                    </a:lnTo>
                    <a:lnTo>
                      <a:pt x="289" y="102"/>
                    </a:lnTo>
                    <a:lnTo>
                      <a:pt x="292" y="100"/>
                    </a:lnTo>
                    <a:lnTo>
                      <a:pt x="294" y="98"/>
                    </a:lnTo>
                    <a:lnTo>
                      <a:pt x="305" y="98"/>
                    </a:lnTo>
                    <a:lnTo>
                      <a:pt x="319" y="100"/>
                    </a:lnTo>
                    <a:lnTo>
                      <a:pt x="335" y="101"/>
                    </a:lnTo>
                    <a:lnTo>
                      <a:pt x="345" y="105"/>
                    </a:lnTo>
                    <a:lnTo>
                      <a:pt x="354" y="110"/>
                    </a:lnTo>
                    <a:lnTo>
                      <a:pt x="362" y="112"/>
                    </a:lnTo>
                    <a:lnTo>
                      <a:pt x="368" y="115"/>
                    </a:lnTo>
                    <a:lnTo>
                      <a:pt x="373" y="115"/>
                    </a:lnTo>
                    <a:lnTo>
                      <a:pt x="377" y="114"/>
                    </a:lnTo>
                    <a:lnTo>
                      <a:pt x="381" y="112"/>
                    </a:lnTo>
                    <a:lnTo>
                      <a:pt x="385" y="109"/>
                    </a:lnTo>
                    <a:lnTo>
                      <a:pt x="388" y="106"/>
                    </a:lnTo>
                    <a:lnTo>
                      <a:pt x="393" y="98"/>
                    </a:lnTo>
                    <a:lnTo>
                      <a:pt x="398" y="90"/>
                    </a:lnTo>
                    <a:lnTo>
                      <a:pt x="402" y="87"/>
                    </a:lnTo>
                    <a:lnTo>
                      <a:pt x="406" y="84"/>
                    </a:lnTo>
                    <a:lnTo>
                      <a:pt x="411" y="81"/>
                    </a:lnTo>
                    <a:lnTo>
                      <a:pt x="416" y="80"/>
                    </a:lnTo>
                    <a:lnTo>
                      <a:pt x="424" y="81"/>
                    </a:lnTo>
                    <a:lnTo>
                      <a:pt x="430" y="83"/>
                    </a:lnTo>
                    <a:lnTo>
                      <a:pt x="438" y="87"/>
                    </a:lnTo>
                    <a:lnTo>
                      <a:pt x="445" y="92"/>
                    </a:lnTo>
                    <a:lnTo>
                      <a:pt x="459" y="101"/>
                    </a:lnTo>
                    <a:lnTo>
                      <a:pt x="471" y="110"/>
                    </a:lnTo>
                    <a:lnTo>
                      <a:pt x="482" y="114"/>
                    </a:lnTo>
                    <a:lnTo>
                      <a:pt x="495" y="118"/>
                    </a:lnTo>
                    <a:lnTo>
                      <a:pt x="511" y="122"/>
                    </a:lnTo>
                    <a:lnTo>
                      <a:pt x="525" y="125"/>
                    </a:lnTo>
                    <a:lnTo>
                      <a:pt x="541" y="129"/>
                    </a:lnTo>
                    <a:lnTo>
                      <a:pt x="553" y="133"/>
                    </a:lnTo>
                    <a:lnTo>
                      <a:pt x="559" y="137"/>
                    </a:lnTo>
                    <a:lnTo>
                      <a:pt x="564" y="140"/>
                    </a:lnTo>
                    <a:lnTo>
                      <a:pt x="568" y="144"/>
                    </a:lnTo>
                    <a:lnTo>
                      <a:pt x="572" y="147"/>
                    </a:lnTo>
                    <a:lnTo>
                      <a:pt x="579" y="159"/>
                    </a:lnTo>
                    <a:lnTo>
                      <a:pt x="586" y="169"/>
                    </a:lnTo>
                    <a:lnTo>
                      <a:pt x="592" y="176"/>
                    </a:lnTo>
                    <a:lnTo>
                      <a:pt x="599" y="181"/>
                    </a:lnTo>
                    <a:lnTo>
                      <a:pt x="605" y="184"/>
                    </a:lnTo>
                    <a:lnTo>
                      <a:pt x="610" y="185"/>
                    </a:lnTo>
                    <a:lnTo>
                      <a:pt x="614" y="185"/>
                    </a:lnTo>
                    <a:lnTo>
                      <a:pt x="620" y="182"/>
                    </a:lnTo>
                    <a:lnTo>
                      <a:pt x="622" y="179"/>
                    </a:lnTo>
                    <a:lnTo>
                      <a:pt x="626" y="173"/>
                    </a:lnTo>
                    <a:lnTo>
                      <a:pt x="629" y="167"/>
                    </a:lnTo>
                    <a:lnTo>
                      <a:pt x="631" y="159"/>
                    </a:lnTo>
                    <a:lnTo>
                      <a:pt x="634" y="141"/>
                    </a:lnTo>
                    <a:lnTo>
                      <a:pt x="635" y="120"/>
                    </a:lnTo>
                    <a:lnTo>
                      <a:pt x="636" y="118"/>
                    </a:lnTo>
                    <a:lnTo>
                      <a:pt x="636" y="115"/>
                    </a:lnTo>
                    <a:lnTo>
                      <a:pt x="636" y="112"/>
                    </a:lnTo>
                    <a:lnTo>
                      <a:pt x="635" y="110"/>
                    </a:lnTo>
                    <a:lnTo>
                      <a:pt x="631" y="105"/>
                    </a:lnTo>
                    <a:lnTo>
                      <a:pt x="629" y="101"/>
                    </a:lnTo>
                    <a:lnTo>
                      <a:pt x="626" y="96"/>
                    </a:lnTo>
                    <a:lnTo>
                      <a:pt x="626" y="92"/>
                    </a:lnTo>
                    <a:lnTo>
                      <a:pt x="627" y="88"/>
                    </a:lnTo>
                    <a:lnTo>
                      <a:pt x="630" y="83"/>
                    </a:lnTo>
                    <a:lnTo>
                      <a:pt x="631" y="77"/>
                    </a:lnTo>
                    <a:lnTo>
                      <a:pt x="631" y="72"/>
                    </a:lnTo>
                    <a:lnTo>
                      <a:pt x="630" y="67"/>
                    </a:lnTo>
                    <a:lnTo>
                      <a:pt x="629" y="62"/>
                    </a:lnTo>
                    <a:lnTo>
                      <a:pt x="626" y="57"/>
                    </a:lnTo>
                    <a:lnTo>
                      <a:pt x="626" y="52"/>
                    </a:lnTo>
                    <a:lnTo>
                      <a:pt x="626" y="46"/>
                    </a:lnTo>
                    <a:lnTo>
                      <a:pt x="629" y="41"/>
                    </a:lnTo>
                    <a:lnTo>
                      <a:pt x="634" y="39"/>
                    </a:lnTo>
                    <a:lnTo>
                      <a:pt x="640" y="37"/>
                    </a:lnTo>
                    <a:lnTo>
                      <a:pt x="647" y="36"/>
                    </a:lnTo>
                    <a:lnTo>
                      <a:pt x="652" y="36"/>
                    </a:lnTo>
                    <a:lnTo>
                      <a:pt x="666" y="35"/>
                    </a:lnTo>
                    <a:lnTo>
                      <a:pt x="680" y="32"/>
                    </a:lnTo>
                    <a:lnTo>
                      <a:pt x="712" y="27"/>
                    </a:lnTo>
                    <a:lnTo>
                      <a:pt x="731" y="22"/>
                    </a:lnTo>
                    <a:lnTo>
                      <a:pt x="740" y="19"/>
                    </a:lnTo>
                    <a:lnTo>
                      <a:pt x="749" y="15"/>
                    </a:lnTo>
                    <a:lnTo>
                      <a:pt x="759" y="10"/>
                    </a:lnTo>
                    <a:lnTo>
                      <a:pt x="772" y="2"/>
                    </a:lnTo>
                    <a:lnTo>
                      <a:pt x="776" y="0"/>
                    </a:lnTo>
                    <a:lnTo>
                      <a:pt x="780" y="0"/>
                    </a:lnTo>
                    <a:lnTo>
                      <a:pt x="784" y="0"/>
                    </a:lnTo>
                    <a:lnTo>
                      <a:pt x="787" y="1"/>
                    </a:lnTo>
                    <a:lnTo>
                      <a:pt x="792" y="5"/>
                    </a:lnTo>
                    <a:lnTo>
                      <a:pt x="796" y="11"/>
                    </a:lnTo>
                    <a:lnTo>
                      <a:pt x="798" y="19"/>
                    </a:lnTo>
                    <a:lnTo>
                      <a:pt x="801" y="27"/>
                    </a:lnTo>
                    <a:lnTo>
                      <a:pt x="804" y="33"/>
                    </a:lnTo>
                    <a:lnTo>
                      <a:pt x="807" y="37"/>
                    </a:lnTo>
                    <a:lnTo>
                      <a:pt x="826" y="39"/>
                    </a:lnTo>
                    <a:lnTo>
                      <a:pt x="844" y="41"/>
                    </a:lnTo>
                    <a:lnTo>
                      <a:pt x="846" y="44"/>
                    </a:lnTo>
                    <a:lnTo>
                      <a:pt x="846" y="48"/>
                    </a:lnTo>
                    <a:lnTo>
                      <a:pt x="848" y="53"/>
                    </a:lnTo>
                    <a:lnTo>
                      <a:pt x="848" y="59"/>
                    </a:lnTo>
                    <a:lnTo>
                      <a:pt x="848" y="65"/>
                    </a:lnTo>
                    <a:lnTo>
                      <a:pt x="849" y="70"/>
                    </a:lnTo>
                    <a:lnTo>
                      <a:pt x="851" y="75"/>
                    </a:lnTo>
                    <a:lnTo>
                      <a:pt x="855" y="80"/>
                    </a:lnTo>
                    <a:lnTo>
                      <a:pt x="864" y="84"/>
                    </a:lnTo>
                    <a:lnTo>
                      <a:pt x="871" y="87"/>
                    </a:lnTo>
                    <a:lnTo>
                      <a:pt x="879" y="89"/>
                    </a:lnTo>
                    <a:lnTo>
                      <a:pt x="886" y="90"/>
                    </a:lnTo>
                    <a:lnTo>
                      <a:pt x="893" y="92"/>
                    </a:lnTo>
                    <a:lnTo>
                      <a:pt x="901" y="96"/>
                    </a:lnTo>
                    <a:lnTo>
                      <a:pt x="908" y="102"/>
                    </a:lnTo>
                    <a:lnTo>
                      <a:pt x="918" y="112"/>
                    </a:lnTo>
                    <a:lnTo>
                      <a:pt x="933" y="137"/>
                    </a:lnTo>
                    <a:lnTo>
                      <a:pt x="954" y="168"/>
                    </a:lnTo>
                    <a:lnTo>
                      <a:pt x="964" y="184"/>
                    </a:lnTo>
                    <a:lnTo>
                      <a:pt x="975" y="197"/>
                    </a:lnTo>
                    <a:lnTo>
                      <a:pt x="980" y="202"/>
                    </a:lnTo>
                    <a:lnTo>
                      <a:pt x="985" y="207"/>
                    </a:lnTo>
                    <a:lnTo>
                      <a:pt x="990" y="210"/>
                    </a:lnTo>
                    <a:lnTo>
                      <a:pt x="995" y="212"/>
                    </a:lnTo>
                    <a:lnTo>
                      <a:pt x="1020" y="219"/>
                    </a:lnTo>
                    <a:lnTo>
                      <a:pt x="1044" y="223"/>
                    </a:lnTo>
                    <a:lnTo>
                      <a:pt x="1070" y="226"/>
                    </a:lnTo>
                    <a:lnTo>
                      <a:pt x="1096" y="230"/>
                    </a:lnTo>
                    <a:lnTo>
                      <a:pt x="1122" y="234"/>
                    </a:lnTo>
                    <a:lnTo>
                      <a:pt x="1148" y="239"/>
                    </a:lnTo>
                    <a:lnTo>
                      <a:pt x="1174" y="246"/>
                    </a:lnTo>
                    <a:lnTo>
                      <a:pt x="1200" y="254"/>
                    </a:lnTo>
                    <a:lnTo>
                      <a:pt x="1222" y="265"/>
                    </a:lnTo>
                    <a:lnTo>
                      <a:pt x="1248" y="281"/>
                    </a:lnTo>
                    <a:lnTo>
                      <a:pt x="1261" y="287"/>
                    </a:lnTo>
                    <a:lnTo>
                      <a:pt x="1272" y="293"/>
                    </a:lnTo>
                    <a:lnTo>
                      <a:pt x="1279" y="295"/>
                    </a:lnTo>
                    <a:lnTo>
                      <a:pt x="1284" y="296"/>
                    </a:lnTo>
                    <a:lnTo>
                      <a:pt x="1289" y="296"/>
                    </a:lnTo>
                    <a:lnTo>
                      <a:pt x="1295" y="296"/>
                    </a:lnTo>
                    <a:lnTo>
                      <a:pt x="1305" y="296"/>
                    </a:lnTo>
                    <a:lnTo>
                      <a:pt x="1318" y="298"/>
                    </a:lnTo>
                    <a:lnTo>
                      <a:pt x="1331" y="300"/>
                    </a:lnTo>
                    <a:lnTo>
                      <a:pt x="1344" y="303"/>
                    </a:lnTo>
                    <a:lnTo>
                      <a:pt x="1355" y="305"/>
                    </a:lnTo>
                    <a:lnTo>
                      <a:pt x="1366" y="308"/>
                    </a:lnTo>
                    <a:lnTo>
                      <a:pt x="1372" y="308"/>
                    </a:lnTo>
                    <a:lnTo>
                      <a:pt x="1376" y="308"/>
                    </a:lnTo>
                    <a:lnTo>
                      <a:pt x="1375" y="295"/>
                    </a:lnTo>
                    <a:lnTo>
                      <a:pt x="1372" y="285"/>
                    </a:lnTo>
                    <a:lnTo>
                      <a:pt x="1372" y="281"/>
                    </a:lnTo>
                    <a:lnTo>
                      <a:pt x="1375" y="277"/>
                    </a:lnTo>
                    <a:lnTo>
                      <a:pt x="1380" y="276"/>
                    </a:lnTo>
                    <a:lnTo>
                      <a:pt x="1388" y="274"/>
                    </a:lnTo>
                    <a:lnTo>
                      <a:pt x="1399" y="274"/>
                    </a:lnTo>
                    <a:lnTo>
                      <a:pt x="1407" y="277"/>
                    </a:lnTo>
                    <a:lnTo>
                      <a:pt x="1414" y="280"/>
                    </a:lnTo>
                    <a:lnTo>
                      <a:pt x="1418" y="283"/>
                    </a:lnTo>
                    <a:lnTo>
                      <a:pt x="1420" y="287"/>
                    </a:lnTo>
                    <a:lnTo>
                      <a:pt x="1421" y="293"/>
                    </a:lnTo>
                    <a:lnTo>
                      <a:pt x="1423" y="298"/>
                    </a:lnTo>
                    <a:lnTo>
                      <a:pt x="1421" y="303"/>
                    </a:lnTo>
                    <a:lnTo>
                      <a:pt x="1420" y="315"/>
                    </a:lnTo>
                    <a:lnTo>
                      <a:pt x="1420" y="326"/>
                    </a:lnTo>
                    <a:lnTo>
                      <a:pt x="1421" y="331"/>
                    </a:lnTo>
                    <a:lnTo>
                      <a:pt x="1424" y="337"/>
                    </a:lnTo>
                    <a:lnTo>
                      <a:pt x="1427" y="342"/>
                    </a:lnTo>
                    <a:lnTo>
                      <a:pt x="1433" y="344"/>
                    </a:lnTo>
                    <a:lnTo>
                      <a:pt x="1554" y="407"/>
                    </a:lnTo>
                    <a:lnTo>
                      <a:pt x="1582" y="421"/>
                    </a:lnTo>
                    <a:lnTo>
                      <a:pt x="1608" y="435"/>
                    </a:lnTo>
                    <a:lnTo>
                      <a:pt x="1634" y="449"/>
                    </a:lnTo>
                    <a:lnTo>
                      <a:pt x="1659" y="465"/>
                    </a:lnTo>
                    <a:lnTo>
                      <a:pt x="1706" y="495"/>
                    </a:lnTo>
                    <a:lnTo>
                      <a:pt x="1753" y="522"/>
                    </a:lnTo>
                    <a:lnTo>
                      <a:pt x="1776" y="533"/>
                    </a:lnTo>
                    <a:lnTo>
                      <a:pt x="1801" y="545"/>
                    </a:lnTo>
                    <a:lnTo>
                      <a:pt x="1827" y="556"/>
                    </a:lnTo>
                    <a:lnTo>
                      <a:pt x="1853" y="563"/>
                    </a:lnTo>
                    <a:lnTo>
                      <a:pt x="1880" y="570"/>
                    </a:lnTo>
                    <a:lnTo>
                      <a:pt x="1910" y="575"/>
                    </a:lnTo>
                    <a:lnTo>
                      <a:pt x="1941" y="578"/>
                    </a:lnTo>
                    <a:lnTo>
                      <a:pt x="1975" y="578"/>
                    </a:lnTo>
                    <a:lnTo>
                      <a:pt x="1986" y="578"/>
                    </a:lnTo>
                    <a:lnTo>
                      <a:pt x="1997" y="581"/>
                    </a:lnTo>
                    <a:lnTo>
                      <a:pt x="2008" y="585"/>
                    </a:lnTo>
                    <a:lnTo>
                      <a:pt x="2017" y="590"/>
                    </a:lnTo>
                    <a:lnTo>
                      <a:pt x="2026" y="594"/>
                    </a:lnTo>
                    <a:lnTo>
                      <a:pt x="2036" y="598"/>
                    </a:lnTo>
                    <a:lnTo>
                      <a:pt x="2038" y="598"/>
                    </a:lnTo>
                    <a:lnTo>
                      <a:pt x="2042" y="600"/>
                    </a:lnTo>
                    <a:lnTo>
                      <a:pt x="2046" y="598"/>
                    </a:lnTo>
                    <a:lnTo>
                      <a:pt x="2048" y="597"/>
                    </a:lnTo>
                    <a:lnTo>
                      <a:pt x="2055" y="593"/>
                    </a:lnTo>
                    <a:lnTo>
                      <a:pt x="2061" y="592"/>
                    </a:lnTo>
                    <a:lnTo>
                      <a:pt x="2069" y="590"/>
                    </a:lnTo>
                    <a:lnTo>
                      <a:pt x="2077" y="590"/>
                    </a:lnTo>
                    <a:lnTo>
                      <a:pt x="2093" y="594"/>
                    </a:lnTo>
                    <a:lnTo>
                      <a:pt x="2108" y="600"/>
                    </a:lnTo>
                    <a:lnTo>
                      <a:pt x="2121" y="606"/>
                    </a:lnTo>
                    <a:lnTo>
                      <a:pt x="2131" y="614"/>
                    </a:lnTo>
                    <a:lnTo>
                      <a:pt x="2134" y="616"/>
                    </a:lnTo>
                    <a:lnTo>
                      <a:pt x="2137" y="620"/>
                    </a:lnTo>
                    <a:lnTo>
                      <a:pt x="2137" y="623"/>
                    </a:lnTo>
                    <a:lnTo>
                      <a:pt x="2137" y="625"/>
                    </a:lnTo>
                    <a:lnTo>
                      <a:pt x="2125" y="637"/>
                    </a:lnTo>
                    <a:lnTo>
                      <a:pt x="2116" y="647"/>
                    </a:lnTo>
                    <a:lnTo>
                      <a:pt x="2111" y="657"/>
                    </a:lnTo>
                    <a:lnTo>
                      <a:pt x="2108" y="663"/>
                    </a:lnTo>
                    <a:lnTo>
                      <a:pt x="2109" y="668"/>
                    </a:lnTo>
                    <a:lnTo>
                      <a:pt x="2111" y="671"/>
                    </a:lnTo>
                    <a:lnTo>
                      <a:pt x="2116" y="673"/>
                    </a:lnTo>
                    <a:lnTo>
                      <a:pt x="2122" y="675"/>
                    </a:lnTo>
                    <a:lnTo>
                      <a:pt x="2138" y="676"/>
                    </a:lnTo>
                    <a:lnTo>
                      <a:pt x="2156" y="675"/>
                    </a:lnTo>
                    <a:lnTo>
                      <a:pt x="2174" y="675"/>
                    </a:lnTo>
                    <a:lnTo>
                      <a:pt x="2190" y="676"/>
                    </a:lnTo>
                    <a:lnTo>
                      <a:pt x="2199" y="681"/>
                    </a:lnTo>
                    <a:lnTo>
                      <a:pt x="2209" y="689"/>
                    </a:lnTo>
                    <a:lnTo>
                      <a:pt x="2221" y="699"/>
                    </a:lnTo>
                    <a:lnTo>
                      <a:pt x="2232" y="711"/>
                    </a:lnTo>
                    <a:lnTo>
                      <a:pt x="2244" y="720"/>
                    </a:lnTo>
                    <a:lnTo>
                      <a:pt x="2253" y="728"/>
                    </a:lnTo>
                    <a:lnTo>
                      <a:pt x="2258" y="729"/>
                    </a:lnTo>
                    <a:lnTo>
                      <a:pt x="2262" y="729"/>
                    </a:lnTo>
                    <a:lnTo>
                      <a:pt x="2266" y="728"/>
                    </a:lnTo>
                    <a:lnTo>
                      <a:pt x="2269" y="724"/>
                    </a:lnTo>
                    <a:lnTo>
                      <a:pt x="2275" y="715"/>
                    </a:lnTo>
                    <a:lnTo>
                      <a:pt x="2280" y="707"/>
                    </a:lnTo>
                    <a:lnTo>
                      <a:pt x="2286" y="701"/>
                    </a:lnTo>
                    <a:lnTo>
                      <a:pt x="2291" y="697"/>
                    </a:lnTo>
                    <a:lnTo>
                      <a:pt x="2296" y="694"/>
                    </a:lnTo>
                    <a:lnTo>
                      <a:pt x="2300" y="692"/>
                    </a:lnTo>
                    <a:lnTo>
                      <a:pt x="2304" y="692"/>
                    </a:lnTo>
                    <a:lnTo>
                      <a:pt x="2309" y="693"/>
                    </a:lnTo>
                    <a:lnTo>
                      <a:pt x="2318" y="697"/>
                    </a:lnTo>
                    <a:lnTo>
                      <a:pt x="2328" y="702"/>
                    </a:lnTo>
                    <a:lnTo>
                      <a:pt x="2341" y="707"/>
                    </a:lnTo>
                    <a:lnTo>
                      <a:pt x="2357" y="711"/>
                    </a:lnTo>
                    <a:lnTo>
                      <a:pt x="2371" y="721"/>
                    </a:lnTo>
                    <a:lnTo>
                      <a:pt x="2384" y="729"/>
                    </a:lnTo>
                    <a:lnTo>
                      <a:pt x="2396" y="734"/>
                    </a:lnTo>
                    <a:lnTo>
                      <a:pt x="2407" y="739"/>
                    </a:lnTo>
                    <a:lnTo>
                      <a:pt x="2419" y="746"/>
                    </a:lnTo>
                    <a:lnTo>
                      <a:pt x="2429" y="752"/>
                    </a:lnTo>
                    <a:lnTo>
                      <a:pt x="2435" y="758"/>
                    </a:lnTo>
                    <a:lnTo>
                      <a:pt x="2440" y="764"/>
                    </a:lnTo>
                    <a:lnTo>
                      <a:pt x="2445" y="771"/>
                    </a:lnTo>
                    <a:lnTo>
                      <a:pt x="2449" y="778"/>
                    </a:lnTo>
                    <a:lnTo>
                      <a:pt x="2455" y="787"/>
                    </a:lnTo>
                    <a:lnTo>
                      <a:pt x="2463" y="795"/>
                    </a:lnTo>
                    <a:lnTo>
                      <a:pt x="2473" y="803"/>
                    </a:lnTo>
                    <a:lnTo>
                      <a:pt x="2484" y="811"/>
                    </a:lnTo>
                    <a:lnTo>
                      <a:pt x="2506" y="825"/>
                    </a:lnTo>
                    <a:lnTo>
                      <a:pt x="2527" y="837"/>
                    </a:lnTo>
                    <a:lnTo>
                      <a:pt x="2537" y="842"/>
                    </a:lnTo>
                    <a:lnTo>
                      <a:pt x="2547" y="844"/>
                    </a:lnTo>
                    <a:lnTo>
                      <a:pt x="2558" y="846"/>
                    </a:lnTo>
                    <a:lnTo>
                      <a:pt x="2568" y="846"/>
                    </a:lnTo>
                    <a:lnTo>
                      <a:pt x="2578" y="843"/>
                    </a:lnTo>
                    <a:lnTo>
                      <a:pt x="2589" y="840"/>
                    </a:lnTo>
                    <a:lnTo>
                      <a:pt x="2599" y="838"/>
                    </a:lnTo>
                    <a:lnTo>
                      <a:pt x="2609" y="834"/>
                    </a:lnTo>
                    <a:lnTo>
                      <a:pt x="2630" y="826"/>
                    </a:lnTo>
                    <a:lnTo>
                      <a:pt x="2650" y="821"/>
                    </a:lnTo>
                    <a:lnTo>
                      <a:pt x="2659" y="821"/>
                    </a:lnTo>
                    <a:lnTo>
                      <a:pt x="2669" y="821"/>
                    </a:lnTo>
                    <a:lnTo>
                      <a:pt x="2678" y="824"/>
                    </a:lnTo>
                    <a:lnTo>
                      <a:pt x="2687" y="82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74" name="Freeform 235"/>
              <p:cNvSpPr>
                <a:spLocks/>
              </p:cNvSpPr>
              <p:nvPr/>
            </p:nvSpPr>
            <p:spPr bwMode="auto">
              <a:xfrm>
                <a:off x="5504483" y="6083765"/>
                <a:ext cx="30969" cy="25288"/>
              </a:xfrm>
              <a:custGeom>
                <a:avLst/>
                <a:gdLst/>
                <a:ahLst/>
                <a:cxnLst>
                  <a:cxn ang="0">
                    <a:pos x="51" y="19"/>
                  </a:cxn>
                  <a:cxn ang="0">
                    <a:pos x="45" y="13"/>
                  </a:cxn>
                  <a:cxn ang="0">
                    <a:pos x="39" y="6"/>
                  </a:cxn>
                  <a:cxn ang="0">
                    <a:pos x="36" y="5"/>
                  </a:cxn>
                  <a:cxn ang="0">
                    <a:pos x="32" y="3"/>
                  </a:cxn>
                  <a:cxn ang="0">
                    <a:pos x="28" y="1"/>
                  </a:cxn>
                  <a:cxn ang="0">
                    <a:pos x="23" y="0"/>
                  </a:cxn>
                  <a:cxn ang="0">
                    <a:pos x="16" y="0"/>
                  </a:cxn>
                  <a:cxn ang="0">
                    <a:pos x="9" y="3"/>
                  </a:cxn>
                  <a:cxn ang="0">
                    <a:pos x="5" y="4"/>
                  </a:cxn>
                  <a:cxn ang="0">
                    <a:pos x="2" y="5"/>
                  </a:cxn>
                  <a:cxn ang="0">
                    <a:pos x="1" y="8"/>
                  </a:cxn>
                  <a:cxn ang="0">
                    <a:pos x="0" y="12"/>
                  </a:cxn>
                  <a:cxn ang="0">
                    <a:pos x="2" y="16"/>
                  </a:cxn>
                  <a:cxn ang="0">
                    <a:pos x="9" y="19"/>
                  </a:cxn>
                  <a:cxn ang="0">
                    <a:pos x="15" y="22"/>
                  </a:cxn>
                  <a:cxn ang="0">
                    <a:pos x="19" y="23"/>
                  </a:cxn>
                  <a:cxn ang="0">
                    <a:pos x="28" y="27"/>
                  </a:cxn>
                  <a:cxn ang="0">
                    <a:pos x="36" y="31"/>
                  </a:cxn>
                  <a:cxn ang="0">
                    <a:pos x="41" y="38"/>
                  </a:cxn>
                  <a:cxn ang="0">
                    <a:pos x="46" y="45"/>
                  </a:cxn>
                  <a:cxn ang="0">
                    <a:pos x="48" y="49"/>
                  </a:cxn>
                  <a:cxn ang="0">
                    <a:pos x="50" y="52"/>
                  </a:cxn>
                  <a:cxn ang="0">
                    <a:pos x="53" y="54"/>
                  </a:cxn>
                  <a:cxn ang="0">
                    <a:pos x="57" y="57"/>
                  </a:cxn>
                  <a:cxn ang="0">
                    <a:pos x="61" y="57"/>
                  </a:cxn>
                  <a:cxn ang="0">
                    <a:pos x="63" y="57"/>
                  </a:cxn>
                  <a:cxn ang="0">
                    <a:pos x="66" y="54"/>
                  </a:cxn>
                  <a:cxn ang="0">
                    <a:pos x="68" y="51"/>
                  </a:cxn>
                  <a:cxn ang="0">
                    <a:pos x="51" y="19"/>
                  </a:cxn>
                </a:cxnLst>
                <a:rect l="0" t="0" r="r" b="b"/>
                <a:pathLst>
                  <a:path w="68" h="57">
                    <a:moveTo>
                      <a:pt x="51" y="19"/>
                    </a:moveTo>
                    <a:lnTo>
                      <a:pt x="45" y="13"/>
                    </a:lnTo>
                    <a:lnTo>
                      <a:pt x="39" y="6"/>
                    </a:lnTo>
                    <a:lnTo>
                      <a:pt x="36" y="5"/>
                    </a:lnTo>
                    <a:lnTo>
                      <a:pt x="32" y="3"/>
                    </a:lnTo>
                    <a:lnTo>
                      <a:pt x="28" y="1"/>
                    </a:lnTo>
                    <a:lnTo>
                      <a:pt x="23" y="0"/>
                    </a:lnTo>
                    <a:lnTo>
                      <a:pt x="16" y="0"/>
                    </a:lnTo>
                    <a:lnTo>
                      <a:pt x="9" y="3"/>
                    </a:lnTo>
                    <a:lnTo>
                      <a:pt x="5" y="4"/>
                    </a:lnTo>
                    <a:lnTo>
                      <a:pt x="2" y="5"/>
                    </a:lnTo>
                    <a:lnTo>
                      <a:pt x="1" y="8"/>
                    </a:lnTo>
                    <a:lnTo>
                      <a:pt x="0" y="12"/>
                    </a:lnTo>
                    <a:lnTo>
                      <a:pt x="2" y="16"/>
                    </a:lnTo>
                    <a:lnTo>
                      <a:pt x="9" y="19"/>
                    </a:lnTo>
                    <a:lnTo>
                      <a:pt x="15" y="22"/>
                    </a:lnTo>
                    <a:lnTo>
                      <a:pt x="19" y="23"/>
                    </a:lnTo>
                    <a:lnTo>
                      <a:pt x="28" y="27"/>
                    </a:lnTo>
                    <a:lnTo>
                      <a:pt x="36" y="31"/>
                    </a:lnTo>
                    <a:lnTo>
                      <a:pt x="41" y="38"/>
                    </a:lnTo>
                    <a:lnTo>
                      <a:pt x="46" y="45"/>
                    </a:lnTo>
                    <a:lnTo>
                      <a:pt x="48" y="49"/>
                    </a:lnTo>
                    <a:lnTo>
                      <a:pt x="50" y="52"/>
                    </a:lnTo>
                    <a:lnTo>
                      <a:pt x="53" y="54"/>
                    </a:lnTo>
                    <a:lnTo>
                      <a:pt x="57" y="57"/>
                    </a:lnTo>
                    <a:lnTo>
                      <a:pt x="61" y="57"/>
                    </a:lnTo>
                    <a:lnTo>
                      <a:pt x="63" y="57"/>
                    </a:lnTo>
                    <a:lnTo>
                      <a:pt x="66" y="54"/>
                    </a:lnTo>
                    <a:lnTo>
                      <a:pt x="68" y="51"/>
                    </a:lnTo>
                    <a:lnTo>
                      <a:pt x="51" y="19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75" name="Freeform 236"/>
              <p:cNvSpPr>
                <a:spLocks/>
              </p:cNvSpPr>
              <p:nvPr/>
            </p:nvSpPr>
            <p:spPr bwMode="auto">
              <a:xfrm>
                <a:off x="5471693" y="5984419"/>
                <a:ext cx="83798" cy="68640"/>
              </a:xfrm>
              <a:custGeom>
                <a:avLst/>
                <a:gdLst/>
                <a:ahLst/>
                <a:cxnLst>
                  <a:cxn ang="0">
                    <a:pos x="53" y="147"/>
                  </a:cxn>
                  <a:cxn ang="0">
                    <a:pos x="49" y="146"/>
                  </a:cxn>
                  <a:cxn ang="0">
                    <a:pos x="44" y="142"/>
                  </a:cxn>
                  <a:cxn ang="0">
                    <a:pos x="39" y="138"/>
                  </a:cxn>
                  <a:cxn ang="0">
                    <a:pos x="32" y="132"/>
                  </a:cxn>
                  <a:cxn ang="0">
                    <a:pos x="23" y="120"/>
                  </a:cxn>
                  <a:cxn ang="0">
                    <a:pos x="17" y="111"/>
                  </a:cxn>
                  <a:cxn ang="0">
                    <a:pos x="10" y="100"/>
                  </a:cxn>
                  <a:cxn ang="0">
                    <a:pos x="3" y="83"/>
                  </a:cxn>
                  <a:cxn ang="0">
                    <a:pos x="0" y="75"/>
                  </a:cxn>
                  <a:cxn ang="0">
                    <a:pos x="0" y="67"/>
                  </a:cxn>
                  <a:cxn ang="0">
                    <a:pos x="0" y="65"/>
                  </a:cxn>
                  <a:cxn ang="0">
                    <a:pos x="1" y="63"/>
                  </a:cxn>
                  <a:cxn ang="0">
                    <a:pos x="4" y="62"/>
                  </a:cxn>
                  <a:cxn ang="0">
                    <a:pos x="6" y="61"/>
                  </a:cxn>
                  <a:cxn ang="0">
                    <a:pos x="22" y="63"/>
                  </a:cxn>
                  <a:cxn ang="0">
                    <a:pos x="35" y="66"/>
                  </a:cxn>
                  <a:cxn ang="0">
                    <a:pos x="41" y="65"/>
                  </a:cxn>
                  <a:cxn ang="0">
                    <a:pos x="48" y="62"/>
                  </a:cxn>
                  <a:cxn ang="0">
                    <a:pos x="53" y="58"/>
                  </a:cxn>
                  <a:cxn ang="0">
                    <a:pos x="57" y="49"/>
                  </a:cxn>
                  <a:cxn ang="0">
                    <a:pos x="61" y="36"/>
                  </a:cxn>
                  <a:cxn ang="0">
                    <a:pos x="65" y="24"/>
                  </a:cxn>
                  <a:cxn ang="0">
                    <a:pos x="67" y="19"/>
                  </a:cxn>
                  <a:cxn ang="0">
                    <a:pos x="70" y="15"/>
                  </a:cxn>
                  <a:cxn ang="0">
                    <a:pos x="75" y="10"/>
                  </a:cxn>
                  <a:cxn ang="0">
                    <a:pos x="82" y="6"/>
                  </a:cxn>
                  <a:cxn ang="0">
                    <a:pos x="93" y="2"/>
                  </a:cxn>
                  <a:cxn ang="0">
                    <a:pos x="102" y="0"/>
                  </a:cxn>
                  <a:cxn ang="0">
                    <a:pos x="111" y="0"/>
                  </a:cxn>
                  <a:cxn ang="0">
                    <a:pos x="120" y="1"/>
                  </a:cxn>
                  <a:cxn ang="0">
                    <a:pos x="139" y="4"/>
                  </a:cxn>
                  <a:cxn ang="0">
                    <a:pos x="161" y="4"/>
                  </a:cxn>
                  <a:cxn ang="0">
                    <a:pos x="170" y="5"/>
                  </a:cxn>
                  <a:cxn ang="0">
                    <a:pos x="175" y="6"/>
                  </a:cxn>
                  <a:cxn ang="0">
                    <a:pos x="180" y="10"/>
                  </a:cxn>
                  <a:cxn ang="0">
                    <a:pos x="181" y="15"/>
                  </a:cxn>
                  <a:cxn ang="0">
                    <a:pos x="183" y="22"/>
                  </a:cxn>
                  <a:cxn ang="0">
                    <a:pos x="181" y="28"/>
                  </a:cxn>
                  <a:cxn ang="0">
                    <a:pos x="180" y="35"/>
                  </a:cxn>
                  <a:cxn ang="0">
                    <a:pos x="177" y="43"/>
                  </a:cxn>
                  <a:cxn ang="0">
                    <a:pos x="171" y="54"/>
                  </a:cxn>
                  <a:cxn ang="0">
                    <a:pos x="165" y="65"/>
                  </a:cxn>
                  <a:cxn ang="0">
                    <a:pos x="157" y="72"/>
                  </a:cxn>
                  <a:cxn ang="0">
                    <a:pos x="148" y="79"/>
                  </a:cxn>
                  <a:cxn ang="0">
                    <a:pos x="139" y="85"/>
                  </a:cxn>
                  <a:cxn ang="0">
                    <a:pos x="130" y="92"/>
                  </a:cxn>
                  <a:cxn ang="0">
                    <a:pos x="119" y="98"/>
                  </a:cxn>
                  <a:cxn ang="0">
                    <a:pos x="110" y="107"/>
                  </a:cxn>
                  <a:cxn ang="0">
                    <a:pos x="105" y="115"/>
                  </a:cxn>
                  <a:cxn ang="0">
                    <a:pos x="102" y="123"/>
                  </a:cxn>
                  <a:cxn ang="0">
                    <a:pos x="98" y="131"/>
                  </a:cxn>
                  <a:cxn ang="0">
                    <a:pos x="96" y="138"/>
                  </a:cxn>
                  <a:cxn ang="0">
                    <a:pos x="92" y="146"/>
                  </a:cxn>
                  <a:cxn ang="0">
                    <a:pos x="87" y="150"/>
                  </a:cxn>
                  <a:cxn ang="0">
                    <a:pos x="84" y="151"/>
                  </a:cxn>
                  <a:cxn ang="0">
                    <a:pos x="79" y="153"/>
                  </a:cxn>
                  <a:cxn ang="0">
                    <a:pos x="75" y="153"/>
                  </a:cxn>
                  <a:cxn ang="0">
                    <a:pos x="69" y="151"/>
                  </a:cxn>
                  <a:cxn ang="0">
                    <a:pos x="53" y="147"/>
                  </a:cxn>
                </a:cxnLst>
                <a:rect l="0" t="0" r="r" b="b"/>
                <a:pathLst>
                  <a:path w="183" h="153">
                    <a:moveTo>
                      <a:pt x="53" y="147"/>
                    </a:moveTo>
                    <a:lnTo>
                      <a:pt x="49" y="146"/>
                    </a:lnTo>
                    <a:lnTo>
                      <a:pt x="44" y="142"/>
                    </a:lnTo>
                    <a:lnTo>
                      <a:pt x="39" y="138"/>
                    </a:lnTo>
                    <a:lnTo>
                      <a:pt x="32" y="132"/>
                    </a:lnTo>
                    <a:lnTo>
                      <a:pt x="23" y="120"/>
                    </a:lnTo>
                    <a:lnTo>
                      <a:pt x="17" y="111"/>
                    </a:lnTo>
                    <a:lnTo>
                      <a:pt x="10" y="100"/>
                    </a:lnTo>
                    <a:lnTo>
                      <a:pt x="3" y="83"/>
                    </a:lnTo>
                    <a:lnTo>
                      <a:pt x="0" y="75"/>
                    </a:lnTo>
                    <a:lnTo>
                      <a:pt x="0" y="67"/>
                    </a:lnTo>
                    <a:lnTo>
                      <a:pt x="0" y="65"/>
                    </a:lnTo>
                    <a:lnTo>
                      <a:pt x="1" y="63"/>
                    </a:lnTo>
                    <a:lnTo>
                      <a:pt x="4" y="62"/>
                    </a:lnTo>
                    <a:lnTo>
                      <a:pt x="6" y="61"/>
                    </a:lnTo>
                    <a:lnTo>
                      <a:pt x="22" y="63"/>
                    </a:lnTo>
                    <a:lnTo>
                      <a:pt x="35" y="66"/>
                    </a:lnTo>
                    <a:lnTo>
                      <a:pt x="41" y="65"/>
                    </a:lnTo>
                    <a:lnTo>
                      <a:pt x="48" y="62"/>
                    </a:lnTo>
                    <a:lnTo>
                      <a:pt x="53" y="58"/>
                    </a:lnTo>
                    <a:lnTo>
                      <a:pt x="57" y="49"/>
                    </a:lnTo>
                    <a:lnTo>
                      <a:pt x="61" y="36"/>
                    </a:lnTo>
                    <a:lnTo>
                      <a:pt x="65" y="24"/>
                    </a:lnTo>
                    <a:lnTo>
                      <a:pt x="67" y="19"/>
                    </a:lnTo>
                    <a:lnTo>
                      <a:pt x="70" y="15"/>
                    </a:lnTo>
                    <a:lnTo>
                      <a:pt x="75" y="10"/>
                    </a:lnTo>
                    <a:lnTo>
                      <a:pt x="82" y="6"/>
                    </a:lnTo>
                    <a:lnTo>
                      <a:pt x="93" y="2"/>
                    </a:lnTo>
                    <a:lnTo>
                      <a:pt x="102" y="0"/>
                    </a:lnTo>
                    <a:lnTo>
                      <a:pt x="111" y="0"/>
                    </a:lnTo>
                    <a:lnTo>
                      <a:pt x="120" y="1"/>
                    </a:lnTo>
                    <a:lnTo>
                      <a:pt x="139" y="4"/>
                    </a:lnTo>
                    <a:lnTo>
                      <a:pt x="161" y="4"/>
                    </a:lnTo>
                    <a:lnTo>
                      <a:pt x="170" y="5"/>
                    </a:lnTo>
                    <a:lnTo>
                      <a:pt x="175" y="6"/>
                    </a:lnTo>
                    <a:lnTo>
                      <a:pt x="180" y="10"/>
                    </a:lnTo>
                    <a:lnTo>
                      <a:pt x="181" y="15"/>
                    </a:lnTo>
                    <a:lnTo>
                      <a:pt x="183" y="22"/>
                    </a:lnTo>
                    <a:lnTo>
                      <a:pt x="181" y="28"/>
                    </a:lnTo>
                    <a:lnTo>
                      <a:pt x="180" y="35"/>
                    </a:lnTo>
                    <a:lnTo>
                      <a:pt x="177" y="43"/>
                    </a:lnTo>
                    <a:lnTo>
                      <a:pt x="171" y="54"/>
                    </a:lnTo>
                    <a:lnTo>
                      <a:pt x="165" y="65"/>
                    </a:lnTo>
                    <a:lnTo>
                      <a:pt x="157" y="72"/>
                    </a:lnTo>
                    <a:lnTo>
                      <a:pt x="148" y="79"/>
                    </a:lnTo>
                    <a:lnTo>
                      <a:pt x="139" y="85"/>
                    </a:lnTo>
                    <a:lnTo>
                      <a:pt x="130" y="92"/>
                    </a:lnTo>
                    <a:lnTo>
                      <a:pt x="119" y="98"/>
                    </a:lnTo>
                    <a:lnTo>
                      <a:pt x="110" y="107"/>
                    </a:lnTo>
                    <a:lnTo>
                      <a:pt x="105" y="115"/>
                    </a:lnTo>
                    <a:lnTo>
                      <a:pt x="102" y="123"/>
                    </a:lnTo>
                    <a:lnTo>
                      <a:pt x="98" y="131"/>
                    </a:lnTo>
                    <a:lnTo>
                      <a:pt x="96" y="138"/>
                    </a:lnTo>
                    <a:lnTo>
                      <a:pt x="92" y="146"/>
                    </a:lnTo>
                    <a:lnTo>
                      <a:pt x="87" y="150"/>
                    </a:lnTo>
                    <a:lnTo>
                      <a:pt x="84" y="151"/>
                    </a:lnTo>
                    <a:lnTo>
                      <a:pt x="79" y="153"/>
                    </a:lnTo>
                    <a:lnTo>
                      <a:pt x="75" y="153"/>
                    </a:lnTo>
                    <a:lnTo>
                      <a:pt x="69" y="151"/>
                    </a:lnTo>
                    <a:lnTo>
                      <a:pt x="53" y="147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76" name="Freeform 237"/>
              <p:cNvSpPr>
                <a:spLocks/>
              </p:cNvSpPr>
              <p:nvPr/>
            </p:nvSpPr>
            <p:spPr bwMode="auto">
              <a:xfrm>
                <a:off x="5684831" y="5892297"/>
                <a:ext cx="182169" cy="124636"/>
              </a:xfrm>
              <a:custGeom>
                <a:avLst/>
                <a:gdLst/>
                <a:ahLst/>
                <a:cxnLst>
                  <a:cxn ang="0">
                    <a:pos x="145" y="185"/>
                  </a:cxn>
                  <a:cxn ang="0">
                    <a:pos x="142" y="145"/>
                  </a:cxn>
                  <a:cxn ang="0">
                    <a:pos x="137" y="132"/>
                  </a:cxn>
                  <a:cxn ang="0">
                    <a:pos x="128" y="124"/>
                  </a:cxn>
                  <a:cxn ang="0">
                    <a:pos x="114" y="121"/>
                  </a:cxn>
                  <a:cxn ang="0">
                    <a:pos x="99" y="125"/>
                  </a:cxn>
                  <a:cxn ang="0">
                    <a:pos x="89" y="132"/>
                  </a:cxn>
                  <a:cxn ang="0">
                    <a:pos x="76" y="145"/>
                  </a:cxn>
                  <a:cxn ang="0">
                    <a:pos x="62" y="154"/>
                  </a:cxn>
                  <a:cxn ang="0">
                    <a:pos x="57" y="155"/>
                  </a:cxn>
                  <a:cxn ang="0">
                    <a:pos x="50" y="151"/>
                  </a:cxn>
                  <a:cxn ang="0">
                    <a:pos x="46" y="133"/>
                  </a:cxn>
                  <a:cxn ang="0">
                    <a:pos x="39" y="116"/>
                  </a:cxn>
                  <a:cxn ang="0">
                    <a:pos x="20" y="99"/>
                  </a:cxn>
                  <a:cxn ang="0">
                    <a:pos x="7" y="84"/>
                  </a:cxn>
                  <a:cxn ang="0">
                    <a:pos x="1" y="74"/>
                  </a:cxn>
                  <a:cxn ang="0">
                    <a:pos x="0" y="63"/>
                  </a:cxn>
                  <a:cxn ang="0">
                    <a:pos x="5" y="54"/>
                  </a:cxn>
                  <a:cxn ang="0">
                    <a:pos x="13" y="49"/>
                  </a:cxn>
                  <a:cxn ang="0">
                    <a:pos x="26" y="48"/>
                  </a:cxn>
                  <a:cxn ang="0">
                    <a:pos x="49" y="49"/>
                  </a:cxn>
                  <a:cxn ang="0">
                    <a:pos x="75" y="48"/>
                  </a:cxn>
                  <a:cxn ang="0">
                    <a:pos x="102" y="39"/>
                  </a:cxn>
                  <a:cxn ang="0">
                    <a:pos x="143" y="20"/>
                  </a:cxn>
                  <a:cxn ang="0">
                    <a:pos x="185" y="6"/>
                  </a:cxn>
                  <a:cxn ang="0">
                    <a:pos x="232" y="1"/>
                  </a:cxn>
                  <a:cxn ang="0">
                    <a:pos x="272" y="0"/>
                  </a:cxn>
                  <a:cxn ang="0">
                    <a:pos x="295" y="1"/>
                  </a:cxn>
                  <a:cxn ang="0">
                    <a:pos x="314" y="6"/>
                  </a:cxn>
                  <a:cxn ang="0">
                    <a:pos x="322" y="13"/>
                  </a:cxn>
                  <a:cxn ang="0">
                    <a:pos x="326" y="18"/>
                  </a:cxn>
                  <a:cxn ang="0">
                    <a:pos x="326" y="31"/>
                  </a:cxn>
                  <a:cxn ang="0">
                    <a:pos x="329" y="55"/>
                  </a:cxn>
                  <a:cxn ang="0">
                    <a:pos x="334" y="74"/>
                  </a:cxn>
                  <a:cxn ang="0">
                    <a:pos x="339" y="84"/>
                  </a:cxn>
                  <a:cxn ang="0">
                    <a:pos x="347" y="92"/>
                  </a:cxn>
                  <a:cxn ang="0">
                    <a:pos x="356" y="94"/>
                  </a:cxn>
                  <a:cxn ang="0">
                    <a:pos x="375" y="92"/>
                  </a:cxn>
                  <a:cxn ang="0">
                    <a:pos x="391" y="89"/>
                  </a:cxn>
                  <a:cxn ang="0">
                    <a:pos x="396" y="93"/>
                  </a:cxn>
                  <a:cxn ang="0">
                    <a:pos x="396" y="107"/>
                  </a:cxn>
                  <a:cxn ang="0">
                    <a:pos x="396" y="124"/>
                  </a:cxn>
                  <a:cxn ang="0">
                    <a:pos x="393" y="132"/>
                  </a:cxn>
                  <a:cxn ang="0">
                    <a:pos x="387" y="140"/>
                  </a:cxn>
                  <a:cxn ang="0">
                    <a:pos x="366" y="147"/>
                  </a:cxn>
                  <a:cxn ang="0">
                    <a:pos x="346" y="159"/>
                  </a:cxn>
                  <a:cxn ang="0">
                    <a:pos x="334" y="173"/>
                  </a:cxn>
                  <a:cxn ang="0">
                    <a:pos x="316" y="200"/>
                  </a:cxn>
                  <a:cxn ang="0">
                    <a:pos x="291" y="239"/>
                  </a:cxn>
                  <a:cxn ang="0">
                    <a:pos x="270" y="263"/>
                  </a:cxn>
                  <a:cxn ang="0">
                    <a:pos x="256" y="272"/>
                  </a:cxn>
                  <a:cxn ang="0">
                    <a:pos x="243" y="269"/>
                  </a:cxn>
                  <a:cxn ang="0">
                    <a:pos x="237" y="259"/>
                  </a:cxn>
                  <a:cxn ang="0">
                    <a:pos x="230" y="250"/>
                  </a:cxn>
                  <a:cxn ang="0">
                    <a:pos x="220" y="245"/>
                  </a:cxn>
                  <a:cxn ang="0">
                    <a:pos x="199" y="247"/>
                  </a:cxn>
                  <a:cxn ang="0">
                    <a:pos x="180" y="251"/>
                  </a:cxn>
                  <a:cxn ang="0">
                    <a:pos x="168" y="251"/>
                  </a:cxn>
                  <a:cxn ang="0">
                    <a:pos x="147" y="216"/>
                  </a:cxn>
                </a:cxnLst>
                <a:rect l="0" t="0" r="r" b="b"/>
                <a:pathLst>
                  <a:path w="396" h="274">
                    <a:moveTo>
                      <a:pt x="147" y="216"/>
                    </a:moveTo>
                    <a:lnTo>
                      <a:pt x="145" y="185"/>
                    </a:lnTo>
                    <a:lnTo>
                      <a:pt x="143" y="151"/>
                    </a:lnTo>
                    <a:lnTo>
                      <a:pt x="142" y="145"/>
                    </a:lnTo>
                    <a:lnTo>
                      <a:pt x="140" y="138"/>
                    </a:lnTo>
                    <a:lnTo>
                      <a:pt x="137" y="132"/>
                    </a:lnTo>
                    <a:lnTo>
                      <a:pt x="133" y="128"/>
                    </a:lnTo>
                    <a:lnTo>
                      <a:pt x="128" y="124"/>
                    </a:lnTo>
                    <a:lnTo>
                      <a:pt x="121" y="123"/>
                    </a:lnTo>
                    <a:lnTo>
                      <a:pt x="114" y="121"/>
                    </a:lnTo>
                    <a:lnTo>
                      <a:pt x="105" y="123"/>
                    </a:lnTo>
                    <a:lnTo>
                      <a:pt x="99" y="125"/>
                    </a:lnTo>
                    <a:lnTo>
                      <a:pt x="94" y="128"/>
                    </a:lnTo>
                    <a:lnTo>
                      <a:pt x="89" y="132"/>
                    </a:lnTo>
                    <a:lnTo>
                      <a:pt x="85" y="136"/>
                    </a:lnTo>
                    <a:lnTo>
                      <a:pt x="76" y="145"/>
                    </a:lnTo>
                    <a:lnTo>
                      <a:pt x="66" y="153"/>
                    </a:lnTo>
                    <a:lnTo>
                      <a:pt x="62" y="154"/>
                    </a:lnTo>
                    <a:lnTo>
                      <a:pt x="59" y="155"/>
                    </a:lnTo>
                    <a:lnTo>
                      <a:pt x="57" y="155"/>
                    </a:lnTo>
                    <a:lnTo>
                      <a:pt x="54" y="154"/>
                    </a:lnTo>
                    <a:lnTo>
                      <a:pt x="50" y="151"/>
                    </a:lnTo>
                    <a:lnTo>
                      <a:pt x="48" y="146"/>
                    </a:lnTo>
                    <a:lnTo>
                      <a:pt x="46" y="133"/>
                    </a:lnTo>
                    <a:lnTo>
                      <a:pt x="46" y="121"/>
                    </a:lnTo>
                    <a:lnTo>
                      <a:pt x="39" y="116"/>
                    </a:lnTo>
                    <a:lnTo>
                      <a:pt x="29" y="108"/>
                    </a:lnTo>
                    <a:lnTo>
                      <a:pt x="20" y="99"/>
                    </a:lnTo>
                    <a:lnTo>
                      <a:pt x="11" y="89"/>
                    </a:lnTo>
                    <a:lnTo>
                      <a:pt x="7" y="84"/>
                    </a:lnTo>
                    <a:lnTo>
                      <a:pt x="4" y="79"/>
                    </a:lnTo>
                    <a:lnTo>
                      <a:pt x="1" y="74"/>
                    </a:lnTo>
                    <a:lnTo>
                      <a:pt x="0" y="68"/>
                    </a:lnTo>
                    <a:lnTo>
                      <a:pt x="0" y="63"/>
                    </a:lnTo>
                    <a:lnTo>
                      <a:pt x="1" y="58"/>
                    </a:lnTo>
                    <a:lnTo>
                      <a:pt x="5" y="54"/>
                    </a:lnTo>
                    <a:lnTo>
                      <a:pt x="9" y="50"/>
                    </a:lnTo>
                    <a:lnTo>
                      <a:pt x="13" y="49"/>
                    </a:lnTo>
                    <a:lnTo>
                      <a:pt x="19" y="48"/>
                    </a:lnTo>
                    <a:lnTo>
                      <a:pt x="26" y="48"/>
                    </a:lnTo>
                    <a:lnTo>
                      <a:pt x="33" y="49"/>
                    </a:lnTo>
                    <a:lnTo>
                      <a:pt x="49" y="49"/>
                    </a:lnTo>
                    <a:lnTo>
                      <a:pt x="59" y="50"/>
                    </a:lnTo>
                    <a:lnTo>
                      <a:pt x="75" y="48"/>
                    </a:lnTo>
                    <a:lnTo>
                      <a:pt x="89" y="44"/>
                    </a:lnTo>
                    <a:lnTo>
                      <a:pt x="102" y="39"/>
                    </a:lnTo>
                    <a:lnTo>
                      <a:pt x="116" y="33"/>
                    </a:lnTo>
                    <a:lnTo>
                      <a:pt x="143" y="20"/>
                    </a:lnTo>
                    <a:lnTo>
                      <a:pt x="171" y="10"/>
                    </a:lnTo>
                    <a:lnTo>
                      <a:pt x="185" y="6"/>
                    </a:lnTo>
                    <a:lnTo>
                      <a:pt x="206" y="2"/>
                    </a:lnTo>
                    <a:lnTo>
                      <a:pt x="232" y="1"/>
                    </a:lnTo>
                    <a:lnTo>
                      <a:pt x="257" y="0"/>
                    </a:lnTo>
                    <a:lnTo>
                      <a:pt x="272" y="0"/>
                    </a:lnTo>
                    <a:lnTo>
                      <a:pt x="283" y="0"/>
                    </a:lnTo>
                    <a:lnTo>
                      <a:pt x="295" y="1"/>
                    </a:lnTo>
                    <a:lnTo>
                      <a:pt x="305" y="4"/>
                    </a:lnTo>
                    <a:lnTo>
                      <a:pt x="314" y="6"/>
                    </a:lnTo>
                    <a:lnTo>
                      <a:pt x="321" y="10"/>
                    </a:lnTo>
                    <a:lnTo>
                      <a:pt x="322" y="13"/>
                    </a:lnTo>
                    <a:lnTo>
                      <a:pt x="325" y="15"/>
                    </a:lnTo>
                    <a:lnTo>
                      <a:pt x="326" y="18"/>
                    </a:lnTo>
                    <a:lnTo>
                      <a:pt x="326" y="20"/>
                    </a:lnTo>
                    <a:lnTo>
                      <a:pt x="326" y="31"/>
                    </a:lnTo>
                    <a:lnTo>
                      <a:pt x="327" y="42"/>
                    </a:lnTo>
                    <a:lnTo>
                      <a:pt x="329" y="55"/>
                    </a:lnTo>
                    <a:lnTo>
                      <a:pt x="333" y="68"/>
                    </a:lnTo>
                    <a:lnTo>
                      <a:pt x="334" y="74"/>
                    </a:lnTo>
                    <a:lnTo>
                      <a:pt x="336" y="80"/>
                    </a:lnTo>
                    <a:lnTo>
                      <a:pt x="339" y="84"/>
                    </a:lnTo>
                    <a:lnTo>
                      <a:pt x="343" y="89"/>
                    </a:lnTo>
                    <a:lnTo>
                      <a:pt x="347" y="92"/>
                    </a:lnTo>
                    <a:lnTo>
                      <a:pt x="351" y="94"/>
                    </a:lnTo>
                    <a:lnTo>
                      <a:pt x="356" y="94"/>
                    </a:lnTo>
                    <a:lnTo>
                      <a:pt x="362" y="94"/>
                    </a:lnTo>
                    <a:lnTo>
                      <a:pt x="375" y="92"/>
                    </a:lnTo>
                    <a:lnTo>
                      <a:pt x="384" y="90"/>
                    </a:lnTo>
                    <a:lnTo>
                      <a:pt x="391" y="89"/>
                    </a:lnTo>
                    <a:lnTo>
                      <a:pt x="395" y="90"/>
                    </a:lnTo>
                    <a:lnTo>
                      <a:pt x="396" y="93"/>
                    </a:lnTo>
                    <a:lnTo>
                      <a:pt x="396" y="99"/>
                    </a:lnTo>
                    <a:lnTo>
                      <a:pt x="396" y="107"/>
                    </a:lnTo>
                    <a:lnTo>
                      <a:pt x="396" y="119"/>
                    </a:lnTo>
                    <a:lnTo>
                      <a:pt x="396" y="124"/>
                    </a:lnTo>
                    <a:lnTo>
                      <a:pt x="395" y="128"/>
                    </a:lnTo>
                    <a:lnTo>
                      <a:pt x="393" y="132"/>
                    </a:lnTo>
                    <a:lnTo>
                      <a:pt x="392" y="134"/>
                    </a:lnTo>
                    <a:lnTo>
                      <a:pt x="387" y="140"/>
                    </a:lnTo>
                    <a:lnTo>
                      <a:pt x="381" y="142"/>
                    </a:lnTo>
                    <a:lnTo>
                      <a:pt x="366" y="147"/>
                    </a:lnTo>
                    <a:lnTo>
                      <a:pt x="352" y="154"/>
                    </a:lnTo>
                    <a:lnTo>
                      <a:pt x="346" y="159"/>
                    </a:lnTo>
                    <a:lnTo>
                      <a:pt x="340" y="165"/>
                    </a:lnTo>
                    <a:lnTo>
                      <a:pt x="334" y="173"/>
                    </a:lnTo>
                    <a:lnTo>
                      <a:pt x="329" y="181"/>
                    </a:lnTo>
                    <a:lnTo>
                      <a:pt x="316" y="200"/>
                    </a:lnTo>
                    <a:lnTo>
                      <a:pt x="304" y="221"/>
                    </a:lnTo>
                    <a:lnTo>
                      <a:pt x="291" y="239"/>
                    </a:lnTo>
                    <a:lnTo>
                      <a:pt x="278" y="256"/>
                    </a:lnTo>
                    <a:lnTo>
                      <a:pt x="270" y="263"/>
                    </a:lnTo>
                    <a:lnTo>
                      <a:pt x="264" y="269"/>
                    </a:lnTo>
                    <a:lnTo>
                      <a:pt x="256" y="272"/>
                    </a:lnTo>
                    <a:lnTo>
                      <a:pt x="248" y="274"/>
                    </a:lnTo>
                    <a:lnTo>
                      <a:pt x="243" y="269"/>
                    </a:lnTo>
                    <a:lnTo>
                      <a:pt x="239" y="264"/>
                    </a:lnTo>
                    <a:lnTo>
                      <a:pt x="237" y="259"/>
                    </a:lnTo>
                    <a:lnTo>
                      <a:pt x="234" y="254"/>
                    </a:lnTo>
                    <a:lnTo>
                      <a:pt x="230" y="250"/>
                    </a:lnTo>
                    <a:lnTo>
                      <a:pt x="226" y="247"/>
                    </a:lnTo>
                    <a:lnTo>
                      <a:pt x="220" y="245"/>
                    </a:lnTo>
                    <a:lnTo>
                      <a:pt x="210" y="246"/>
                    </a:lnTo>
                    <a:lnTo>
                      <a:pt x="199" y="247"/>
                    </a:lnTo>
                    <a:lnTo>
                      <a:pt x="186" y="250"/>
                    </a:lnTo>
                    <a:lnTo>
                      <a:pt x="180" y="251"/>
                    </a:lnTo>
                    <a:lnTo>
                      <a:pt x="175" y="251"/>
                    </a:lnTo>
                    <a:lnTo>
                      <a:pt x="168" y="251"/>
                    </a:lnTo>
                    <a:lnTo>
                      <a:pt x="164" y="250"/>
                    </a:lnTo>
                    <a:lnTo>
                      <a:pt x="147" y="216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77" name="Freeform 238"/>
              <p:cNvSpPr>
                <a:spLocks/>
              </p:cNvSpPr>
              <p:nvPr/>
            </p:nvSpPr>
            <p:spPr bwMode="auto">
              <a:xfrm>
                <a:off x="5932581" y="5881459"/>
                <a:ext cx="96550" cy="75865"/>
              </a:xfrm>
              <a:custGeom>
                <a:avLst/>
                <a:gdLst/>
                <a:ahLst/>
                <a:cxnLst>
                  <a:cxn ang="0">
                    <a:pos x="136" y="119"/>
                  </a:cxn>
                  <a:cxn ang="0">
                    <a:pos x="127" y="118"/>
                  </a:cxn>
                  <a:cxn ang="0">
                    <a:pos x="119" y="114"/>
                  </a:cxn>
                  <a:cxn ang="0">
                    <a:pos x="112" y="109"/>
                  </a:cxn>
                  <a:cxn ang="0">
                    <a:pos x="103" y="105"/>
                  </a:cxn>
                  <a:cxn ang="0">
                    <a:pos x="95" y="100"/>
                  </a:cxn>
                  <a:cxn ang="0">
                    <a:pos x="86" y="95"/>
                  </a:cxn>
                  <a:cxn ang="0">
                    <a:pos x="78" y="91"/>
                  </a:cxn>
                  <a:cxn ang="0">
                    <a:pos x="69" y="88"/>
                  </a:cxn>
                  <a:cxn ang="0">
                    <a:pos x="55" y="86"/>
                  </a:cxn>
                  <a:cxn ang="0">
                    <a:pos x="42" y="84"/>
                  </a:cxn>
                  <a:cxn ang="0">
                    <a:pos x="27" y="84"/>
                  </a:cxn>
                  <a:cxn ang="0">
                    <a:pos x="13" y="83"/>
                  </a:cxn>
                  <a:cxn ang="0">
                    <a:pos x="5" y="80"/>
                  </a:cxn>
                  <a:cxn ang="0">
                    <a:pos x="1" y="78"/>
                  </a:cxn>
                  <a:cxn ang="0">
                    <a:pos x="0" y="74"/>
                  </a:cxn>
                  <a:cxn ang="0">
                    <a:pos x="1" y="70"/>
                  </a:cxn>
                  <a:cxn ang="0">
                    <a:pos x="8" y="60"/>
                  </a:cxn>
                  <a:cxn ang="0">
                    <a:pos x="14" y="49"/>
                  </a:cxn>
                  <a:cxn ang="0">
                    <a:pos x="20" y="36"/>
                  </a:cxn>
                  <a:cxn ang="0">
                    <a:pos x="21" y="21"/>
                  </a:cxn>
                  <a:cxn ang="0">
                    <a:pos x="24" y="14"/>
                  </a:cxn>
                  <a:cxn ang="0">
                    <a:pos x="26" y="8"/>
                  </a:cxn>
                  <a:cxn ang="0">
                    <a:pos x="29" y="5"/>
                  </a:cxn>
                  <a:cxn ang="0">
                    <a:pos x="31" y="4"/>
                  </a:cxn>
                  <a:cxn ang="0">
                    <a:pos x="34" y="1"/>
                  </a:cxn>
                  <a:cxn ang="0">
                    <a:pos x="38" y="1"/>
                  </a:cxn>
                  <a:cxn ang="0">
                    <a:pos x="49" y="0"/>
                  </a:cxn>
                  <a:cxn ang="0">
                    <a:pos x="64" y="0"/>
                  </a:cxn>
                  <a:cxn ang="0">
                    <a:pos x="78" y="1"/>
                  </a:cxn>
                  <a:cxn ang="0">
                    <a:pos x="93" y="4"/>
                  </a:cxn>
                  <a:cxn ang="0">
                    <a:pos x="123" y="10"/>
                  </a:cxn>
                  <a:cxn ang="0">
                    <a:pos x="149" y="16"/>
                  </a:cxn>
                  <a:cxn ang="0">
                    <a:pos x="169" y="17"/>
                  </a:cxn>
                  <a:cxn ang="0">
                    <a:pos x="188" y="20"/>
                  </a:cxn>
                  <a:cxn ang="0">
                    <a:pos x="196" y="22"/>
                  </a:cxn>
                  <a:cxn ang="0">
                    <a:pos x="202" y="27"/>
                  </a:cxn>
                  <a:cxn ang="0">
                    <a:pos x="204" y="30"/>
                  </a:cxn>
                  <a:cxn ang="0">
                    <a:pos x="206" y="34"/>
                  </a:cxn>
                  <a:cxn ang="0">
                    <a:pos x="207" y="39"/>
                  </a:cxn>
                  <a:cxn ang="0">
                    <a:pos x="209" y="44"/>
                  </a:cxn>
                  <a:cxn ang="0">
                    <a:pos x="210" y="69"/>
                  </a:cxn>
                  <a:cxn ang="0">
                    <a:pos x="213" y="92"/>
                  </a:cxn>
                  <a:cxn ang="0">
                    <a:pos x="214" y="115"/>
                  </a:cxn>
                  <a:cxn ang="0">
                    <a:pos x="213" y="140"/>
                  </a:cxn>
                  <a:cxn ang="0">
                    <a:pos x="213" y="146"/>
                  </a:cxn>
                  <a:cxn ang="0">
                    <a:pos x="211" y="156"/>
                  </a:cxn>
                  <a:cxn ang="0">
                    <a:pos x="211" y="159"/>
                  </a:cxn>
                  <a:cxn ang="0">
                    <a:pos x="210" y="163"/>
                  </a:cxn>
                  <a:cxn ang="0">
                    <a:pos x="207" y="166"/>
                  </a:cxn>
                  <a:cxn ang="0">
                    <a:pos x="205" y="168"/>
                  </a:cxn>
                  <a:cxn ang="0">
                    <a:pos x="200" y="168"/>
                  </a:cxn>
                  <a:cxn ang="0">
                    <a:pos x="193" y="167"/>
                  </a:cxn>
                  <a:cxn ang="0">
                    <a:pos x="185" y="165"/>
                  </a:cxn>
                  <a:cxn ang="0">
                    <a:pos x="178" y="159"/>
                  </a:cxn>
                  <a:cxn ang="0">
                    <a:pos x="163" y="150"/>
                  </a:cxn>
                  <a:cxn ang="0">
                    <a:pos x="153" y="141"/>
                  </a:cxn>
                  <a:cxn ang="0">
                    <a:pos x="149" y="135"/>
                  </a:cxn>
                  <a:cxn ang="0">
                    <a:pos x="144" y="127"/>
                  </a:cxn>
                  <a:cxn ang="0">
                    <a:pos x="141" y="123"/>
                  </a:cxn>
                  <a:cxn ang="0">
                    <a:pos x="140" y="121"/>
                  </a:cxn>
                  <a:cxn ang="0">
                    <a:pos x="138" y="119"/>
                  </a:cxn>
                  <a:cxn ang="0">
                    <a:pos x="136" y="119"/>
                  </a:cxn>
                </a:cxnLst>
                <a:rect l="0" t="0" r="r" b="b"/>
                <a:pathLst>
                  <a:path w="214" h="168">
                    <a:moveTo>
                      <a:pt x="136" y="119"/>
                    </a:moveTo>
                    <a:lnTo>
                      <a:pt x="127" y="118"/>
                    </a:lnTo>
                    <a:lnTo>
                      <a:pt x="119" y="114"/>
                    </a:lnTo>
                    <a:lnTo>
                      <a:pt x="112" y="109"/>
                    </a:lnTo>
                    <a:lnTo>
                      <a:pt x="103" y="105"/>
                    </a:lnTo>
                    <a:lnTo>
                      <a:pt x="95" y="100"/>
                    </a:lnTo>
                    <a:lnTo>
                      <a:pt x="86" y="95"/>
                    </a:lnTo>
                    <a:lnTo>
                      <a:pt x="78" y="91"/>
                    </a:lnTo>
                    <a:lnTo>
                      <a:pt x="69" y="88"/>
                    </a:lnTo>
                    <a:lnTo>
                      <a:pt x="55" y="86"/>
                    </a:lnTo>
                    <a:lnTo>
                      <a:pt x="42" y="84"/>
                    </a:lnTo>
                    <a:lnTo>
                      <a:pt x="27" y="84"/>
                    </a:lnTo>
                    <a:lnTo>
                      <a:pt x="13" y="83"/>
                    </a:lnTo>
                    <a:lnTo>
                      <a:pt x="5" y="80"/>
                    </a:lnTo>
                    <a:lnTo>
                      <a:pt x="1" y="78"/>
                    </a:lnTo>
                    <a:lnTo>
                      <a:pt x="0" y="74"/>
                    </a:lnTo>
                    <a:lnTo>
                      <a:pt x="1" y="70"/>
                    </a:lnTo>
                    <a:lnTo>
                      <a:pt x="8" y="60"/>
                    </a:lnTo>
                    <a:lnTo>
                      <a:pt x="14" y="49"/>
                    </a:lnTo>
                    <a:lnTo>
                      <a:pt x="20" y="36"/>
                    </a:lnTo>
                    <a:lnTo>
                      <a:pt x="21" y="21"/>
                    </a:lnTo>
                    <a:lnTo>
                      <a:pt x="24" y="14"/>
                    </a:lnTo>
                    <a:lnTo>
                      <a:pt x="26" y="8"/>
                    </a:lnTo>
                    <a:lnTo>
                      <a:pt x="29" y="5"/>
                    </a:lnTo>
                    <a:lnTo>
                      <a:pt x="31" y="4"/>
                    </a:lnTo>
                    <a:lnTo>
                      <a:pt x="34" y="1"/>
                    </a:lnTo>
                    <a:lnTo>
                      <a:pt x="38" y="1"/>
                    </a:lnTo>
                    <a:lnTo>
                      <a:pt x="49" y="0"/>
                    </a:lnTo>
                    <a:lnTo>
                      <a:pt x="64" y="0"/>
                    </a:lnTo>
                    <a:lnTo>
                      <a:pt x="78" y="1"/>
                    </a:lnTo>
                    <a:lnTo>
                      <a:pt x="93" y="4"/>
                    </a:lnTo>
                    <a:lnTo>
                      <a:pt x="123" y="10"/>
                    </a:lnTo>
                    <a:lnTo>
                      <a:pt x="149" y="16"/>
                    </a:lnTo>
                    <a:lnTo>
                      <a:pt x="169" y="17"/>
                    </a:lnTo>
                    <a:lnTo>
                      <a:pt x="188" y="20"/>
                    </a:lnTo>
                    <a:lnTo>
                      <a:pt x="196" y="22"/>
                    </a:lnTo>
                    <a:lnTo>
                      <a:pt x="202" y="27"/>
                    </a:lnTo>
                    <a:lnTo>
                      <a:pt x="204" y="30"/>
                    </a:lnTo>
                    <a:lnTo>
                      <a:pt x="206" y="34"/>
                    </a:lnTo>
                    <a:lnTo>
                      <a:pt x="207" y="39"/>
                    </a:lnTo>
                    <a:lnTo>
                      <a:pt x="209" y="44"/>
                    </a:lnTo>
                    <a:lnTo>
                      <a:pt x="210" y="69"/>
                    </a:lnTo>
                    <a:lnTo>
                      <a:pt x="213" y="92"/>
                    </a:lnTo>
                    <a:lnTo>
                      <a:pt x="214" y="115"/>
                    </a:lnTo>
                    <a:lnTo>
                      <a:pt x="213" y="140"/>
                    </a:lnTo>
                    <a:lnTo>
                      <a:pt x="213" y="146"/>
                    </a:lnTo>
                    <a:lnTo>
                      <a:pt x="211" y="156"/>
                    </a:lnTo>
                    <a:lnTo>
                      <a:pt x="211" y="159"/>
                    </a:lnTo>
                    <a:lnTo>
                      <a:pt x="210" y="163"/>
                    </a:lnTo>
                    <a:lnTo>
                      <a:pt x="207" y="166"/>
                    </a:lnTo>
                    <a:lnTo>
                      <a:pt x="205" y="168"/>
                    </a:lnTo>
                    <a:lnTo>
                      <a:pt x="200" y="168"/>
                    </a:lnTo>
                    <a:lnTo>
                      <a:pt x="193" y="167"/>
                    </a:lnTo>
                    <a:lnTo>
                      <a:pt x="185" y="165"/>
                    </a:lnTo>
                    <a:lnTo>
                      <a:pt x="178" y="159"/>
                    </a:lnTo>
                    <a:lnTo>
                      <a:pt x="163" y="150"/>
                    </a:lnTo>
                    <a:lnTo>
                      <a:pt x="153" y="141"/>
                    </a:lnTo>
                    <a:lnTo>
                      <a:pt x="149" y="135"/>
                    </a:lnTo>
                    <a:lnTo>
                      <a:pt x="144" y="127"/>
                    </a:lnTo>
                    <a:lnTo>
                      <a:pt x="141" y="123"/>
                    </a:lnTo>
                    <a:lnTo>
                      <a:pt x="140" y="121"/>
                    </a:lnTo>
                    <a:lnTo>
                      <a:pt x="138" y="119"/>
                    </a:lnTo>
                    <a:lnTo>
                      <a:pt x="136" y="119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78" name="Freeform 239"/>
              <p:cNvSpPr>
                <a:spLocks/>
              </p:cNvSpPr>
              <p:nvPr/>
            </p:nvSpPr>
            <p:spPr bwMode="auto">
              <a:xfrm>
                <a:off x="4001589" y="4606208"/>
                <a:ext cx="1941922" cy="1717796"/>
              </a:xfrm>
              <a:custGeom>
                <a:avLst/>
                <a:gdLst/>
                <a:ahLst/>
                <a:cxnLst>
                  <a:cxn ang="0">
                    <a:pos x="2845" y="971"/>
                  </a:cxn>
                  <a:cxn ang="0">
                    <a:pos x="2981" y="1135"/>
                  </a:cxn>
                  <a:cxn ang="0">
                    <a:pos x="3142" y="1290"/>
                  </a:cxn>
                  <a:cxn ang="0">
                    <a:pos x="3414" y="1339"/>
                  </a:cxn>
                  <a:cxn ang="0">
                    <a:pos x="3585" y="1373"/>
                  </a:cxn>
                  <a:cxn ang="0">
                    <a:pos x="3633" y="1546"/>
                  </a:cxn>
                  <a:cxn ang="0">
                    <a:pos x="3819" y="1618"/>
                  </a:cxn>
                  <a:cxn ang="0">
                    <a:pos x="4066" y="1670"/>
                  </a:cxn>
                  <a:cxn ang="0">
                    <a:pos x="4231" y="1782"/>
                  </a:cxn>
                  <a:cxn ang="0">
                    <a:pos x="4211" y="1948"/>
                  </a:cxn>
                  <a:cxn ang="0">
                    <a:pos x="3869" y="2057"/>
                  </a:cxn>
                  <a:cxn ang="0">
                    <a:pos x="3374" y="2154"/>
                  </a:cxn>
                  <a:cxn ang="0">
                    <a:pos x="3266" y="2295"/>
                  </a:cxn>
                  <a:cxn ang="0">
                    <a:pos x="2881" y="2588"/>
                  </a:cxn>
                  <a:cxn ang="0">
                    <a:pos x="2779" y="3001"/>
                  </a:cxn>
                  <a:cxn ang="0">
                    <a:pos x="2796" y="3168"/>
                  </a:cxn>
                  <a:cxn ang="0">
                    <a:pos x="2505" y="3317"/>
                  </a:cxn>
                  <a:cxn ang="0">
                    <a:pos x="2384" y="3464"/>
                  </a:cxn>
                  <a:cxn ang="0">
                    <a:pos x="2197" y="3512"/>
                  </a:cxn>
                  <a:cxn ang="0">
                    <a:pos x="1903" y="3721"/>
                  </a:cxn>
                  <a:cxn ang="0">
                    <a:pos x="1739" y="3725"/>
                  </a:cxn>
                  <a:cxn ang="0">
                    <a:pos x="1587" y="3763"/>
                  </a:cxn>
                  <a:cxn ang="0">
                    <a:pos x="1449" y="3672"/>
                  </a:cxn>
                  <a:cxn ang="0">
                    <a:pos x="1270" y="3632"/>
                  </a:cxn>
                  <a:cxn ang="0">
                    <a:pos x="1006" y="3545"/>
                  </a:cxn>
                  <a:cxn ang="0">
                    <a:pos x="783" y="3575"/>
                  </a:cxn>
                  <a:cxn ang="0">
                    <a:pos x="577" y="3679"/>
                  </a:cxn>
                  <a:cxn ang="0">
                    <a:pos x="368" y="3575"/>
                  </a:cxn>
                  <a:cxn ang="0">
                    <a:pos x="363" y="3422"/>
                  </a:cxn>
                  <a:cxn ang="0">
                    <a:pos x="349" y="3264"/>
                  </a:cxn>
                  <a:cxn ang="0">
                    <a:pos x="288" y="3152"/>
                  </a:cxn>
                  <a:cxn ang="0">
                    <a:pos x="12" y="2815"/>
                  </a:cxn>
                  <a:cxn ang="0">
                    <a:pos x="164" y="2601"/>
                  </a:cxn>
                  <a:cxn ang="0">
                    <a:pos x="250" y="2525"/>
                  </a:cxn>
                  <a:cxn ang="0">
                    <a:pos x="379" y="2162"/>
                  </a:cxn>
                  <a:cxn ang="0">
                    <a:pos x="332" y="1907"/>
                  </a:cxn>
                  <a:cxn ang="0">
                    <a:pos x="538" y="1624"/>
                  </a:cxn>
                  <a:cxn ang="0">
                    <a:pos x="680" y="1443"/>
                  </a:cxn>
                  <a:cxn ang="0">
                    <a:pos x="888" y="1263"/>
                  </a:cxn>
                  <a:cxn ang="0">
                    <a:pos x="890" y="1085"/>
                  </a:cxn>
                  <a:cxn ang="0">
                    <a:pos x="775" y="900"/>
                  </a:cxn>
                  <a:cxn ang="0">
                    <a:pos x="509" y="825"/>
                  </a:cxn>
                  <a:cxn ang="0">
                    <a:pos x="438" y="698"/>
                  </a:cxn>
                  <a:cxn ang="0">
                    <a:pos x="197" y="712"/>
                  </a:cxn>
                  <a:cxn ang="0">
                    <a:pos x="345" y="558"/>
                  </a:cxn>
                  <a:cxn ang="0">
                    <a:pos x="349" y="502"/>
                  </a:cxn>
                  <a:cxn ang="0">
                    <a:pos x="285" y="438"/>
                  </a:cxn>
                  <a:cxn ang="0">
                    <a:pos x="267" y="400"/>
                  </a:cxn>
                  <a:cxn ang="0">
                    <a:pos x="315" y="302"/>
                  </a:cxn>
                  <a:cxn ang="0">
                    <a:pos x="248" y="248"/>
                  </a:cxn>
                  <a:cxn ang="0">
                    <a:pos x="249" y="145"/>
                  </a:cxn>
                  <a:cxn ang="0">
                    <a:pos x="368" y="115"/>
                  </a:cxn>
                  <a:cxn ang="0">
                    <a:pos x="541" y="129"/>
                  </a:cxn>
                  <a:cxn ang="0">
                    <a:pos x="636" y="112"/>
                  </a:cxn>
                  <a:cxn ang="0">
                    <a:pos x="712" y="27"/>
                  </a:cxn>
                  <a:cxn ang="0">
                    <a:pos x="848" y="65"/>
                  </a:cxn>
                  <a:cxn ang="0">
                    <a:pos x="1070" y="226"/>
                  </a:cxn>
                  <a:cxn ang="0">
                    <a:pos x="1375" y="295"/>
                  </a:cxn>
                  <a:cxn ang="0">
                    <a:pos x="1608" y="435"/>
                  </a:cxn>
                  <a:cxn ang="0">
                    <a:pos x="2048" y="597"/>
                  </a:cxn>
                  <a:cxn ang="0">
                    <a:pos x="2156" y="675"/>
                  </a:cxn>
                  <a:cxn ang="0">
                    <a:pos x="2328" y="702"/>
                  </a:cxn>
                  <a:cxn ang="0">
                    <a:pos x="2568" y="846"/>
                  </a:cxn>
                </a:cxnLst>
                <a:rect l="0" t="0" r="r" b="b"/>
                <a:pathLst>
                  <a:path w="4263" h="3803">
                    <a:moveTo>
                      <a:pt x="2687" y="828"/>
                    </a:moveTo>
                    <a:lnTo>
                      <a:pt x="2734" y="879"/>
                    </a:lnTo>
                    <a:lnTo>
                      <a:pt x="2749" y="885"/>
                    </a:lnTo>
                    <a:lnTo>
                      <a:pt x="2770" y="892"/>
                    </a:lnTo>
                    <a:lnTo>
                      <a:pt x="2780" y="897"/>
                    </a:lnTo>
                    <a:lnTo>
                      <a:pt x="2790" y="901"/>
                    </a:lnTo>
                    <a:lnTo>
                      <a:pt x="2797" y="907"/>
                    </a:lnTo>
                    <a:lnTo>
                      <a:pt x="2801" y="910"/>
                    </a:lnTo>
                    <a:lnTo>
                      <a:pt x="2804" y="917"/>
                    </a:lnTo>
                    <a:lnTo>
                      <a:pt x="2804" y="925"/>
                    </a:lnTo>
                    <a:lnTo>
                      <a:pt x="2802" y="931"/>
                    </a:lnTo>
                    <a:lnTo>
                      <a:pt x="2800" y="939"/>
                    </a:lnTo>
                    <a:lnTo>
                      <a:pt x="2793" y="952"/>
                    </a:lnTo>
                    <a:lnTo>
                      <a:pt x="2787" y="964"/>
                    </a:lnTo>
                    <a:lnTo>
                      <a:pt x="2786" y="969"/>
                    </a:lnTo>
                    <a:lnTo>
                      <a:pt x="2786" y="973"/>
                    </a:lnTo>
                    <a:lnTo>
                      <a:pt x="2788" y="975"/>
                    </a:lnTo>
                    <a:lnTo>
                      <a:pt x="2792" y="977"/>
                    </a:lnTo>
                    <a:lnTo>
                      <a:pt x="2802" y="977"/>
                    </a:lnTo>
                    <a:lnTo>
                      <a:pt x="2817" y="974"/>
                    </a:lnTo>
                    <a:lnTo>
                      <a:pt x="2831" y="973"/>
                    </a:lnTo>
                    <a:lnTo>
                      <a:pt x="2845" y="971"/>
                    </a:lnTo>
                    <a:lnTo>
                      <a:pt x="2850" y="973"/>
                    </a:lnTo>
                    <a:lnTo>
                      <a:pt x="2856" y="974"/>
                    </a:lnTo>
                    <a:lnTo>
                      <a:pt x="2859" y="977"/>
                    </a:lnTo>
                    <a:lnTo>
                      <a:pt x="2861" y="982"/>
                    </a:lnTo>
                    <a:lnTo>
                      <a:pt x="2867" y="1001"/>
                    </a:lnTo>
                    <a:lnTo>
                      <a:pt x="2874" y="1023"/>
                    </a:lnTo>
                    <a:lnTo>
                      <a:pt x="2883" y="1043"/>
                    </a:lnTo>
                    <a:lnTo>
                      <a:pt x="2893" y="1063"/>
                    </a:lnTo>
                    <a:lnTo>
                      <a:pt x="2898" y="1072"/>
                    </a:lnTo>
                    <a:lnTo>
                      <a:pt x="2905" y="1080"/>
                    </a:lnTo>
                    <a:lnTo>
                      <a:pt x="2913" y="1088"/>
                    </a:lnTo>
                    <a:lnTo>
                      <a:pt x="2920" y="1094"/>
                    </a:lnTo>
                    <a:lnTo>
                      <a:pt x="2929" y="1101"/>
                    </a:lnTo>
                    <a:lnTo>
                      <a:pt x="2939" y="1106"/>
                    </a:lnTo>
                    <a:lnTo>
                      <a:pt x="2948" y="1110"/>
                    </a:lnTo>
                    <a:lnTo>
                      <a:pt x="2959" y="1113"/>
                    </a:lnTo>
                    <a:lnTo>
                      <a:pt x="2963" y="1114"/>
                    </a:lnTo>
                    <a:lnTo>
                      <a:pt x="2967" y="1115"/>
                    </a:lnTo>
                    <a:lnTo>
                      <a:pt x="2971" y="1118"/>
                    </a:lnTo>
                    <a:lnTo>
                      <a:pt x="2973" y="1120"/>
                    </a:lnTo>
                    <a:lnTo>
                      <a:pt x="2977" y="1127"/>
                    </a:lnTo>
                    <a:lnTo>
                      <a:pt x="2981" y="1135"/>
                    </a:lnTo>
                    <a:lnTo>
                      <a:pt x="2985" y="1151"/>
                    </a:lnTo>
                    <a:lnTo>
                      <a:pt x="2988" y="1168"/>
                    </a:lnTo>
                    <a:lnTo>
                      <a:pt x="2990" y="1175"/>
                    </a:lnTo>
                    <a:lnTo>
                      <a:pt x="2992" y="1181"/>
                    </a:lnTo>
                    <a:lnTo>
                      <a:pt x="2996" y="1185"/>
                    </a:lnTo>
                    <a:lnTo>
                      <a:pt x="2998" y="1190"/>
                    </a:lnTo>
                    <a:lnTo>
                      <a:pt x="3002" y="1193"/>
                    </a:lnTo>
                    <a:lnTo>
                      <a:pt x="3006" y="1195"/>
                    </a:lnTo>
                    <a:lnTo>
                      <a:pt x="3011" y="1198"/>
                    </a:lnTo>
                    <a:lnTo>
                      <a:pt x="3016" y="1199"/>
                    </a:lnTo>
                    <a:lnTo>
                      <a:pt x="3038" y="1202"/>
                    </a:lnTo>
                    <a:lnTo>
                      <a:pt x="3060" y="1206"/>
                    </a:lnTo>
                    <a:lnTo>
                      <a:pt x="3076" y="1210"/>
                    </a:lnTo>
                    <a:lnTo>
                      <a:pt x="3087" y="1214"/>
                    </a:lnTo>
                    <a:lnTo>
                      <a:pt x="3097" y="1216"/>
                    </a:lnTo>
                    <a:lnTo>
                      <a:pt x="3103" y="1221"/>
                    </a:lnTo>
                    <a:lnTo>
                      <a:pt x="3108" y="1227"/>
                    </a:lnTo>
                    <a:lnTo>
                      <a:pt x="3113" y="1234"/>
                    </a:lnTo>
                    <a:lnTo>
                      <a:pt x="3119" y="1246"/>
                    </a:lnTo>
                    <a:lnTo>
                      <a:pt x="3125" y="1262"/>
                    </a:lnTo>
                    <a:lnTo>
                      <a:pt x="3133" y="1277"/>
                    </a:lnTo>
                    <a:lnTo>
                      <a:pt x="3142" y="1290"/>
                    </a:lnTo>
                    <a:lnTo>
                      <a:pt x="3151" y="1300"/>
                    </a:lnTo>
                    <a:lnTo>
                      <a:pt x="3160" y="1307"/>
                    </a:lnTo>
                    <a:lnTo>
                      <a:pt x="3170" y="1312"/>
                    </a:lnTo>
                    <a:lnTo>
                      <a:pt x="3181" y="1316"/>
                    </a:lnTo>
                    <a:lnTo>
                      <a:pt x="3192" y="1317"/>
                    </a:lnTo>
                    <a:lnTo>
                      <a:pt x="3203" y="1317"/>
                    </a:lnTo>
                    <a:lnTo>
                      <a:pt x="3227" y="1316"/>
                    </a:lnTo>
                    <a:lnTo>
                      <a:pt x="3252" y="1315"/>
                    </a:lnTo>
                    <a:lnTo>
                      <a:pt x="3265" y="1315"/>
                    </a:lnTo>
                    <a:lnTo>
                      <a:pt x="3279" y="1315"/>
                    </a:lnTo>
                    <a:lnTo>
                      <a:pt x="3292" y="1317"/>
                    </a:lnTo>
                    <a:lnTo>
                      <a:pt x="3305" y="1320"/>
                    </a:lnTo>
                    <a:lnTo>
                      <a:pt x="3331" y="1331"/>
                    </a:lnTo>
                    <a:lnTo>
                      <a:pt x="3369" y="1348"/>
                    </a:lnTo>
                    <a:lnTo>
                      <a:pt x="3378" y="1351"/>
                    </a:lnTo>
                    <a:lnTo>
                      <a:pt x="3387" y="1353"/>
                    </a:lnTo>
                    <a:lnTo>
                      <a:pt x="3395" y="1355"/>
                    </a:lnTo>
                    <a:lnTo>
                      <a:pt x="3402" y="1355"/>
                    </a:lnTo>
                    <a:lnTo>
                      <a:pt x="3407" y="1353"/>
                    </a:lnTo>
                    <a:lnTo>
                      <a:pt x="3411" y="1351"/>
                    </a:lnTo>
                    <a:lnTo>
                      <a:pt x="3414" y="1346"/>
                    </a:lnTo>
                    <a:lnTo>
                      <a:pt x="3414" y="1339"/>
                    </a:lnTo>
                    <a:lnTo>
                      <a:pt x="3413" y="1330"/>
                    </a:lnTo>
                    <a:lnTo>
                      <a:pt x="3411" y="1319"/>
                    </a:lnTo>
                    <a:lnTo>
                      <a:pt x="3411" y="1306"/>
                    </a:lnTo>
                    <a:lnTo>
                      <a:pt x="3411" y="1294"/>
                    </a:lnTo>
                    <a:lnTo>
                      <a:pt x="3413" y="1289"/>
                    </a:lnTo>
                    <a:lnTo>
                      <a:pt x="3414" y="1285"/>
                    </a:lnTo>
                    <a:lnTo>
                      <a:pt x="3417" y="1282"/>
                    </a:lnTo>
                    <a:lnTo>
                      <a:pt x="3419" y="1280"/>
                    </a:lnTo>
                    <a:lnTo>
                      <a:pt x="3423" y="1280"/>
                    </a:lnTo>
                    <a:lnTo>
                      <a:pt x="3428" y="1281"/>
                    </a:lnTo>
                    <a:lnTo>
                      <a:pt x="3433" y="1284"/>
                    </a:lnTo>
                    <a:lnTo>
                      <a:pt x="3440" y="1289"/>
                    </a:lnTo>
                    <a:lnTo>
                      <a:pt x="3449" y="1295"/>
                    </a:lnTo>
                    <a:lnTo>
                      <a:pt x="3458" y="1302"/>
                    </a:lnTo>
                    <a:lnTo>
                      <a:pt x="3468" y="1307"/>
                    </a:lnTo>
                    <a:lnTo>
                      <a:pt x="3479" y="1312"/>
                    </a:lnTo>
                    <a:lnTo>
                      <a:pt x="3501" y="1322"/>
                    </a:lnTo>
                    <a:lnTo>
                      <a:pt x="3521" y="1331"/>
                    </a:lnTo>
                    <a:lnTo>
                      <a:pt x="3543" y="1346"/>
                    </a:lnTo>
                    <a:lnTo>
                      <a:pt x="3564" y="1360"/>
                    </a:lnTo>
                    <a:lnTo>
                      <a:pt x="3575" y="1368"/>
                    </a:lnTo>
                    <a:lnTo>
                      <a:pt x="3585" y="1373"/>
                    </a:lnTo>
                    <a:lnTo>
                      <a:pt x="3597" y="1378"/>
                    </a:lnTo>
                    <a:lnTo>
                      <a:pt x="3610" y="1382"/>
                    </a:lnTo>
                    <a:lnTo>
                      <a:pt x="3616" y="1383"/>
                    </a:lnTo>
                    <a:lnTo>
                      <a:pt x="3621" y="1386"/>
                    </a:lnTo>
                    <a:lnTo>
                      <a:pt x="3625" y="1388"/>
                    </a:lnTo>
                    <a:lnTo>
                      <a:pt x="3629" y="1392"/>
                    </a:lnTo>
                    <a:lnTo>
                      <a:pt x="3635" y="1400"/>
                    </a:lnTo>
                    <a:lnTo>
                      <a:pt x="3639" y="1409"/>
                    </a:lnTo>
                    <a:lnTo>
                      <a:pt x="3646" y="1430"/>
                    </a:lnTo>
                    <a:lnTo>
                      <a:pt x="3652" y="1452"/>
                    </a:lnTo>
                    <a:lnTo>
                      <a:pt x="3652" y="1452"/>
                    </a:lnTo>
                    <a:lnTo>
                      <a:pt x="3645" y="1461"/>
                    </a:lnTo>
                    <a:lnTo>
                      <a:pt x="3637" y="1470"/>
                    </a:lnTo>
                    <a:lnTo>
                      <a:pt x="3633" y="1475"/>
                    </a:lnTo>
                    <a:lnTo>
                      <a:pt x="3630" y="1480"/>
                    </a:lnTo>
                    <a:lnTo>
                      <a:pt x="3629" y="1486"/>
                    </a:lnTo>
                    <a:lnTo>
                      <a:pt x="3628" y="1492"/>
                    </a:lnTo>
                    <a:lnTo>
                      <a:pt x="3628" y="1504"/>
                    </a:lnTo>
                    <a:lnTo>
                      <a:pt x="3628" y="1517"/>
                    </a:lnTo>
                    <a:lnTo>
                      <a:pt x="3629" y="1530"/>
                    </a:lnTo>
                    <a:lnTo>
                      <a:pt x="3632" y="1541"/>
                    </a:lnTo>
                    <a:lnTo>
                      <a:pt x="3633" y="1546"/>
                    </a:lnTo>
                    <a:lnTo>
                      <a:pt x="3635" y="1553"/>
                    </a:lnTo>
                    <a:lnTo>
                      <a:pt x="3638" y="1557"/>
                    </a:lnTo>
                    <a:lnTo>
                      <a:pt x="3642" y="1562"/>
                    </a:lnTo>
                    <a:lnTo>
                      <a:pt x="3646" y="1566"/>
                    </a:lnTo>
                    <a:lnTo>
                      <a:pt x="3651" y="1570"/>
                    </a:lnTo>
                    <a:lnTo>
                      <a:pt x="3658" y="1572"/>
                    </a:lnTo>
                    <a:lnTo>
                      <a:pt x="3664" y="1575"/>
                    </a:lnTo>
                    <a:lnTo>
                      <a:pt x="3670" y="1576"/>
                    </a:lnTo>
                    <a:lnTo>
                      <a:pt x="3677" y="1576"/>
                    </a:lnTo>
                    <a:lnTo>
                      <a:pt x="3685" y="1575"/>
                    </a:lnTo>
                    <a:lnTo>
                      <a:pt x="3692" y="1572"/>
                    </a:lnTo>
                    <a:lnTo>
                      <a:pt x="3708" y="1566"/>
                    </a:lnTo>
                    <a:lnTo>
                      <a:pt x="3721" y="1561"/>
                    </a:lnTo>
                    <a:lnTo>
                      <a:pt x="3733" y="1556"/>
                    </a:lnTo>
                    <a:lnTo>
                      <a:pt x="3744" y="1552"/>
                    </a:lnTo>
                    <a:lnTo>
                      <a:pt x="3757" y="1550"/>
                    </a:lnTo>
                    <a:lnTo>
                      <a:pt x="3770" y="1550"/>
                    </a:lnTo>
                    <a:lnTo>
                      <a:pt x="3770" y="1550"/>
                    </a:lnTo>
                    <a:lnTo>
                      <a:pt x="3790" y="1579"/>
                    </a:lnTo>
                    <a:lnTo>
                      <a:pt x="3808" y="1606"/>
                    </a:lnTo>
                    <a:lnTo>
                      <a:pt x="3813" y="1611"/>
                    </a:lnTo>
                    <a:lnTo>
                      <a:pt x="3819" y="1618"/>
                    </a:lnTo>
                    <a:lnTo>
                      <a:pt x="3825" y="1622"/>
                    </a:lnTo>
                    <a:lnTo>
                      <a:pt x="3832" y="1626"/>
                    </a:lnTo>
                    <a:lnTo>
                      <a:pt x="3839" y="1628"/>
                    </a:lnTo>
                    <a:lnTo>
                      <a:pt x="3848" y="1631"/>
                    </a:lnTo>
                    <a:lnTo>
                      <a:pt x="3857" y="1632"/>
                    </a:lnTo>
                    <a:lnTo>
                      <a:pt x="3866" y="1631"/>
                    </a:lnTo>
                    <a:lnTo>
                      <a:pt x="3892" y="1628"/>
                    </a:lnTo>
                    <a:lnTo>
                      <a:pt x="3917" y="1627"/>
                    </a:lnTo>
                    <a:lnTo>
                      <a:pt x="3928" y="1628"/>
                    </a:lnTo>
                    <a:lnTo>
                      <a:pt x="3939" y="1629"/>
                    </a:lnTo>
                    <a:lnTo>
                      <a:pt x="3952" y="1633"/>
                    </a:lnTo>
                    <a:lnTo>
                      <a:pt x="3963" y="1640"/>
                    </a:lnTo>
                    <a:lnTo>
                      <a:pt x="3976" y="1649"/>
                    </a:lnTo>
                    <a:lnTo>
                      <a:pt x="3987" y="1659"/>
                    </a:lnTo>
                    <a:lnTo>
                      <a:pt x="3992" y="1664"/>
                    </a:lnTo>
                    <a:lnTo>
                      <a:pt x="3998" y="1668"/>
                    </a:lnTo>
                    <a:lnTo>
                      <a:pt x="4005" y="1671"/>
                    </a:lnTo>
                    <a:lnTo>
                      <a:pt x="4014" y="1673"/>
                    </a:lnTo>
                    <a:lnTo>
                      <a:pt x="4027" y="1675"/>
                    </a:lnTo>
                    <a:lnTo>
                      <a:pt x="4038" y="1673"/>
                    </a:lnTo>
                    <a:lnTo>
                      <a:pt x="4053" y="1672"/>
                    </a:lnTo>
                    <a:lnTo>
                      <a:pt x="4066" y="1670"/>
                    </a:lnTo>
                    <a:lnTo>
                      <a:pt x="4079" y="1667"/>
                    </a:lnTo>
                    <a:lnTo>
                      <a:pt x="4093" y="1666"/>
                    </a:lnTo>
                    <a:lnTo>
                      <a:pt x="4106" y="1664"/>
                    </a:lnTo>
                    <a:lnTo>
                      <a:pt x="4119" y="1666"/>
                    </a:lnTo>
                    <a:lnTo>
                      <a:pt x="4133" y="1668"/>
                    </a:lnTo>
                    <a:lnTo>
                      <a:pt x="4148" y="1672"/>
                    </a:lnTo>
                    <a:lnTo>
                      <a:pt x="4163" y="1677"/>
                    </a:lnTo>
                    <a:lnTo>
                      <a:pt x="4178" y="1683"/>
                    </a:lnTo>
                    <a:lnTo>
                      <a:pt x="4208" y="1695"/>
                    </a:lnTo>
                    <a:lnTo>
                      <a:pt x="4235" y="1706"/>
                    </a:lnTo>
                    <a:lnTo>
                      <a:pt x="4235" y="1706"/>
                    </a:lnTo>
                    <a:lnTo>
                      <a:pt x="4237" y="1717"/>
                    </a:lnTo>
                    <a:lnTo>
                      <a:pt x="4238" y="1728"/>
                    </a:lnTo>
                    <a:lnTo>
                      <a:pt x="4243" y="1742"/>
                    </a:lnTo>
                    <a:lnTo>
                      <a:pt x="4252" y="1758"/>
                    </a:lnTo>
                    <a:lnTo>
                      <a:pt x="4256" y="1765"/>
                    </a:lnTo>
                    <a:lnTo>
                      <a:pt x="4259" y="1774"/>
                    </a:lnTo>
                    <a:lnTo>
                      <a:pt x="4261" y="1782"/>
                    </a:lnTo>
                    <a:lnTo>
                      <a:pt x="4263" y="1790"/>
                    </a:lnTo>
                    <a:lnTo>
                      <a:pt x="4261" y="1790"/>
                    </a:lnTo>
                    <a:lnTo>
                      <a:pt x="4250" y="1787"/>
                    </a:lnTo>
                    <a:lnTo>
                      <a:pt x="4231" y="1782"/>
                    </a:lnTo>
                    <a:lnTo>
                      <a:pt x="4222" y="1781"/>
                    </a:lnTo>
                    <a:lnTo>
                      <a:pt x="4215" y="1782"/>
                    </a:lnTo>
                    <a:lnTo>
                      <a:pt x="4212" y="1784"/>
                    </a:lnTo>
                    <a:lnTo>
                      <a:pt x="4209" y="1785"/>
                    </a:lnTo>
                    <a:lnTo>
                      <a:pt x="4208" y="1787"/>
                    </a:lnTo>
                    <a:lnTo>
                      <a:pt x="4208" y="1791"/>
                    </a:lnTo>
                    <a:lnTo>
                      <a:pt x="4208" y="1808"/>
                    </a:lnTo>
                    <a:lnTo>
                      <a:pt x="4209" y="1825"/>
                    </a:lnTo>
                    <a:lnTo>
                      <a:pt x="4213" y="1842"/>
                    </a:lnTo>
                    <a:lnTo>
                      <a:pt x="4218" y="1856"/>
                    </a:lnTo>
                    <a:lnTo>
                      <a:pt x="4222" y="1865"/>
                    </a:lnTo>
                    <a:lnTo>
                      <a:pt x="4225" y="1874"/>
                    </a:lnTo>
                    <a:lnTo>
                      <a:pt x="4228" y="1883"/>
                    </a:lnTo>
                    <a:lnTo>
                      <a:pt x="4229" y="1891"/>
                    </a:lnTo>
                    <a:lnTo>
                      <a:pt x="4230" y="1900"/>
                    </a:lnTo>
                    <a:lnTo>
                      <a:pt x="4230" y="1908"/>
                    </a:lnTo>
                    <a:lnTo>
                      <a:pt x="4229" y="1916"/>
                    </a:lnTo>
                    <a:lnTo>
                      <a:pt x="4228" y="1923"/>
                    </a:lnTo>
                    <a:lnTo>
                      <a:pt x="4225" y="1931"/>
                    </a:lnTo>
                    <a:lnTo>
                      <a:pt x="4221" y="1938"/>
                    </a:lnTo>
                    <a:lnTo>
                      <a:pt x="4216" y="1943"/>
                    </a:lnTo>
                    <a:lnTo>
                      <a:pt x="4211" y="1948"/>
                    </a:lnTo>
                    <a:lnTo>
                      <a:pt x="4204" y="1953"/>
                    </a:lnTo>
                    <a:lnTo>
                      <a:pt x="4196" y="1957"/>
                    </a:lnTo>
                    <a:lnTo>
                      <a:pt x="4187" y="1960"/>
                    </a:lnTo>
                    <a:lnTo>
                      <a:pt x="4177" y="1961"/>
                    </a:lnTo>
                    <a:lnTo>
                      <a:pt x="4169" y="1962"/>
                    </a:lnTo>
                    <a:lnTo>
                      <a:pt x="4161" y="1965"/>
                    </a:lnTo>
                    <a:lnTo>
                      <a:pt x="4154" y="1968"/>
                    </a:lnTo>
                    <a:lnTo>
                      <a:pt x="4146" y="1971"/>
                    </a:lnTo>
                    <a:lnTo>
                      <a:pt x="4130" y="1980"/>
                    </a:lnTo>
                    <a:lnTo>
                      <a:pt x="4115" y="1991"/>
                    </a:lnTo>
                    <a:lnTo>
                      <a:pt x="4098" y="2002"/>
                    </a:lnTo>
                    <a:lnTo>
                      <a:pt x="4082" y="2012"/>
                    </a:lnTo>
                    <a:lnTo>
                      <a:pt x="4064" y="2021"/>
                    </a:lnTo>
                    <a:lnTo>
                      <a:pt x="4047" y="2027"/>
                    </a:lnTo>
                    <a:lnTo>
                      <a:pt x="4023" y="2031"/>
                    </a:lnTo>
                    <a:lnTo>
                      <a:pt x="3994" y="2035"/>
                    </a:lnTo>
                    <a:lnTo>
                      <a:pt x="3962" y="2039"/>
                    </a:lnTo>
                    <a:lnTo>
                      <a:pt x="3930" y="2043"/>
                    </a:lnTo>
                    <a:lnTo>
                      <a:pt x="3913" y="2045"/>
                    </a:lnTo>
                    <a:lnTo>
                      <a:pt x="3897" y="2048"/>
                    </a:lnTo>
                    <a:lnTo>
                      <a:pt x="3883" y="2052"/>
                    </a:lnTo>
                    <a:lnTo>
                      <a:pt x="3869" y="2057"/>
                    </a:lnTo>
                    <a:lnTo>
                      <a:pt x="3856" y="2061"/>
                    </a:lnTo>
                    <a:lnTo>
                      <a:pt x="3844" y="2067"/>
                    </a:lnTo>
                    <a:lnTo>
                      <a:pt x="3835" y="2074"/>
                    </a:lnTo>
                    <a:lnTo>
                      <a:pt x="3827" y="2082"/>
                    </a:lnTo>
                    <a:lnTo>
                      <a:pt x="3819" y="2091"/>
                    </a:lnTo>
                    <a:lnTo>
                      <a:pt x="3810" y="2101"/>
                    </a:lnTo>
                    <a:lnTo>
                      <a:pt x="3800" y="2111"/>
                    </a:lnTo>
                    <a:lnTo>
                      <a:pt x="3788" y="2120"/>
                    </a:lnTo>
                    <a:lnTo>
                      <a:pt x="3778" y="2129"/>
                    </a:lnTo>
                    <a:lnTo>
                      <a:pt x="3765" y="2137"/>
                    </a:lnTo>
                    <a:lnTo>
                      <a:pt x="3753" y="2142"/>
                    </a:lnTo>
                    <a:lnTo>
                      <a:pt x="3742" y="2145"/>
                    </a:lnTo>
                    <a:lnTo>
                      <a:pt x="3707" y="2149"/>
                    </a:lnTo>
                    <a:lnTo>
                      <a:pt x="3670" y="2153"/>
                    </a:lnTo>
                    <a:lnTo>
                      <a:pt x="3634" y="2154"/>
                    </a:lnTo>
                    <a:lnTo>
                      <a:pt x="3598" y="2153"/>
                    </a:lnTo>
                    <a:lnTo>
                      <a:pt x="3573" y="2153"/>
                    </a:lnTo>
                    <a:lnTo>
                      <a:pt x="3538" y="2151"/>
                    </a:lnTo>
                    <a:lnTo>
                      <a:pt x="3498" y="2150"/>
                    </a:lnTo>
                    <a:lnTo>
                      <a:pt x="3454" y="2150"/>
                    </a:lnTo>
                    <a:lnTo>
                      <a:pt x="3411" y="2150"/>
                    </a:lnTo>
                    <a:lnTo>
                      <a:pt x="3374" y="2154"/>
                    </a:lnTo>
                    <a:lnTo>
                      <a:pt x="3357" y="2157"/>
                    </a:lnTo>
                    <a:lnTo>
                      <a:pt x="3343" y="2159"/>
                    </a:lnTo>
                    <a:lnTo>
                      <a:pt x="3331" y="2164"/>
                    </a:lnTo>
                    <a:lnTo>
                      <a:pt x="3323" y="2170"/>
                    </a:lnTo>
                    <a:lnTo>
                      <a:pt x="3312" y="2177"/>
                    </a:lnTo>
                    <a:lnTo>
                      <a:pt x="3292" y="2190"/>
                    </a:lnTo>
                    <a:lnTo>
                      <a:pt x="3270" y="2205"/>
                    </a:lnTo>
                    <a:lnTo>
                      <a:pt x="3248" y="2220"/>
                    </a:lnTo>
                    <a:lnTo>
                      <a:pt x="3239" y="2228"/>
                    </a:lnTo>
                    <a:lnTo>
                      <a:pt x="3230" y="2236"/>
                    </a:lnTo>
                    <a:lnTo>
                      <a:pt x="3224" y="2245"/>
                    </a:lnTo>
                    <a:lnTo>
                      <a:pt x="3220" y="2252"/>
                    </a:lnTo>
                    <a:lnTo>
                      <a:pt x="3218" y="2256"/>
                    </a:lnTo>
                    <a:lnTo>
                      <a:pt x="3217" y="2259"/>
                    </a:lnTo>
                    <a:lnTo>
                      <a:pt x="3218" y="2263"/>
                    </a:lnTo>
                    <a:lnTo>
                      <a:pt x="3218" y="2267"/>
                    </a:lnTo>
                    <a:lnTo>
                      <a:pt x="3221" y="2269"/>
                    </a:lnTo>
                    <a:lnTo>
                      <a:pt x="3224" y="2273"/>
                    </a:lnTo>
                    <a:lnTo>
                      <a:pt x="3227" y="2276"/>
                    </a:lnTo>
                    <a:lnTo>
                      <a:pt x="3233" y="2278"/>
                    </a:lnTo>
                    <a:lnTo>
                      <a:pt x="3258" y="2290"/>
                    </a:lnTo>
                    <a:lnTo>
                      <a:pt x="3266" y="2295"/>
                    </a:lnTo>
                    <a:lnTo>
                      <a:pt x="3258" y="2303"/>
                    </a:lnTo>
                    <a:lnTo>
                      <a:pt x="3234" y="2324"/>
                    </a:lnTo>
                    <a:lnTo>
                      <a:pt x="3225" y="2333"/>
                    </a:lnTo>
                    <a:lnTo>
                      <a:pt x="3213" y="2343"/>
                    </a:lnTo>
                    <a:lnTo>
                      <a:pt x="3208" y="2348"/>
                    </a:lnTo>
                    <a:lnTo>
                      <a:pt x="3201" y="2351"/>
                    </a:lnTo>
                    <a:lnTo>
                      <a:pt x="3195" y="2352"/>
                    </a:lnTo>
                    <a:lnTo>
                      <a:pt x="3187" y="2351"/>
                    </a:lnTo>
                    <a:lnTo>
                      <a:pt x="3187" y="2335"/>
                    </a:lnTo>
                    <a:lnTo>
                      <a:pt x="3186" y="2324"/>
                    </a:lnTo>
                    <a:lnTo>
                      <a:pt x="3185" y="2315"/>
                    </a:lnTo>
                    <a:lnTo>
                      <a:pt x="3182" y="2308"/>
                    </a:lnTo>
                    <a:lnTo>
                      <a:pt x="3179" y="2306"/>
                    </a:lnTo>
                    <a:lnTo>
                      <a:pt x="3176" y="2304"/>
                    </a:lnTo>
                    <a:lnTo>
                      <a:pt x="3172" y="2306"/>
                    </a:lnTo>
                    <a:lnTo>
                      <a:pt x="3167" y="2309"/>
                    </a:lnTo>
                    <a:lnTo>
                      <a:pt x="3156" y="2321"/>
                    </a:lnTo>
                    <a:lnTo>
                      <a:pt x="3143" y="2337"/>
                    </a:lnTo>
                    <a:lnTo>
                      <a:pt x="3128" y="2355"/>
                    </a:lnTo>
                    <a:lnTo>
                      <a:pt x="3111" y="2373"/>
                    </a:lnTo>
                    <a:lnTo>
                      <a:pt x="2896" y="2574"/>
                    </a:lnTo>
                    <a:lnTo>
                      <a:pt x="2881" y="2588"/>
                    </a:lnTo>
                    <a:lnTo>
                      <a:pt x="2866" y="2606"/>
                    </a:lnTo>
                    <a:lnTo>
                      <a:pt x="2850" y="2626"/>
                    </a:lnTo>
                    <a:lnTo>
                      <a:pt x="2834" y="2646"/>
                    </a:lnTo>
                    <a:lnTo>
                      <a:pt x="2818" y="2666"/>
                    </a:lnTo>
                    <a:lnTo>
                      <a:pt x="2801" y="2684"/>
                    </a:lnTo>
                    <a:lnTo>
                      <a:pt x="2786" y="2699"/>
                    </a:lnTo>
                    <a:lnTo>
                      <a:pt x="2771" y="2710"/>
                    </a:lnTo>
                    <a:lnTo>
                      <a:pt x="2761" y="2720"/>
                    </a:lnTo>
                    <a:lnTo>
                      <a:pt x="2753" y="2732"/>
                    </a:lnTo>
                    <a:lnTo>
                      <a:pt x="2747" y="2743"/>
                    </a:lnTo>
                    <a:lnTo>
                      <a:pt x="2742" y="2756"/>
                    </a:lnTo>
                    <a:lnTo>
                      <a:pt x="2739" y="2771"/>
                    </a:lnTo>
                    <a:lnTo>
                      <a:pt x="2738" y="2785"/>
                    </a:lnTo>
                    <a:lnTo>
                      <a:pt x="2736" y="2799"/>
                    </a:lnTo>
                    <a:lnTo>
                      <a:pt x="2738" y="2815"/>
                    </a:lnTo>
                    <a:lnTo>
                      <a:pt x="2742" y="2846"/>
                    </a:lnTo>
                    <a:lnTo>
                      <a:pt x="2748" y="2876"/>
                    </a:lnTo>
                    <a:lnTo>
                      <a:pt x="2756" y="2904"/>
                    </a:lnTo>
                    <a:lnTo>
                      <a:pt x="2761" y="2930"/>
                    </a:lnTo>
                    <a:lnTo>
                      <a:pt x="2766" y="2952"/>
                    </a:lnTo>
                    <a:lnTo>
                      <a:pt x="2771" y="2977"/>
                    </a:lnTo>
                    <a:lnTo>
                      <a:pt x="2779" y="3001"/>
                    </a:lnTo>
                    <a:lnTo>
                      <a:pt x="2788" y="3025"/>
                    </a:lnTo>
                    <a:lnTo>
                      <a:pt x="2793" y="3036"/>
                    </a:lnTo>
                    <a:lnTo>
                      <a:pt x="2800" y="3047"/>
                    </a:lnTo>
                    <a:lnTo>
                      <a:pt x="2808" y="3057"/>
                    </a:lnTo>
                    <a:lnTo>
                      <a:pt x="2815" y="3066"/>
                    </a:lnTo>
                    <a:lnTo>
                      <a:pt x="2824" y="3074"/>
                    </a:lnTo>
                    <a:lnTo>
                      <a:pt x="2834" y="3080"/>
                    </a:lnTo>
                    <a:lnTo>
                      <a:pt x="2844" y="3087"/>
                    </a:lnTo>
                    <a:lnTo>
                      <a:pt x="2857" y="3089"/>
                    </a:lnTo>
                    <a:lnTo>
                      <a:pt x="2857" y="3107"/>
                    </a:lnTo>
                    <a:lnTo>
                      <a:pt x="2856" y="3123"/>
                    </a:lnTo>
                    <a:lnTo>
                      <a:pt x="2854" y="3136"/>
                    </a:lnTo>
                    <a:lnTo>
                      <a:pt x="2852" y="3146"/>
                    </a:lnTo>
                    <a:lnTo>
                      <a:pt x="2849" y="3152"/>
                    </a:lnTo>
                    <a:lnTo>
                      <a:pt x="2847" y="3155"/>
                    </a:lnTo>
                    <a:lnTo>
                      <a:pt x="2841" y="3159"/>
                    </a:lnTo>
                    <a:lnTo>
                      <a:pt x="2837" y="3162"/>
                    </a:lnTo>
                    <a:lnTo>
                      <a:pt x="2831" y="3164"/>
                    </a:lnTo>
                    <a:lnTo>
                      <a:pt x="2823" y="3166"/>
                    </a:lnTo>
                    <a:lnTo>
                      <a:pt x="2815" y="3167"/>
                    </a:lnTo>
                    <a:lnTo>
                      <a:pt x="2806" y="3167"/>
                    </a:lnTo>
                    <a:lnTo>
                      <a:pt x="2796" y="3168"/>
                    </a:lnTo>
                    <a:lnTo>
                      <a:pt x="2787" y="3170"/>
                    </a:lnTo>
                    <a:lnTo>
                      <a:pt x="2779" y="3174"/>
                    </a:lnTo>
                    <a:lnTo>
                      <a:pt x="2771" y="3179"/>
                    </a:lnTo>
                    <a:lnTo>
                      <a:pt x="2758" y="3189"/>
                    </a:lnTo>
                    <a:lnTo>
                      <a:pt x="2745" y="3202"/>
                    </a:lnTo>
                    <a:lnTo>
                      <a:pt x="2733" y="3215"/>
                    </a:lnTo>
                    <a:lnTo>
                      <a:pt x="2718" y="3227"/>
                    </a:lnTo>
                    <a:lnTo>
                      <a:pt x="2710" y="3231"/>
                    </a:lnTo>
                    <a:lnTo>
                      <a:pt x="2701" y="3233"/>
                    </a:lnTo>
                    <a:lnTo>
                      <a:pt x="2691" y="3234"/>
                    </a:lnTo>
                    <a:lnTo>
                      <a:pt x="2679" y="3234"/>
                    </a:lnTo>
                    <a:lnTo>
                      <a:pt x="2668" y="3236"/>
                    </a:lnTo>
                    <a:lnTo>
                      <a:pt x="2655" y="3236"/>
                    </a:lnTo>
                    <a:lnTo>
                      <a:pt x="2644" y="3238"/>
                    </a:lnTo>
                    <a:lnTo>
                      <a:pt x="2633" y="3241"/>
                    </a:lnTo>
                    <a:lnTo>
                      <a:pt x="2611" y="3246"/>
                    </a:lnTo>
                    <a:lnTo>
                      <a:pt x="2590" y="3255"/>
                    </a:lnTo>
                    <a:lnTo>
                      <a:pt x="2571" y="3266"/>
                    </a:lnTo>
                    <a:lnTo>
                      <a:pt x="2551" y="3277"/>
                    </a:lnTo>
                    <a:lnTo>
                      <a:pt x="2533" y="3291"/>
                    </a:lnTo>
                    <a:lnTo>
                      <a:pt x="2515" y="3306"/>
                    </a:lnTo>
                    <a:lnTo>
                      <a:pt x="2505" y="3317"/>
                    </a:lnTo>
                    <a:lnTo>
                      <a:pt x="2495" y="3329"/>
                    </a:lnTo>
                    <a:lnTo>
                      <a:pt x="2486" y="3342"/>
                    </a:lnTo>
                    <a:lnTo>
                      <a:pt x="2477" y="3355"/>
                    </a:lnTo>
                    <a:lnTo>
                      <a:pt x="2468" y="3367"/>
                    </a:lnTo>
                    <a:lnTo>
                      <a:pt x="2458" y="3374"/>
                    </a:lnTo>
                    <a:lnTo>
                      <a:pt x="2451" y="3378"/>
                    </a:lnTo>
                    <a:lnTo>
                      <a:pt x="2446" y="3380"/>
                    </a:lnTo>
                    <a:lnTo>
                      <a:pt x="2440" y="3381"/>
                    </a:lnTo>
                    <a:lnTo>
                      <a:pt x="2432" y="3380"/>
                    </a:lnTo>
                    <a:lnTo>
                      <a:pt x="2428" y="3380"/>
                    </a:lnTo>
                    <a:lnTo>
                      <a:pt x="2423" y="3381"/>
                    </a:lnTo>
                    <a:lnTo>
                      <a:pt x="2419" y="3382"/>
                    </a:lnTo>
                    <a:lnTo>
                      <a:pt x="2414" y="3385"/>
                    </a:lnTo>
                    <a:lnTo>
                      <a:pt x="2406" y="3392"/>
                    </a:lnTo>
                    <a:lnTo>
                      <a:pt x="2400" y="3403"/>
                    </a:lnTo>
                    <a:lnTo>
                      <a:pt x="2393" y="3413"/>
                    </a:lnTo>
                    <a:lnTo>
                      <a:pt x="2388" y="3424"/>
                    </a:lnTo>
                    <a:lnTo>
                      <a:pt x="2385" y="3434"/>
                    </a:lnTo>
                    <a:lnTo>
                      <a:pt x="2383" y="3443"/>
                    </a:lnTo>
                    <a:lnTo>
                      <a:pt x="2383" y="3451"/>
                    </a:lnTo>
                    <a:lnTo>
                      <a:pt x="2383" y="3457"/>
                    </a:lnTo>
                    <a:lnTo>
                      <a:pt x="2384" y="3464"/>
                    </a:lnTo>
                    <a:lnTo>
                      <a:pt x="2385" y="3469"/>
                    </a:lnTo>
                    <a:lnTo>
                      <a:pt x="2388" y="3475"/>
                    </a:lnTo>
                    <a:lnTo>
                      <a:pt x="2392" y="3481"/>
                    </a:lnTo>
                    <a:lnTo>
                      <a:pt x="2396" y="3484"/>
                    </a:lnTo>
                    <a:lnTo>
                      <a:pt x="2400" y="3490"/>
                    </a:lnTo>
                    <a:lnTo>
                      <a:pt x="2410" y="3497"/>
                    </a:lnTo>
                    <a:lnTo>
                      <a:pt x="2422" y="3504"/>
                    </a:lnTo>
                    <a:lnTo>
                      <a:pt x="2433" y="3509"/>
                    </a:lnTo>
                    <a:lnTo>
                      <a:pt x="2445" y="3513"/>
                    </a:lnTo>
                    <a:lnTo>
                      <a:pt x="2444" y="3516"/>
                    </a:lnTo>
                    <a:lnTo>
                      <a:pt x="2442" y="3517"/>
                    </a:lnTo>
                    <a:lnTo>
                      <a:pt x="2438" y="3519"/>
                    </a:lnTo>
                    <a:lnTo>
                      <a:pt x="2435" y="3521"/>
                    </a:lnTo>
                    <a:lnTo>
                      <a:pt x="2423" y="3523"/>
                    </a:lnTo>
                    <a:lnTo>
                      <a:pt x="2410" y="3525"/>
                    </a:lnTo>
                    <a:lnTo>
                      <a:pt x="2383" y="3525"/>
                    </a:lnTo>
                    <a:lnTo>
                      <a:pt x="2366" y="3525"/>
                    </a:lnTo>
                    <a:lnTo>
                      <a:pt x="2253" y="3512"/>
                    </a:lnTo>
                    <a:lnTo>
                      <a:pt x="2238" y="3509"/>
                    </a:lnTo>
                    <a:lnTo>
                      <a:pt x="2222" y="3509"/>
                    </a:lnTo>
                    <a:lnTo>
                      <a:pt x="2209" y="3510"/>
                    </a:lnTo>
                    <a:lnTo>
                      <a:pt x="2197" y="3512"/>
                    </a:lnTo>
                    <a:lnTo>
                      <a:pt x="2175" y="3517"/>
                    </a:lnTo>
                    <a:lnTo>
                      <a:pt x="2155" y="3523"/>
                    </a:lnTo>
                    <a:lnTo>
                      <a:pt x="2135" y="3531"/>
                    </a:lnTo>
                    <a:lnTo>
                      <a:pt x="2116" y="3540"/>
                    </a:lnTo>
                    <a:lnTo>
                      <a:pt x="2093" y="3549"/>
                    </a:lnTo>
                    <a:lnTo>
                      <a:pt x="2065" y="3556"/>
                    </a:lnTo>
                    <a:lnTo>
                      <a:pt x="2055" y="3560"/>
                    </a:lnTo>
                    <a:lnTo>
                      <a:pt x="2042" y="3566"/>
                    </a:lnTo>
                    <a:lnTo>
                      <a:pt x="2028" y="3574"/>
                    </a:lnTo>
                    <a:lnTo>
                      <a:pt x="2012" y="3584"/>
                    </a:lnTo>
                    <a:lnTo>
                      <a:pt x="1984" y="3604"/>
                    </a:lnTo>
                    <a:lnTo>
                      <a:pt x="1962" y="3619"/>
                    </a:lnTo>
                    <a:lnTo>
                      <a:pt x="1951" y="3627"/>
                    </a:lnTo>
                    <a:lnTo>
                      <a:pt x="1944" y="3636"/>
                    </a:lnTo>
                    <a:lnTo>
                      <a:pt x="1937" y="3645"/>
                    </a:lnTo>
                    <a:lnTo>
                      <a:pt x="1932" y="3654"/>
                    </a:lnTo>
                    <a:lnTo>
                      <a:pt x="1925" y="3672"/>
                    </a:lnTo>
                    <a:lnTo>
                      <a:pt x="1919" y="3690"/>
                    </a:lnTo>
                    <a:lnTo>
                      <a:pt x="1916" y="3698"/>
                    </a:lnTo>
                    <a:lnTo>
                      <a:pt x="1912" y="3707"/>
                    </a:lnTo>
                    <a:lnTo>
                      <a:pt x="1909" y="3714"/>
                    </a:lnTo>
                    <a:lnTo>
                      <a:pt x="1903" y="3721"/>
                    </a:lnTo>
                    <a:lnTo>
                      <a:pt x="1897" y="3728"/>
                    </a:lnTo>
                    <a:lnTo>
                      <a:pt x="1889" y="3733"/>
                    </a:lnTo>
                    <a:lnTo>
                      <a:pt x="1880" y="3738"/>
                    </a:lnTo>
                    <a:lnTo>
                      <a:pt x="1868" y="3741"/>
                    </a:lnTo>
                    <a:lnTo>
                      <a:pt x="1858" y="3747"/>
                    </a:lnTo>
                    <a:lnTo>
                      <a:pt x="1849" y="3754"/>
                    </a:lnTo>
                    <a:lnTo>
                      <a:pt x="1840" y="3760"/>
                    </a:lnTo>
                    <a:lnTo>
                      <a:pt x="1832" y="3768"/>
                    </a:lnTo>
                    <a:lnTo>
                      <a:pt x="1817" y="3784"/>
                    </a:lnTo>
                    <a:lnTo>
                      <a:pt x="1804" y="3797"/>
                    </a:lnTo>
                    <a:lnTo>
                      <a:pt x="1798" y="3801"/>
                    </a:lnTo>
                    <a:lnTo>
                      <a:pt x="1792" y="3803"/>
                    </a:lnTo>
                    <a:lnTo>
                      <a:pt x="1787" y="3803"/>
                    </a:lnTo>
                    <a:lnTo>
                      <a:pt x="1782" y="3802"/>
                    </a:lnTo>
                    <a:lnTo>
                      <a:pt x="1775" y="3797"/>
                    </a:lnTo>
                    <a:lnTo>
                      <a:pt x="1770" y="3789"/>
                    </a:lnTo>
                    <a:lnTo>
                      <a:pt x="1765" y="3776"/>
                    </a:lnTo>
                    <a:lnTo>
                      <a:pt x="1760" y="3760"/>
                    </a:lnTo>
                    <a:lnTo>
                      <a:pt x="1754" y="3746"/>
                    </a:lnTo>
                    <a:lnTo>
                      <a:pt x="1749" y="3737"/>
                    </a:lnTo>
                    <a:lnTo>
                      <a:pt x="1744" y="3729"/>
                    </a:lnTo>
                    <a:lnTo>
                      <a:pt x="1739" y="3725"/>
                    </a:lnTo>
                    <a:lnTo>
                      <a:pt x="1734" y="3723"/>
                    </a:lnTo>
                    <a:lnTo>
                      <a:pt x="1727" y="3723"/>
                    </a:lnTo>
                    <a:lnTo>
                      <a:pt x="1722" y="3724"/>
                    </a:lnTo>
                    <a:lnTo>
                      <a:pt x="1716" y="3725"/>
                    </a:lnTo>
                    <a:lnTo>
                      <a:pt x="1705" y="3731"/>
                    </a:lnTo>
                    <a:lnTo>
                      <a:pt x="1694" y="3734"/>
                    </a:lnTo>
                    <a:lnTo>
                      <a:pt x="1688" y="3734"/>
                    </a:lnTo>
                    <a:lnTo>
                      <a:pt x="1683" y="3733"/>
                    </a:lnTo>
                    <a:lnTo>
                      <a:pt x="1678" y="3729"/>
                    </a:lnTo>
                    <a:lnTo>
                      <a:pt x="1673" y="3723"/>
                    </a:lnTo>
                    <a:lnTo>
                      <a:pt x="1669" y="3719"/>
                    </a:lnTo>
                    <a:lnTo>
                      <a:pt x="1665" y="3715"/>
                    </a:lnTo>
                    <a:lnTo>
                      <a:pt x="1661" y="3714"/>
                    </a:lnTo>
                    <a:lnTo>
                      <a:pt x="1656" y="3714"/>
                    </a:lnTo>
                    <a:lnTo>
                      <a:pt x="1652" y="3715"/>
                    </a:lnTo>
                    <a:lnTo>
                      <a:pt x="1647" y="3718"/>
                    </a:lnTo>
                    <a:lnTo>
                      <a:pt x="1642" y="3720"/>
                    </a:lnTo>
                    <a:lnTo>
                      <a:pt x="1638" y="3724"/>
                    </a:lnTo>
                    <a:lnTo>
                      <a:pt x="1620" y="3741"/>
                    </a:lnTo>
                    <a:lnTo>
                      <a:pt x="1605" y="3754"/>
                    </a:lnTo>
                    <a:lnTo>
                      <a:pt x="1596" y="3759"/>
                    </a:lnTo>
                    <a:lnTo>
                      <a:pt x="1587" y="3763"/>
                    </a:lnTo>
                    <a:lnTo>
                      <a:pt x="1580" y="3764"/>
                    </a:lnTo>
                    <a:lnTo>
                      <a:pt x="1573" y="3763"/>
                    </a:lnTo>
                    <a:lnTo>
                      <a:pt x="1568" y="3760"/>
                    </a:lnTo>
                    <a:lnTo>
                      <a:pt x="1563" y="3756"/>
                    </a:lnTo>
                    <a:lnTo>
                      <a:pt x="1557" y="3751"/>
                    </a:lnTo>
                    <a:lnTo>
                      <a:pt x="1554" y="3745"/>
                    </a:lnTo>
                    <a:lnTo>
                      <a:pt x="1547" y="3732"/>
                    </a:lnTo>
                    <a:lnTo>
                      <a:pt x="1541" y="3718"/>
                    </a:lnTo>
                    <a:lnTo>
                      <a:pt x="1537" y="3711"/>
                    </a:lnTo>
                    <a:lnTo>
                      <a:pt x="1534" y="3706"/>
                    </a:lnTo>
                    <a:lnTo>
                      <a:pt x="1530" y="3702"/>
                    </a:lnTo>
                    <a:lnTo>
                      <a:pt x="1528" y="3699"/>
                    </a:lnTo>
                    <a:lnTo>
                      <a:pt x="1520" y="3696"/>
                    </a:lnTo>
                    <a:lnTo>
                      <a:pt x="1512" y="3693"/>
                    </a:lnTo>
                    <a:lnTo>
                      <a:pt x="1503" y="3692"/>
                    </a:lnTo>
                    <a:lnTo>
                      <a:pt x="1495" y="3690"/>
                    </a:lnTo>
                    <a:lnTo>
                      <a:pt x="1486" y="3689"/>
                    </a:lnTo>
                    <a:lnTo>
                      <a:pt x="1478" y="3688"/>
                    </a:lnTo>
                    <a:lnTo>
                      <a:pt x="1471" y="3684"/>
                    </a:lnTo>
                    <a:lnTo>
                      <a:pt x="1463" y="3680"/>
                    </a:lnTo>
                    <a:lnTo>
                      <a:pt x="1455" y="3675"/>
                    </a:lnTo>
                    <a:lnTo>
                      <a:pt x="1449" y="3672"/>
                    </a:lnTo>
                    <a:lnTo>
                      <a:pt x="1442" y="3670"/>
                    </a:lnTo>
                    <a:lnTo>
                      <a:pt x="1438" y="3668"/>
                    </a:lnTo>
                    <a:lnTo>
                      <a:pt x="1433" y="3668"/>
                    </a:lnTo>
                    <a:lnTo>
                      <a:pt x="1429" y="3668"/>
                    </a:lnTo>
                    <a:lnTo>
                      <a:pt x="1427" y="3670"/>
                    </a:lnTo>
                    <a:lnTo>
                      <a:pt x="1423" y="3671"/>
                    </a:lnTo>
                    <a:lnTo>
                      <a:pt x="1416" y="3675"/>
                    </a:lnTo>
                    <a:lnTo>
                      <a:pt x="1410" y="3679"/>
                    </a:lnTo>
                    <a:lnTo>
                      <a:pt x="1402" y="3683"/>
                    </a:lnTo>
                    <a:lnTo>
                      <a:pt x="1390" y="3684"/>
                    </a:lnTo>
                    <a:lnTo>
                      <a:pt x="1377" y="3683"/>
                    </a:lnTo>
                    <a:lnTo>
                      <a:pt x="1364" y="3683"/>
                    </a:lnTo>
                    <a:lnTo>
                      <a:pt x="1353" y="3680"/>
                    </a:lnTo>
                    <a:lnTo>
                      <a:pt x="1340" y="3677"/>
                    </a:lnTo>
                    <a:lnTo>
                      <a:pt x="1328" y="3674"/>
                    </a:lnTo>
                    <a:lnTo>
                      <a:pt x="1318" y="3667"/>
                    </a:lnTo>
                    <a:lnTo>
                      <a:pt x="1307" y="3659"/>
                    </a:lnTo>
                    <a:lnTo>
                      <a:pt x="1298" y="3650"/>
                    </a:lnTo>
                    <a:lnTo>
                      <a:pt x="1292" y="3644"/>
                    </a:lnTo>
                    <a:lnTo>
                      <a:pt x="1285" y="3639"/>
                    </a:lnTo>
                    <a:lnTo>
                      <a:pt x="1278" y="3635"/>
                    </a:lnTo>
                    <a:lnTo>
                      <a:pt x="1270" y="3632"/>
                    </a:lnTo>
                    <a:lnTo>
                      <a:pt x="1254" y="3628"/>
                    </a:lnTo>
                    <a:lnTo>
                      <a:pt x="1236" y="3626"/>
                    </a:lnTo>
                    <a:lnTo>
                      <a:pt x="1219" y="3624"/>
                    </a:lnTo>
                    <a:lnTo>
                      <a:pt x="1204" y="3620"/>
                    </a:lnTo>
                    <a:lnTo>
                      <a:pt x="1196" y="3618"/>
                    </a:lnTo>
                    <a:lnTo>
                      <a:pt x="1188" y="3614"/>
                    </a:lnTo>
                    <a:lnTo>
                      <a:pt x="1181" y="3609"/>
                    </a:lnTo>
                    <a:lnTo>
                      <a:pt x="1174" y="3604"/>
                    </a:lnTo>
                    <a:lnTo>
                      <a:pt x="1170" y="3600"/>
                    </a:lnTo>
                    <a:lnTo>
                      <a:pt x="1166" y="3597"/>
                    </a:lnTo>
                    <a:lnTo>
                      <a:pt x="1162" y="3595"/>
                    </a:lnTo>
                    <a:lnTo>
                      <a:pt x="1157" y="3592"/>
                    </a:lnTo>
                    <a:lnTo>
                      <a:pt x="1147" y="3589"/>
                    </a:lnTo>
                    <a:lnTo>
                      <a:pt x="1135" y="3588"/>
                    </a:lnTo>
                    <a:lnTo>
                      <a:pt x="1125" y="3587"/>
                    </a:lnTo>
                    <a:lnTo>
                      <a:pt x="1113" y="3584"/>
                    </a:lnTo>
                    <a:lnTo>
                      <a:pt x="1103" y="3582"/>
                    </a:lnTo>
                    <a:lnTo>
                      <a:pt x="1094" y="3576"/>
                    </a:lnTo>
                    <a:lnTo>
                      <a:pt x="1076" y="3567"/>
                    </a:lnTo>
                    <a:lnTo>
                      <a:pt x="1054" y="3558"/>
                    </a:lnTo>
                    <a:lnTo>
                      <a:pt x="1030" y="3551"/>
                    </a:lnTo>
                    <a:lnTo>
                      <a:pt x="1006" y="3545"/>
                    </a:lnTo>
                    <a:lnTo>
                      <a:pt x="994" y="3544"/>
                    </a:lnTo>
                    <a:lnTo>
                      <a:pt x="981" y="3543"/>
                    </a:lnTo>
                    <a:lnTo>
                      <a:pt x="969" y="3544"/>
                    </a:lnTo>
                    <a:lnTo>
                      <a:pt x="958" y="3545"/>
                    </a:lnTo>
                    <a:lnTo>
                      <a:pt x="947" y="3547"/>
                    </a:lnTo>
                    <a:lnTo>
                      <a:pt x="936" y="3551"/>
                    </a:lnTo>
                    <a:lnTo>
                      <a:pt x="925" y="3556"/>
                    </a:lnTo>
                    <a:lnTo>
                      <a:pt x="916" y="3562"/>
                    </a:lnTo>
                    <a:lnTo>
                      <a:pt x="903" y="3571"/>
                    </a:lnTo>
                    <a:lnTo>
                      <a:pt x="892" y="3578"/>
                    </a:lnTo>
                    <a:lnTo>
                      <a:pt x="883" y="3584"/>
                    </a:lnTo>
                    <a:lnTo>
                      <a:pt x="873" y="3587"/>
                    </a:lnTo>
                    <a:lnTo>
                      <a:pt x="866" y="3589"/>
                    </a:lnTo>
                    <a:lnTo>
                      <a:pt x="859" y="3591"/>
                    </a:lnTo>
                    <a:lnTo>
                      <a:pt x="853" y="3589"/>
                    </a:lnTo>
                    <a:lnTo>
                      <a:pt x="846" y="3589"/>
                    </a:lnTo>
                    <a:lnTo>
                      <a:pt x="835" y="3585"/>
                    </a:lnTo>
                    <a:lnTo>
                      <a:pt x="822" y="3580"/>
                    </a:lnTo>
                    <a:lnTo>
                      <a:pt x="814" y="3579"/>
                    </a:lnTo>
                    <a:lnTo>
                      <a:pt x="805" y="3576"/>
                    </a:lnTo>
                    <a:lnTo>
                      <a:pt x="794" y="3576"/>
                    </a:lnTo>
                    <a:lnTo>
                      <a:pt x="783" y="3575"/>
                    </a:lnTo>
                    <a:lnTo>
                      <a:pt x="775" y="3576"/>
                    </a:lnTo>
                    <a:lnTo>
                      <a:pt x="769" y="3578"/>
                    </a:lnTo>
                    <a:lnTo>
                      <a:pt x="761" y="3579"/>
                    </a:lnTo>
                    <a:lnTo>
                      <a:pt x="753" y="3582"/>
                    </a:lnTo>
                    <a:lnTo>
                      <a:pt x="739" y="3589"/>
                    </a:lnTo>
                    <a:lnTo>
                      <a:pt x="726" y="3597"/>
                    </a:lnTo>
                    <a:lnTo>
                      <a:pt x="713" y="3608"/>
                    </a:lnTo>
                    <a:lnTo>
                      <a:pt x="700" y="3618"/>
                    </a:lnTo>
                    <a:lnTo>
                      <a:pt x="690" y="3628"/>
                    </a:lnTo>
                    <a:lnTo>
                      <a:pt x="679" y="3640"/>
                    </a:lnTo>
                    <a:lnTo>
                      <a:pt x="671" y="3648"/>
                    </a:lnTo>
                    <a:lnTo>
                      <a:pt x="664" y="3653"/>
                    </a:lnTo>
                    <a:lnTo>
                      <a:pt x="657" y="3658"/>
                    </a:lnTo>
                    <a:lnTo>
                      <a:pt x="651" y="3662"/>
                    </a:lnTo>
                    <a:lnTo>
                      <a:pt x="638" y="3666"/>
                    </a:lnTo>
                    <a:lnTo>
                      <a:pt x="626" y="3667"/>
                    </a:lnTo>
                    <a:lnTo>
                      <a:pt x="614" y="3667"/>
                    </a:lnTo>
                    <a:lnTo>
                      <a:pt x="603" y="3668"/>
                    </a:lnTo>
                    <a:lnTo>
                      <a:pt x="596" y="3670"/>
                    </a:lnTo>
                    <a:lnTo>
                      <a:pt x="590" y="3672"/>
                    </a:lnTo>
                    <a:lnTo>
                      <a:pt x="583" y="3675"/>
                    </a:lnTo>
                    <a:lnTo>
                      <a:pt x="577" y="3679"/>
                    </a:lnTo>
                    <a:lnTo>
                      <a:pt x="565" y="3685"/>
                    </a:lnTo>
                    <a:lnTo>
                      <a:pt x="555" y="3690"/>
                    </a:lnTo>
                    <a:lnTo>
                      <a:pt x="544" y="3693"/>
                    </a:lnTo>
                    <a:lnTo>
                      <a:pt x="534" y="3693"/>
                    </a:lnTo>
                    <a:lnTo>
                      <a:pt x="525" y="3692"/>
                    </a:lnTo>
                    <a:lnTo>
                      <a:pt x="516" y="3689"/>
                    </a:lnTo>
                    <a:lnTo>
                      <a:pt x="508" y="3685"/>
                    </a:lnTo>
                    <a:lnTo>
                      <a:pt x="500" y="3681"/>
                    </a:lnTo>
                    <a:lnTo>
                      <a:pt x="493" y="3675"/>
                    </a:lnTo>
                    <a:lnTo>
                      <a:pt x="485" y="3668"/>
                    </a:lnTo>
                    <a:lnTo>
                      <a:pt x="478" y="3661"/>
                    </a:lnTo>
                    <a:lnTo>
                      <a:pt x="472" y="3653"/>
                    </a:lnTo>
                    <a:lnTo>
                      <a:pt x="462" y="3636"/>
                    </a:lnTo>
                    <a:lnTo>
                      <a:pt x="451" y="3619"/>
                    </a:lnTo>
                    <a:lnTo>
                      <a:pt x="443" y="3606"/>
                    </a:lnTo>
                    <a:lnTo>
                      <a:pt x="436" y="3597"/>
                    </a:lnTo>
                    <a:lnTo>
                      <a:pt x="428" y="3592"/>
                    </a:lnTo>
                    <a:lnTo>
                      <a:pt x="420" y="3588"/>
                    </a:lnTo>
                    <a:lnTo>
                      <a:pt x="402" y="3585"/>
                    </a:lnTo>
                    <a:lnTo>
                      <a:pt x="377" y="3580"/>
                    </a:lnTo>
                    <a:lnTo>
                      <a:pt x="372" y="3579"/>
                    </a:lnTo>
                    <a:lnTo>
                      <a:pt x="368" y="3575"/>
                    </a:lnTo>
                    <a:lnTo>
                      <a:pt x="364" y="3571"/>
                    </a:lnTo>
                    <a:lnTo>
                      <a:pt x="360" y="3566"/>
                    </a:lnTo>
                    <a:lnTo>
                      <a:pt x="357" y="3553"/>
                    </a:lnTo>
                    <a:lnTo>
                      <a:pt x="353" y="3538"/>
                    </a:lnTo>
                    <a:lnTo>
                      <a:pt x="348" y="3506"/>
                    </a:lnTo>
                    <a:lnTo>
                      <a:pt x="342" y="3482"/>
                    </a:lnTo>
                    <a:lnTo>
                      <a:pt x="331" y="3459"/>
                    </a:lnTo>
                    <a:lnTo>
                      <a:pt x="313" y="3426"/>
                    </a:lnTo>
                    <a:lnTo>
                      <a:pt x="303" y="3409"/>
                    </a:lnTo>
                    <a:lnTo>
                      <a:pt x="296" y="3395"/>
                    </a:lnTo>
                    <a:lnTo>
                      <a:pt x="290" y="3383"/>
                    </a:lnTo>
                    <a:lnTo>
                      <a:pt x="289" y="3376"/>
                    </a:lnTo>
                    <a:lnTo>
                      <a:pt x="289" y="3373"/>
                    </a:lnTo>
                    <a:lnTo>
                      <a:pt x="290" y="3372"/>
                    </a:lnTo>
                    <a:lnTo>
                      <a:pt x="293" y="3372"/>
                    </a:lnTo>
                    <a:lnTo>
                      <a:pt x="294" y="3372"/>
                    </a:lnTo>
                    <a:lnTo>
                      <a:pt x="300" y="3373"/>
                    </a:lnTo>
                    <a:lnTo>
                      <a:pt x="306" y="3376"/>
                    </a:lnTo>
                    <a:lnTo>
                      <a:pt x="318" y="3382"/>
                    </a:lnTo>
                    <a:lnTo>
                      <a:pt x="324" y="3389"/>
                    </a:lnTo>
                    <a:lnTo>
                      <a:pt x="362" y="3424"/>
                    </a:lnTo>
                    <a:lnTo>
                      <a:pt x="363" y="3422"/>
                    </a:lnTo>
                    <a:lnTo>
                      <a:pt x="362" y="3408"/>
                    </a:lnTo>
                    <a:lnTo>
                      <a:pt x="359" y="3394"/>
                    </a:lnTo>
                    <a:lnTo>
                      <a:pt x="355" y="3381"/>
                    </a:lnTo>
                    <a:lnTo>
                      <a:pt x="350" y="3369"/>
                    </a:lnTo>
                    <a:lnTo>
                      <a:pt x="342" y="3359"/>
                    </a:lnTo>
                    <a:lnTo>
                      <a:pt x="332" y="3348"/>
                    </a:lnTo>
                    <a:lnTo>
                      <a:pt x="322" y="3341"/>
                    </a:lnTo>
                    <a:lnTo>
                      <a:pt x="309" y="3334"/>
                    </a:lnTo>
                    <a:lnTo>
                      <a:pt x="301" y="3329"/>
                    </a:lnTo>
                    <a:lnTo>
                      <a:pt x="294" y="3325"/>
                    </a:lnTo>
                    <a:lnTo>
                      <a:pt x="290" y="3321"/>
                    </a:lnTo>
                    <a:lnTo>
                      <a:pt x="288" y="3316"/>
                    </a:lnTo>
                    <a:lnTo>
                      <a:pt x="288" y="3311"/>
                    </a:lnTo>
                    <a:lnTo>
                      <a:pt x="288" y="3307"/>
                    </a:lnTo>
                    <a:lnTo>
                      <a:pt x="289" y="3302"/>
                    </a:lnTo>
                    <a:lnTo>
                      <a:pt x="292" y="3297"/>
                    </a:lnTo>
                    <a:lnTo>
                      <a:pt x="300" y="3288"/>
                    </a:lnTo>
                    <a:lnTo>
                      <a:pt x="310" y="3280"/>
                    </a:lnTo>
                    <a:lnTo>
                      <a:pt x="323" y="3273"/>
                    </a:lnTo>
                    <a:lnTo>
                      <a:pt x="335" y="3269"/>
                    </a:lnTo>
                    <a:lnTo>
                      <a:pt x="341" y="3268"/>
                    </a:lnTo>
                    <a:lnTo>
                      <a:pt x="349" y="3264"/>
                    </a:lnTo>
                    <a:lnTo>
                      <a:pt x="357" y="3259"/>
                    </a:lnTo>
                    <a:lnTo>
                      <a:pt x="363" y="3254"/>
                    </a:lnTo>
                    <a:lnTo>
                      <a:pt x="371" y="3247"/>
                    </a:lnTo>
                    <a:lnTo>
                      <a:pt x="375" y="3241"/>
                    </a:lnTo>
                    <a:lnTo>
                      <a:pt x="377" y="3238"/>
                    </a:lnTo>
                    <a:lnTo>
                      <a:pt x="377" y="3234"/>
                    </a:lnTo>
                    <a:lnTo>
                      <a:pt x="379" y="3232"/>
                    </a:lnTo>
                    <a:lnTo>
                      <a:pt x="377" y="3228"/>
                    </a:lnTo>
                    <a:lnTo>
                      <a:pt x="366" y="3232"/>
                    </a:lnTo>
                    <a:lnTo>
                      <a:pt x="351" y="3240"/>
                    </a:lnTo>
                    <a:lnTo>
                      <a:pt x="344" y="3242"/>
                    </a:lnTo>
                    <a:lnTo>
                      <a:pt x="337" y="3243"/>
                    </a:lnTo>
                    <a:lnTo>
                      <a:pt x="333" y="3243"/>
                    </a:lnTo>
                    <a:lnTo>
                      <a:pt x="331" y="3243"/>
                    </a:lnTo>
                    <a:lnTo>
                      <a:pt x="328" y="3242"/>
                    </a:lnTo>
                    <a:lnTo>
                      <a:pt x="325" y="3240"/>
                    </a:lnTo>
                    <a:lnTo>
                      <a:pt x="319" y="3232"/>
                    </a:lnTo>
                    <a:lnTo>
                      <a:pt x="313" y="3221"/>
                    </a:lnTo>
                    <a:lnTo>
                      <a:pt x="307" y="3210"/>
                    </a:lnTo>
                    <a:lnTo>
                      <a:pt x="302" y="3198"/>
                    </a:lnTo>
                    <a:lnTo>
                      <a:pt x="294" y="3174"/>
                    </a:lnTo>
                    <a:lnTo>
                      <a:pt x="288" y="3152"/>
                    </a:lnTo>
                    <a:lnTo>
                      <a:pt x="272" y="3126"/>
                    </a:lnTo>
                    <a:lnTo>
                      <a:pt x="256" y="3104"/>
                    </a:lnTo>
                    <a:lnTo>
                      <a:pt x="240" y="3083"/>
                    </a:lnTo>
                    <a:lnTo>
                      <a:pt x="223" y="3063"/>
                    </a:lnTo>
                    <a:lnTo>
                      <a:pt x="189" y="3026"/>
                    </a:lnTo>
                    <a:lnTo>
                      <a:pt x="152" y="2984"/>
                    </a:lnTo>
                    <a:lnTo>
                      <a:pt x="140" y="2973"/>
                    </a:lnTo>
                    <a:lnTo>
                      <a:pt x="123" y="2961"/>
                    </a:lnTo>
                    <a:lnTo>
                      <a:pt x="103" y="2949"/>
                    </a:lnTo>
                    <a:lnTo>
                      <a:pt x="81" y="2939"/>
                    </a:lnTo>
                    <a:lnTo>
                      <a:pt x="57" y="2930"/>
                    </a:lnTo>
                    <a:lnTo>
                      <a:pt x="35" y="2924"/>
                    </a:lnTo>
                    <a:lnTo>
                      <a:pt x="25" y="2921"/>
                    </a:lnTo>
                    <a:lnTo>
                      <a:pt x="16" y="2921"/>
                    </a:lnTo>
                    <a:lnTo>
                      <a:pt x="8" y="2921"/>
                    </a:lnTo>
                    <a:lnTo>
                      <a:pt x="0" y="2922"/>
                    </a:lnTo>
                    <a:lnTo>
                      <a:pt x="0" y="2922"/>
                    </a:lnTo>
                    <a:lnTo>
                      <a:pt x="0" y="2903"/>
                    </a:lnTo>
                    <a:lnTo>
                      <a:pt x="3" y="2882"/>
                    </a:lnTo>
                    <a:lnTo>
                      <a:pt x="4" y="2860"/>
                    </a:lnTo>
                    <a:lnTo>
                      <a:pt x="8" y="2837"/>
                    </a:lnTo>
                    <a:lnTo>
                      <a:pt x="12" y="2815"/>
                    </a:lnTo>
                    <a:lnTo>
                      <a:pt x="17" y="2793"/>
                    </a:lnTo>
                    <a:lnTo>
                      <a:pt x="24" y="2773"/>
                    </a:lnTo>
                    <a:lnTo>
                      <a:pt x="30" y="2755"/>
                    </a:lnTo>
                    <a:lnTo>
                      <a:pt x="34" y="2747"/>
                    </a:lnTo>
                    <a:lnTo>
                      <a:pt x="38" y="2740"/>
                    </a:lnTo>
                    <a:lnTo>
                      <a:pt x="43" y="2733"/>
                    </a:lnTo>
                    <a:lnTo>
                      <a:pt x="50" y="2727"/>
                    </a:lnTo>
                    <a:lnTo>
                      <a:pt x="61" y="2715"/>
                    </a:lnTo>
                    <a:lnTo>
                      <a:pt x="74" y="2703"/>
                    </a:lnTo>
                    <a:lnTo>
                      <a:pt x="87" y="2692"/>
                    </a:lnTo>
                    <a:lnTo>
                      <a:pt x="99" y="2680"/>
                    </a:lnTo>
                    <a:lnTo>
                      <a:pt x="104" y="2674"/>
                    </a:lnTo>
                    <a:lnTo>
                      <a:pt x="109" y="2666"/>
                    </a:lnTo>
                    <a:lnTo>
                      <a:pt x="113" y="2659"/>
                    </a:lnTo>
                    <a:lnTo>
                      <a:pt x="117" y="2650"/>
                    </a:lnTo>
                    <a:lnTo>
                      <a:pt x="125" y="2639"/>
                    </a:lnTo>
                    <a:lnTo>
                      <a:pt x="132" y="2628"/>
                    </a:lnTo>
                    <a:lnTo>
                      <a:pt x="140" y="2619"/>
                    </a:lnTo>
                    <a:lnTo>
                      <a:pt x="149" y="2610"/>
                    </a:lnTo>
                    <a:lnTo>
                      <a:pt x="153" y="2607"/>
                    </a:lnTo>
                    <a:lnTo>
                      <a:pt x="158" y="2604"/>
                    </a:lnTo>
                    <a:lnTo>
                      <a:pt x="164" y="2601"/>
                    </a:lnTo>
                    <a:lnTo>
                      <a:pt x="170" y="2600"/>
                    </a:lnTo>
                    <a:lnTo>
                      <a:pt x="176" y="2598"/>
                    </a:lnTo>
                    <a:lnTo>
                      <a:pt x="183" y="2597"/>
                    </a:lnTo>
                    <a:lnTo>
                      <a:pt x="191" y="2597"/>
                    </a:lnTo>
                    <a:lnTo>
                      <a:pt x="199" y="2598"/>
                    </a:lnTo>
                    <a:lnTo>
                      <a:pt x="213" y="2600"/>
                    </a:lnTo>
                    <a:lnTo>
                      <a:pt x="226" y="2601"/>
                    </a:lnTo>
                    <a:lnTo>
                      <a:pt x="237" y="2601"/>
                    </a:lnTo>
                    <a:lnTo>
                      <a:pt x="246" y="2598"/>
                    </a:lnTo>
                    <a:lnTo>
                      <a:pt x="256" y="2594"/>
                    </a:lnTo>
                    <a:lnTo>
                      <a:pt x="265" y="2588"/>
                    </a:lnTo>
                    <a:lnTo>
                      <a:pt x="272" y="2579"/>
                    </a:lnTo>
                    <a:lnTo>
                      <a:pt x="281" y="2567"/>
                    </a:lnTo>
                    <a:lnTo>
                      <a:pt x="287" y="2560"/>
                    </a:lnTo>
                    <a:lnTo>
                      <a:pt x="288" y="2553"/>
                    </a:lnTo>
                    <a:lnTo>
                      <a:pt x="287" y="2548"/>
                    </a:lnTo>
                    <a:lnTo>
                      <a:pt x="284" y="2544"/>
                    </a:lnTo>
                    <a:lnTo>
                      <a:pt x="279" y="2539"/>
                    </a:lnTo>
                    <a:lnTo>
                      <a:pt x="274" y="2536"/>
                    </a:lnTo>
                    <a:lnTo>
                      <a:pt x="266" y="2532"/>
                    </a:lnTo>
                    <a:lnTo>
                      <a:pt x="258" y="2528"/>
                    </a:lnTo>
                    <a:lnTo>
                      <a:pt x="250" y="2525"/>
                    </a:lnTo>
                    <a:lnTo>
                      <a:pt x="243" y="2521"/>
                    </a:lnTo>
                    <a:lnTo>
                      <a:pt x="233" y="2515"/>
                    </a:lnTo>
                    <a:lnTo>
                      <a:pt x="227" y="2509"/>
                    </a:lnTo>
                    <a:lnTo>
                      <a:pt x="221" y="2501"/>
                    </a:lnTo>
                    <a:lnTo>
                      <a:pt x="215" y="2493"/>
                    </a:lnTo>
                    <a:lnTo>
                      <a:pt x="213" y="2483"/>
                    </a:lnTo>
                    <a:lnTo>
                      <a:pt x="211" y="2471"/>
                    </a:lnTo>
                    <a:lnTo>
                      <a:pt x="213" y="2442"/>
                    </a:lnTo>
                    <a:lnTo>
                      <a:pt x="217" y="2411"/>
                    </a:lnTo>
                    <a:lnTo>
                      <a:pt x="222" y="2381"/>
                    </a:lnTo>
                    <a:lnTo>
                      <a:pt x="228" y="2351"/>
                    </a:lnTo>
                    <a:lnTo>
                      <a:pt x="233" y="2333"/>
                    </a:lnTo>
                    <a:lnTo>
                      <a:pt x="239" y="2316"/>
                    </a:lnTo>
                    <a:lnTo>
                      <a:pt x="246" y="2299"/>
                    </a:lnTo>
                    <a:lnTo>
                      <a:pt x="254" y="2285"/>
                    </a:lnTo>
                    <a:lnTo>
                      <a:pt x="263" y="2271"/>
                    </a:lnTo>
                    <a:lnTo>
                      <a:pt x="275" y="2258"/>
                    </a:lnTo>
                    <a:lnTo>
                      <a:pt x="287" y="2245"/>
                    </a:lnTo>
                    <a:lnTo>
                      <a:pt x="301" y="2232"/>
                    </a:lnTo>
                    <a:lnTo>
                      <a:pt x="372" y="2171"/>
                    </a:lnTo>
                    <a:lnTo>
                      <a:pt x="376" y="2167"/>
                    </a:lnTo>
                    <a:lnTo>
                      <a:pt x="379" y="2162"/>
                    </a:lnTo>
                    <a:lnTo>
                      <a:pt x="379" y="2158"/>
                    </a:lnTo>
                    <a:lnTo>
                      <a:pt x="377" y="2153"/>
                    </a:lnTo>
                    <a:lnTo>
                      <a:pt x="373" y="2142"/>
                    </a:lnTo>
                    <a:lnTo>
                      <a:pt x="366" y="2129"/>
                    </a:lnTo>
                    <a:lnTo>
                      <a:pt x="357" y="2118"/>
                    </a:lnTo>
                    <a:lnTo>
                      <a:pt x="348" y="2105"/>
                    </a:lnTo>
                    <a:lnTo>
                      <a:pt x="344" y="2098"/>
                    </a:lnTo>
                    <a:lnTo>
                      <a:pt x="341" y="2091"/>
                    </a:lnTo>
                    <a:lnTo>
                      <a:pt x="338" y="2084"/>
                    </a:lnTo>
                    <a:lnTo>
                      <a:pt x="338" y="2078"/>
                    </a:lnTo>
                    <a:lnTo>
                      <a:pt x="340" y="2049"/>
                    </a:lnTo>
                    <a:lnTo>
                      <a:pt x="340" y="2023"/>
                    </a:lnTo>
                    <a:lnTo>
                      <a:pt x="340" y="2010"/>
                    </a:lnTo>
                    <a:lnTo>
                      <a:pt x="338" y="1997"/>
                    </a:lnTo>
                    <a:lnTo>
                      <a:pt x="336" y="1983"/>
                    </a:lnTo>
                    <a:lnTo>
                      <a:pt x="331" y="1969"/>
                    </a:lnTo>
                    <a:lnTo>
                      <a:pt x="328" y="1958"/>
                    </a:lnTo>
                    <a:lnTo>
                      <a:pt x="328" y="1948"/>
                    </a:lnTo>
                    <a:lnTo>
                      <a:pt x="328" y="1938"/>
                    </a:lnTo>
                    <a:lnTo>
                      <a:pt x="329" y="1927"/>
                    </a:lnTo>
                    <a:lnTo>
                      <a:pt x="331" y="1917"/>
                    </a:lnTo>
                    <a:lnTo>
                      <a:pt x="332" y="1907"/>
                    </a:lnTo>
                    <a:lnTo>
                      <a:pt x="332" y="1896"/>
                    </a:lnTo>
                    <a:lnTo>
                      <a:pt x="331" y="1886"/>
                    </a:lnTo>
                    <a:lnTo>
                      <a:pt x="331" y="1879"/>
                    </a:lnTo>
                    <a:lnTo>
                      <a:pt x="331" y="1873"/>
                    </a:lnTo>
                    <a:lnTo>
                      <a:pt x="332" y="1868"/>
                    </a:lnTo>
                    <a:lnTo>
                      <a:pt x="335" y="1863"/>
                    </a:lnTo>
                    <a:lnTo>
                      <a:pt x="338" y="1854"/>
                    </a:lnTo>
                    <a:lnTo>
                      <a:pt x="342" y="1843"/>
                    </a:lnTo>
                    <a:lnTo>
                      <a:pt x="445" y="1868"/>
                    </a:lnTo>
                    <a:lnTo>
                      <a:pt x="471" y="1837"/>
                    </a:lnTo>
                    <a:lnTo>
                      <a:pt x="490" y="1813"/>
                    </a:lnTo>
                    <a:lnTo>
                      <a:pt x="513" y="1784"/>
                    </a:lnTo>
                    <a:lnTo>
                      <a:pt x="524" y="1768"/>
                    </a:lnTo>
                    <a:lnTo>
                      <a:pt x="533" y="1754"/>
                    </a:lnTo>
                    <a:lnTo>
                      <a:pt x="539" y="1738"/>
                    </a:lnTo>
                    <a:lnTo>
                      <a:pt x="543" y="1725"/>
                    </a:lnTo>
                    <a:lnTo>
                      <a:pt x="544" y="1712"/>
                    </a:lnTo>
                    <a:lnTo>
                      <a:pt x="543" y="1695"/>
                    </a:lnTo>
                    <a:lnTo>
                      <a:pt x="542" y="1677"/>
                    </a:lnTo>
                    <a:lnTo>
                      <a:pt x="539" y="1659"/>
                    </a:lnTo>
                    <a:lnTo>
                      <a:pt x="538" y="1641"/>
                    </a:lnTo>
                    <a:lnTo>
                      <a:pt x="538" y="1624"/>
                    </a:lnTo>
                    <a:lnTo>
                      <a:pt x="539" y="1618"/>
                    </a:lnTo>
                    <a:lnTo>
                      <a:pt x="542" y="1611"/>
                    </a:lnTo>
                    <a:lnTo>
                      <a:pt x="544" y="1606"/>
                    </a:lnTo>
                    <a:lnTo>
                      <a:pt x="548" y="1601"/>
                    </a:lnTo>
                    <a:lnTo>
                      <a:pt x="556" y="1597"/>
                    </a:lnTo>
                    <a:lnTo>
                      <a:pt x="564" y="1594"/>
                    </a:lnTo>
                    <a:lnTo>
                      <a:pt x="573" y="1594"/>
                    </a:lnTo>
                    <a:lnTo>
                      <a:pt x="582" y="1593"/>
                    </a:lnTo>
                    <a:lnTo>
                      <a:pt x="592" y="1592"/>
                    </a:lnTo>
                    <a:lnTo>
                      <a:pt x="603" y="1591"/>
                    </a:lnTo>
                    <a:lnTo>
                      <a:pt x="612" y="1587"/>
                    </a:lnTo>
                    <a:lnTo>
                      <a:pt x="622" y="1581"/>
                    </a:lnTo>
                    <a:lnTo>
                      <a:pt x="631" y="1572"/>
                    </a:lnTo>
                    <a:lnTo>
                      <a:pt x="639" y="1562"/>
                    </a:lnTo>
                    <a:lnTo>
                      <a:pt x="647" y="1549"/>
                    </a:lnTo>
                    <a:lnTo>
                      <a:pt x="655" y="1535"/>
                    </a:lnTo>
                    <a:lnTo>
                      <a:pt x="660" y="1521"/>
                    </a:lnTo>
                    <a:lnTo>
                      <a:pt x="665" y="1506"/>
                    </a:lnTo>
                    <a:lnTo>
                      <a:pt x="669" y="1493"/>
                    </a:lnTo>
                    <a:lnTo>
                      <a:pt x="673" y="1480"/>
                    </a:lnTo>
                    <a:lnTo>
                      <a:pt x="677" y="1461"/>
                    </a:lnTo>
                    <a:lnTo>
                      <a:pt x="680" y="1443"/>
                    </a:lnTo>
                    <a:lnTo>
                      <a:pt x="684" y="1423"/>
                    </a:lnTo>
                    <a:lnTo>
                      <a:pt x="687" y="1404"/>
                    </a:lnTo>
                    <a:lnTo>
                      <a:pt x="687" y="1390"/>
                    </a:lnTo>
                    <a:lnTo>
                      <a:pt x="686" y="1375"/>
                    </a:lnTo>
                    <a:lnTo>
                      <a:pt x="684" y="1369"/>
                    </a:lnTo>
                    <a:lnTo>
                      <a:pt x="684" y="1361"/>
                    </a:lnTo>
                    <a:lnTo>
                      <a:pt x="686" y="1355"/>
                    </a:lnTo>
                    <a:lnTo>
                      <a:pt x="687" y="1348"/>
                    </a:lnTo>
                    <a:lnTo>
                      <a:pt x="690" y="1342"/>
                    </a:lnTo>
                    <a:lnTo>
                      <a:pt x="693" y="1335"/>
                    </a:lnTo>
                    <a:lnTo>
                      <a:pt x="699" y="1330"/>
                    </a:lnTo>
                    <a:lnTo>
                      <a:pt x="704" y="1325"/>
                    </a:lnTo>
                    <a:lnTo>
                      <a:pt x="717" y="1316"/>
                    </a:lnTo>
                    <a:lnTo>
                      <a:pt x="730" y="1309"/>
                    </a:lnTo>
                    <a:lnTo>
                      <a:pt x="745" y="1303"/>
                    </a:lnTo>
                    <a:lnTo>
                      <a:pt x="761" y="1299"/>
                    </a:lnTo>
                    <a:lnTo>
                      <a:pt x="776" y="1295"/>
                    </a:lnTo>
                    <a:lnTo>
                      <a:pt x="789" y="1293"/>
                    </a:lnTo>
                    <a:lnTo>
                      <a:pt x="816" y="1287"/>
                    </a:lnTo>
                    <a:lnTo>
                      <a:pt x="840" y="1281"/>
                    </a:lnTo>
                    <a:lnTo>
                      <a:pt x="863" y="1272"/>
                    </a:lnTo>
                    <a:lnTo>
                      <a:pt x="888" y="1263"/>
                    </a:lnTo>
                    <a:lnTo>
                      <a:pt x="895" y="1259"/>
                    </a:lnTo>
                    <a:lnTo>
                      <a:pt x="902" y="1256"/>
                    </a:lnTo>
                    <a:lnTo>
                      <a:pt x="907" y="1251"/>
                    </a:lnTo>
                    <a:lnTo>
                      <a:pt x="914" y="1247"/>
                    </a:lnTo>
                    <a:lnTo>
                      <a:pt x="924" y="1236"/>
                    </a:lnTo>
                    <a:lnTo>
                      <a:pt x="934" y="1224"/>
                    </a:lnTo>
                    <a:lnTo>
                      <a:pt x="942" y="1211"/>
                    </a:lnTo>
                    <a:lnTo>
                      <a:pt x="950" y="1197"/>
                    </a:lnTo>
                    <a:lnTo>
                      <a:pt x="955" y="1184"/>
                    </a:lnTo>
                    <a:lnTo>
                      <a:pt x="962" y="1171"/>
                    </a:lnTo>
                    <a:lnTo>
                      <a:pt x="960" y="1164"/>
                    </a:lnTo>
                    <a:lnTo>
                      <a:pt x="959" y="1159"/>
                    </a:lnTo>
                    <a:lnTo>
                      <a:pt x="956" y="1154"/>
                    </a:lnTo>
                    <a:lnTo>
                      <a:pt x="954" y="1149"/>
                    </a:lnTo>
                    <a:lnTo>
                      <a:pt x="946" y="1141"/>
                    </a:lnTo>
                    <a:lnTo>
                      <a:pt x="937" y="1133"/>
                    </a:lnTo>
                    <a:lnTo>
                      <a:pt x="927" y="1127"/>
                    </a:lnTo>
                    <a:lnTo>
                      <a:pt x="916" y="1120"/>
                    </a:lnTo>
                    <a:lnTo>
                      <a:pt x="907" y="1113"/>
                    </a:lnTo>
                    <a:lnTo>
                      <a:pt x="899" y="1103"/>
                    </a:lnTo>
                    <a:lnTo>
                      <a:pt x="894" y="1096"/>
                    </a:lnTo>
                    <a:lnTo>
                      <a:pt x="890" y="1085"/>
                    </a:lnTo>
                    <a:lnTo>
                      <a:pt x="889" y="1072"/>
                    </a:lnTo>
                    <a:lnTo>
                      <a:pt x="888" y="1059"/>
                    </a:lnTo>
                    <a:lnTo>
                      <a:pt x="888" y="1046"/>
                    </a:lnTo>
                    <a:lnTo>
                      <a:pt x="889" y="1034"/>
                    </a:lnTo>
                    <a:lnTo>
                      <a:pt x="890" y="1022"/>
                    </a:lnTo>
                    <a:lnTo>
                      <a:pt x="892" y="1011"/>
                    </a:lnTo>
                    <a:lnTo>
                      <a:pt x="895" y="997"/>
                    </a:lnTo>
                    <a:lnTo>
                      <a:pt x="899" y="986"/>
                    </a:lnTo>
                    <a:lnTo>
                      <a:pt x="901" y="979"/>
                    </a:lnTo>
                    <a:lnTo>
                      <a:pt x="902" y="974"/>
                    </a:lnTo>
                    <a:lnTo>
                      <a:pt x="902" y="966"/>
                    </a:lnTo>
                    <a:lnTo>
                      <a:pt x="899" y="960"/>
                    </a:lnTo>
                    <a:lnTo>
                      <a:pt x="885" y="954"/>
                    </a:lnTo>
                    <a:lnTo>
                      <a:pt x="871" y="949"/>
                    </a:lnTo>
                    <a:lnTo>
                      <a:pt x="857" y="943"/>
                    </a:lnTo>
                    <a:lnTo>
                      <a:pt x="844" y="935"/>
                    </a:lnTo>
                    <a:lnTo>
                      <a:pt x="831" y="929"/>
                    </a:lnTo>
                    <a:lnTo>
                      <a:pt x="818" y="921"/>
                    </a:lnTo>
                    <a:lnTo>
                      <a:pt x="805" y="916"/>
                    </a:lnTo>
                    <a:lnTo>
                      <a:pt x="789" y="912"/>
                    </a:lnTo>
                    <a:lnTo>
                      <a:pt x="783" y="904"/>
                    </a:lnTo>
                    <a:lnTo>
                      <a:pt x="775" y="900"/>
                    </a:lnTo>
                    <a:lnTo>
                      <a:pt x="766" y="896"/>
                    </a:lnTo>
                    <a:lnTo>
                      <a:pt x="757" y="896"/>
                    </a:lnTo>
                    <a:lnTo>
                      <a:pt x="748" y="896"/>
                    </a:lnTo>
                    <a:lnTo>
                      <a:pt x="737" y="897"/>
                    </a:lnTo>
                    <a:lnTo>
                      <a:pt x="727" y="900"/>
                    </a:lnTo>
                    <a:lnTo>
                      <a:pt x="718" y="903"/>
                    </a:lnTo>
                    <a:lnTo>
                      <a:pt x="697" y="908"/>
                    </a:lnTo>
                    <a:lnTo>
                      <a:pt x="677" y="910"/>
                    </a:lnTo>
                    <a:lnTo>
                      <a:pt x="667" y="910"/>
                    </a:lnTo>
                    <a:lnTo>
                      <a:pt x="658" y="908"/>
                    </a:lnTo>
                    <a:lnTo>
                      <a:pt x="649" y="904"/>
                    </a:lnTo>
                    <a:lnTo>
                      <a:pt x="642" y="899"/>
                    </a:lnTo>
                    <a:lnTo>
                      <a:pt x="620" y="879"/>
                    </a:lnTo>
                    <a:lnTo>
                      <a:pt x="591" y="853"/>
                    </a:lnTo>
                    <a:lnTo>
                      <a:pt x="576" y="842"/>
                    </a:lnTo>
                    <a:lnTo>
                      <a:pt x="560" y="831"/>
                    </a:lnTo>
                    <a:lnTo>
                      <a:pt x="553" y="828"/>
                    </a:lnTo>
                    <a:lnTo>
                      <a:pt x="546" y="825"/>
                    </a:lnTo>
                    <a:lnTo>
                      <a:pt x="541" y="822"/>
                    </a:lnTo>
                    <a:lnTo>
                      <a:pt x="535" y="821"/>
                    </a:lnTo>
                    <a:lnTo>
                      <a:pt x="521" y="822"/>
                    </a:lnTo>
                    <a:lnTo>
                      <a:pt x="509" y="825"/>
                    </a:lnTo>
                    <a:lnTo>
                      <a:pt x="498" y="829"/>
                    </a:lnTo>
                    <a:lnTo>
                      <a:pt x="487" y="831"/>
                    </a:lnTo>
                    <a:lnTo>
                      <a:pt x="477" y="834"/>
                    </a:lnTo>
                    <a:lnTo>
                      <a:pt x="467" y="834"/>
                    </a:lnTo>
                    <a:lnTo>
                      <a:pt x="460" y="833"/>
                    </a:lnTo>
                    <a:lnTo>
                      <a:pt x="455" y="830"/>
                    </a:lnTo>
                    <a:lnTo>
                      <a:pt x="449" y="828"/>
                    </a:lnTo>
                    <a:lnTo>
                      <a:pt x="441" y="822"/>
                    </a:lnTo>
                    <a:lnTo>
                      <a:pt x="437" y="818"/>
                    </a:lnTo>
                    <a:lnTo>
                      <a:pt x="432" y="813"/>
                    </a:lnTo>
                    <a:lnTo>
                      <a:pt x="428" y="808"/>
                    </a:lnTo>
                    <a:lnTo>
                      <a:pt x="424" y="802"/>
                    </a:lnTo>
                    <a:lnTo>
                      <a:pt x="417" y="789"/>
                    </a:lnTo>
                    <a:lnTo>
                      <a:pt x="414" y="774"/>
                    </a:lnTo>
                    <a:lnTo>
                      <a:pt x="411" y="759"/>
                    </a:lnTo>
                    <a:lnTo>
                      <a:pt x="411" y="745"/>
                    </a:lnTo>
                    <a:lnTo>
                      <a:pt x="412" y="737"/>
                    </a:lnTo>
                    <a:lnTo>
                      <a:pt x="415" y="730"/>
                    </a:lnTo>
                    <a:lnTo>
                      <a:pt x="417" y="724"/>
                    </a:lnTo>
                    <a:lnTo>
                      <a:pt x="420" y="719"/>
                    </a:lnTo>
                    <a:lnTo>
                      <a:pt x="428" y="710"/>
                    </a:lnTo>
                    <a:lnTo>
                      <a:pt x="438" y="698"/>
                    </a:lnTo>
                    <a:lnTo>
                      <a:pt x="442" y="692"/>
                    </a:lnTo>
                    <a:lnTo>
                      <a:pt x="446" y="686"/>
                    </a:lnTo>
                    <a:lnTo>
                      <a:pt x="449" y="681"/>
                    </a:lnTo>
                    <a:lnTo>
                      <a:pt x="449" y="677"/>
                    </a:lnTo>
                    <a:lnTo>
                      <a:pt x="436" y="679"/>
                    </a:lnTo>
                    <a:lnTo>
                      <a:pt x="424" y="680"/>
                    </a:lnTo>
                    <a:lnTo>
                      <a:pt x="412" y="684"/>
                    </a:lnTo>
                    <a:lnTo>
                      <a:pt x="401" y="686"/>
                    </a:lnTo>
                    <a:lnTo>
                      <a:pt x="390" y="689"/>
                    </a:lnTo>
                    <a:lnTo>
                      <a:pt x="379" y="690"/>
                    </a:lnTo>
                    <a:lnTo>
                      <a:pt x="366" y="690"/>
                    </a:lnTo>
                    <a:lnTo>
                      <a:pt x="351" y="688"/>
                    </a:lnTo>
                    <a:lnTo>
                      <a:pt x="333" y="682"/>
                    </a:lnTo>
                    <a:lnTo>
                      <a:pt x="320" y="680"/>
                    </a:lnTo>
                    <a:lnTo>
                      <a:pt x="310" y="681"/>
                    </a:lnTo>
                    <a:lnTo>
                      <a:pt x="302" y="682"/>
                    </a:lnTo>
                    <a:lnTo>
                      <a:pt x="288" y="693"/>
                    </a:lnTo>
                    <a:lnTo>
                      <a:pt x="262" y="704"/>
                    </a:lnTo>
                    <a:lnTo>
                      <a:pt x="211" y="724"/>
                    </a:lnTo>
                    <a:lnTo>
                      <a:pt x="211" y="724"/>
                    </a:lnTo>
                    <a:lnTo>
                      <a:pt x="205" y="719"/>
                    </a:lnTo>
                    <a:lnTo>
                      <a:pt x="197" y="712"/>
                    </a:lnTo>
                    <a:lnTo>
                      <a:pt x="193" y="710"/>
                    </a:lnTo>
                    <a:lnTo>
                      <a:pt x="189" y="706"/>
                    </a:lnTo>
                    <a:lnTo>
                      <a:pt x="187" y="701"/>
                    </a:lnTo>
                    <a:lnTo>
                      <a:pt x="187" y="697"/>
                    </a:lnTo>
                    <a:lnTo>
                      <a:pt x="189" y="675"/>
                    </a:lnTo>
                    <a:lnTo>
                      <a:pt x="193" y="654"/>
                    </a:lnTo>
                    <a:lnTo>
                      <a:pt x="199" y="645"/>
                    </a:lnTo>
                    <a:lnTo>
                      <a:pt x="204" y="637"/>
                    </a:lnTo>
                    <a:lnTo>
                      <a:pt x="208" y="633"/>
                    </a:lnTo>
                    <a:lnTo>
                      <a:pt x="213" y="631"/>
                    </a:lnTo>
                    <a:lnTo>
                      <a:pt x="218" y="627"/>
                    </a:lnTo>
                    <a:lnTo>
                      <a:pt x="223" y="625"/>
                    </a:lnTo>
                    <a:lnTo>
                      <a:pt x="250" y="618"/>
                    </a:lnTo>
                    <a:lnTo>
                      <a:pt x="283" y="606"/>
                    </a:lnTo>
                    <a:lnTo>
                      <a:pt x="300" y="601"/>
                    </a:lnTo>
                    <a:lnTo>
                      <a:pt x="314" y="593"/>
                    </a:lnTo>
                    <a:lnTo>
                      <a:pt x="325" y="585"/>
                    </a:lnTo>
                    <a:lnTo>
                      <a:pt x="335" y="578"/>
                    </a:lnTo>
                    <a:lnTo>
                      <a:pt x="341" y="568"/>
                    </a:lnTo>
                    <a:lnTo>
                      <a:pt x="345" y="562"/>
                    </a:lnTo>
                    <a:lnTo>
                      <a:pt x="345" y="559"/>
                    </a:lnTo>
                    <a:lnTo>
                      <a:pt x="345" y="558"/>
                    </a:lnTo>
                    <a:lnTo>
                      <a:pt x="344" y="557"/>
                    </a:lnTo>
                    <a:lnTo>
                      <a:pt x="341" y="557"/>
                    </a:lnTo>
                    <a:lnTo>
                      <a:pt x="328" y="559"/>
                    </a:lnTo>
                    <a:lnTo>
                      <a:pt x="309" y="566"/>
                    </a:lnTo>
                    <a:lnTo>
                      <a:pt x="288" y="574"/>
                    </a:lnTo>
                    <a:lnTo>
                      <a:pt x="268" y="578"/>
                    </a:lnTo>
                    <a:lnTo>
                      <a:pt x="259" y="579"/>
                    </a:lnTo>
                    <a:lnTo>
                      <a:pt x="253" y="578"/>
                    </a:lnTo>
                    <a:lnTo>
                      <a:pt x="250" y="576"/>
                    </a:lnTo>
                    <a:lnTo>
                      <a:pt x="249" y="574"/>
                    </a:lnTo>
                    <a:lnTo>
                      <a:pt x="248" y="571"/>
                    </a:lnTo>
                    <a:lnTo>
                      <a:pt x="248" y="567"/>
                    </a:lnTo>
                    <a:lnTo>
                      <a:pt x="249" y="558"/>
                    </a:lnTo>
                    <a:lnTo>
                      <a:pt x="253" y="550"/>
                    </a:lnTo>
                    <a:lnTo>
                      <a:pt x="258" y="544"/>
                    </a:lnTo>
                    <a:lnTo>
                      <a:pt x="265" y="539"/>
                    </a:lnTo>
                    <a:lnTo>
                      <a:pt x="279" y="530"/>
                    </a:lnTo>
                    <a:lnTo>
                      <a:pt x="293" y="522"/>
                    </a:lnTo>
                    <a:lnTo>
                      <a:pt x="313" y="515"/>
                    </a:lnTo>
                    <a:lnTo>
                      <a:pt x="332" y="510"/>
                    </a:lnTo>
                    <a:lnTo>
                      <a:pt x="341" y="508"/>
                    </a:lnTo>
                    <a:lnTo>
                      <a:pt x="349" y="502"/>
                    </a:lnTo>
                    <a:lnTo>
                      <a:pt x="351" y="500"/>
                    </a:lnTo>
                    <a:lnTo>
                      <a:pt x="354" y="496"/>
                    </a:lnTo>
                    <a:lnTo>
                      <a:pt x="357" y="491"/>
                    </a:lnTo>
                    <a:lnTo>
                      <a:pt x="359" y="486"/>
                    </a:lnTo>
                    <a:lnTo>
                      <a:pt x="360" y="480"/>
                    </a:lnTo>
                    <a:lnTo>
                      <a:pt x="359" y="476"/>
                    </a:lnTo>
                    <a:lnTo>
                      <a:pt x="357" y="474"/>
                    </a:lnTo>
                    <a:lnTo>
                      <a:pt x="351" y="473"/>
                    </a:lnTo>
                    <a:lnTo>
                      <a:pt x="338" y="471"/>
                    </a:lnTo>
                    <a:lnTo>
                      <a:pt x="323" y="473"/>
                    </a:lnTo>
                    <a:lnTo>
                      <a:pt x="305" y="475"/>
                    </a:lnTo>
                    <a:lnTo>
                      <a:pt x="288" y="476"/>
                    </a:lnTo>
                    <a:lnTo>
                      <a:pt x="280" y="476"/>
                    </a:lnTo>
                    <a:lnTo>
                      <a:pt x="272" y="475"/>
                    </a:lnTo>
                    <a:lnTo>
                      <a:pt x="266" y="473"/>
                    </a:lnTo>
                    <a:lnTo>
                      <a:pt x="262" y="470"/>
                    </a:lnTo>
                    <a:lnTo>
                      <a:pt x="259" y="467"/>
                    </a:lnTo>
                    <a:lnTo>
                      <a:pt x="259" y="464"/>
                    </a:lnTo>
                    <a:lnTo>
                      <a:pt x="262" y="461"/>
                    </a:lnTo>
                    <a:lnTo>
                      <a:pt x="265" y="457"/>
                    </a:lnTo>
                    <a:lnTo>
                      <a:pt x="274" y="448"/>
                    </a:lnTo>
                    <a:lnTo>
                      <a:pt x="285" y="438"/>
                    </a:lnTo>
                    <a:lnTo>
                      <a:pt x="298" y="427"/>
                    </a:lnTo>
                    <a:lnTo>
                      <a:pt x="311" y="417"/>
                    </a:lnTo>
                    <a:lnTo>
                      <a:pt x="322" y="407"/>
                    </a:lnTo>
                    <a:lnTo>
                      <a:pt x="329" y="397"/>
                    </a:lnTo>
                    <a:lnTo>
                      <a:pt x="340" y="385"/>
                    </a:lnTo>
                    <a:lnTo>
                      <a:pt x="351" y="373"/>
                    </a:lnTo>
                    <a:lnTo>
                      <a:pt x="354" y="370"/>
                    </a:lnTo>
                    <a:lnTo>
                      <a:pt x="355" y="368"/>
                    </a:lnTo>
                    <a:lnTo>
                      <a:pt x="355" y="365"/>
                    </a:lnTo>
                    <a:lnTo>
                      <a:pt x="354" y="364"/>
                    </a:lnTo>
                    <a:lnTo>
                      <a:pt x="353" y="362"/>
                    </a:lnTo>
                    <a:lnTo>
                      <a:pt x="350" y="361"/>
                    </a:lnTo>
                    <a:lnTo>
                      <a:pt x="345" y="361"/>
                    </a:lnTo>
                    <a:lnTo>
                      <a:pt x="338" y="361"/>
                    </a:lnTo>
                    <a:lnTo>
                      <a:pt x="328" y="361"/>
                    </a:lnTo>
                    <a:lnTo>
                      <a:pt x="318" y="364"/>
                    </a:lnTo>
                    <a:lnTo>
                      <a:pt x="309" y="366"/>
                    </a:lnTo>
                    <a:lnTo>
                      <a:pt x="300" y="370"/>
                    </a:lnTo>
                    <a:lnTo>
                      <a:pt x="290" y="377"/>
                    </a:lnTo>
                    <a:lnTo>
                      <a:pt x="281" y="383"/>
                    </a:lnTo>
                    <a:lnTo>
                      <a:pt x="275" y="391"/>
                    </a:lnTo>
                    <a:lnTo>
                      <a:pt x="267" y="400"/>
                    </a:lnTo>
                    <a:lnTo>
                      <a:pt x="262" y="407"/>
                    </a:lnTo>
                    <a:lnTo>
                      <a:pt x="257" y="413"/>
                    </a:lnTo>
                    <a:lnTo>
                      <a:pt x="252" y="417"/>
                    </a:lnTo>
                    <a:lnTo>
                      <a:pt x="248" y="421"/>
                    </a:lnTo>
                    <a:lnTo>
                      <a:pt x="244" y="422"/>
                    </a:lnTo>
                    <a:lnTo>
                      <a:pt x="240" y="423"/>
                    </a:lnTo>
                    <a:lnTo>
                      <a:pt x="236" y="422"/>
                    </a:lnTo>
                    <a:lnTo>
                      <a:pt x="233" y="421"/>
                    </a:lnTo>
                    <a:lnTo>
                      <a:pt x="232" y="418"/>
                    </a:lnTo>
                    <a:lnTo>
                      <a:pt x="230" y="416"/>
                    </a:lnTo>
                    <a:lnTo>
                      <a:pt x="228" y="410"/>
                    </a:lnTo>
                    <a:lnTo>
                      <a:pt x="228" y="405"/>
                    </a:lnTo>
                    <a:lnTo>
                      <a:pt x="228" y="392"/>
                    </a:lnTo>
                    <a:lnTo>
                      <a:pt x="230" y="377"/>
                    </a:lnTo>
                    <a:lnTo>
                      <a:pt x="245" y="361"/>
                    </a:lnTo>
                    <a:lnTo>
                      <a:pt x="261" y="346"/>
                    </a:lnTo>
                    <a:lnTo>
                      <a:pt x="276" y="330"/>
                    </a:lnTo>
                    <a:lnTo>
                      <a:pt x="290" y="315"/>
                    </a:lnTo>
                    <a:lnTo>
                      <a:pt x="296" y="311"/>
                    </a:lnTo>
                    <a:lnTo>
                      <a:pt x="302" y="307"/>
                    </a:lnTo>
                    <a:lnTo>
                      <a:pt x="309" y="304"/>
                    </a:lnTo>
                    <a:lnTo>
                      <a:pt x="315" y="302"/>
                    </a:lnTo>
                    <a:lnTo>
                      <a:pt x="320" y="299"/>
                    </a:lnTo>
                    <a:lnTo>
                      <a:pt x="323" y="294"/>
                    </a:lnTo>
                    <a:lnTo>
                      <a:pt x="324" y="291"/>
                    </a:lnTo>
                    <a:lnTo>
                      <a:pt x="324" y="287"/>
                    </a:lnTo>
                    <a:lnTo>
                      <a:pt x="324" y="283"/>
                    </a:lnTo>
                    <a:lnTo>
                      <a:pt x="323" y="278"/>
                    </a:lnTo>
                    <a:lnTo>
                      <a:pt x="322" y="277"/>
                    </a:lnTo>
                    <a:lnTo>
                      <a:pt x="302" y="283"/>
                    </a:lnTo>
                    <a:lnTo>
                      <a:pt x="274" y="296"/>
                    </a:lnTo>
                    <a:lnTo>
                      <a:pt x="267" y="299"/>
                    </a:lnTo>
                    <a:lnTo>
                      <a:pt x="261" y="300"/>
                    </a:lnTo>
                    <a:lnTo>
                      <a:pt x="256" y="300"/>
                    </a:lnTo>
                    <a:lnTo>
                      <a:pt x="252" y="300"/>
                    </a:lnTo>
                    <a:lnTo>
                      <a:pt x="249" y="298"/>
                    </a:lnTo>
                    <a:lnTo>
                      <a:pt x="246" y="295"/>
                    </a:lnTo>
                    <a:lnTo>
                      <a:pt x="248" y="290"/>
                    </a:lnTo>
                    <a:lnTo>
                      <a:pt x="249" y="282"/>
                    </a:lnTo>
                    <a:lnTo>
                      <a:pt x="252" y="273"/>
                    </a:lnTo>
                    <a:lnTo>
                      <a:pt x="253" y="264"/>
                    </a:lnTo>
                    <a:lnTo>
                      <a:pt x="253" y="258"/>
                    </a:lnTo>
                    <a:lnTo>
                      <a:pt x="250" y="252"/>
                    </a:lnTo>
                    <a:lnTo>
                      <a:pt x="248" y="248"/>
                    </a:lnTo>
                    <a:lnTo>
                      <a:pt x="244" y="245"/>
                    </a:lnTo>
                    <a:lnTo>
                      <a:pt x="240" y="241"/>
                    </a:lnTo>
                    <a:lnTo>
                      <a:pt x="235" y="238"/>
                    </a:lnTo>
                    <a:lnTo>
                      <a:pt x="226" y="234"/>
                    </a:lnTo>
                    <a:lnTo>
                      <a:pt x="218" y="230"/>
                    </a:lnTo>
                    <a:lnTo>
                      <a:pt x="215" y="228"/>
                    </a:lnTo>
                    <a:lnTo>
                      <a:pt x="215" y="225"/>
                    </a:lnTo>
                    <a:lnTo>
                      <a:pt x="215" y="221"/>
                    </a:lnTo>
                    <a:lnTo>
                      <a:pt x="218" y="216"/>
                    </a:lnTo>
                    <a:lnTo>
                      <a:pt x="228" y="204"/>
                    </a:lnTo>
                    <a:lnTo>
                      <a:pt x="241" y="193"/>
                    </a:lnTo>
                    <a:lnTo>
                      <a:pt x="245" y="186"/>
                    </a:lnTo>
                    <a:lnTo>
                      <a:pt x="248" y="180"/>
                    </a:lnTo>
                    <a:lnTo>
                      <a:pt x="249" y="176"/>
                    </a:lnTo>
                    <a:lnTo>
                      <a:pt x="248" y="172"/>
                    </a:lnTo>
                    <a:lnTo>
                      <a:pt x="248" y="168"/>
                    </a:lnTo>
                    <a:lnTo>
                      <a:pt x="245" y="164"/>
                    </a:lnTo>
                    <a:lnTo>
                      <a:pt x="243" y="158"/>
                    </a:lnTo>
                    <a:lnTo>
                      <a:pt x="241" y="154"/>
                    </a:lnTo>
                    <a:lnTo>
                      <a:pt x="243" y="150"/>
                    </a:lnTo>
                    <a:lnTo>
                      <a:pt x="245" y="147"/>
                    </a:lnTo>
                    <a:lnTo>
                      <a:pt x="249" y="145"/>
                    </a:lnTo>
                    <a:lnTo>
                      <a:pt x="253" y="145"/>
                    </a:lnTo>
                    <a:lnTo>
                      <a:pt x="259" y="144"/>
                    </a:lnTo>
                    <a:lnTo>
                      <a:pt x="265" y="144"/>
                    </a:lnTo>
                    <a:lnTo>
                      <a:pt x="279" y="144"/>
                    </a:lnTo>
                    <a:lnTo>
                      <a:pt x="292" y="145"/>
                    </a:lnTo>
                    <a:lnTo>
                      <a:pt x="302" y="145"/>
                    </a:lnTo>
                    <a:lnTo>
                      <a:pt x="309" y="142"/>
                    </a:lnTo>
                    <a:lnTo>
                      <a:pt x="303" y="133"/>
                    </a:lnTo>
                    <a:lnTo>
                      <a:pt x="294" y="120"/>
                    </a:lnTo>
                    <a:lnTo>
                      <a:pt x="290" y="112"/>
                    </a:lnTo>
                    <a:lnTo>
                      <a:pt x="289" y="106"/>
                    </a:lnTo>
                    <a:lnTo>
                      <a:pt x="289" y="103"/>
                    </a:lnTo>
                    <a:lnTo>
                      <a:pt x="289" y="102"/>
                    </a:lnTo>
                    <a:lnTo>
                      <a:pt x="292" y="100"/>
                    </a:lnTo>
                    <a:lnTo>
                      <a:pt x="294" y="98"/>
                    </a:lnTo>
                    <a:lnTo>
                      <a:pt x="305" y="98"/>
                    </a:lnTo>
                    <a:lnTo>
                      <a:pt x="319" y="100"/>
                    </a:lnTo>
                    <a:lnTo>
                      <a:pt x="335" y="101"/>
                    </a:lnTo>
                    <a:lnTo>
                      <a:pt x="345" y="105"/>
                    </a:lnTo>
                    <a:lnTo>
                      <a:pt x="354" y="110"/>
                    </a:lnTo>
                    <a:lnTo>
                      <a:pt x="362" y="112"/>
                    </a:lnTo>
                    <a:lnTo>
                      <a:pt x="368" y="115"/>
                    </a:lnTo>
                    <a:lnTo>
                      <a:pt x="373" y="115"/>
                    </a:lnTo>
                    <a:lnTo>
                      <a:pt x="377" y="114"/>
                    </a:lnTo>
                    <a:lnTo>
                      <a:pt x="381" y="112"/>
                    </a:lnTo>
                    <a:lnTo>
                      <a:pt x="385" y="109"/>
                    </a:lnTo>
                    <a:lnTo>
                      <a:pt x="388" y="106"/>
                    </a:lnTo>
                    <a:lnTo>
                      <a:pt x="393" y="98"/>
                    </a:lnTo>
                    <a:lnTo>
                      <a:pt x="398" y="90"/>
                    </a:lnTo>
                    <a:lnTo>
                      <a:pt x="402" y="87"/>
                    </a:lnTo>
                    <a:lnTo>
                      <a:pt x="406" y="84"/>
                    </a:lnTo>
                    <a:lnTo>
                      <a:pt x="411" y="81"/>
                    </a:lnTo>
                    <a:lnTo>
                      <a:pt x="416" y="80"/>
                    </a:lnTo>
                    <a:lnTo>
                      <a:pt x="424" y="81"/>
                    </a:lnTo>
                    <a:lnTo>
                      <a:pt x="430" y="83"/>
                    </a:lnTo>
                    <a:lnTo>
                      <a:pt x="438" y="87"/>
                    </a:lnTo>
                    <a:lnTo>
                      <a:pt x="445" y="92"/>
                    </a:lnTo>
                    <a:lnTo>
                      <a:pt x="459" y="101"/>
                    </a:lnTo>
                    <a:lnTo>
                      <a:pt x="471" y="110"/>
                    </a:lnTo>
                    <a:lnTo>
                      <a:pt x="482" y="114"/>
                    </a:lnTo>
                    <a:lnTo>
                      <a:pt x="495" y="118"/>
                    </a:lnTo>
                    <a:lnTo>
                      <a:pt x="511" y="122"/>
                    </a:lnTo>
                    <a:lnTo>
                      <a:pt x="525" y="125"/>
                    </a:lnTo>
                    <a:lnTo>
                      <a:pt x="541" y="129"/>
                    </a:lnTo>
                    <a:lnTo>
                      <a:pt x="553" y="133"/>
                    </a:lnTo>
                    <a:lnTo>
                      <a:pt x="559" y="137"/>
                    </a:lnTo>
                    <a:lnTo>
                      <a:pt x="564" y="140"/>
                    </a:lnTo>
                    <a:lnTo>
                      <a:pt x="568" y="144"/>
                    </a:lnTo>
                    <a:lnTo>
                      <a:pt x="572" y="147"/>
                    </a:lnTo>
                    <a:lnTo>
                      <a:pt x="579" y="159"/>
                    </a:lnTo>
                    <a:lnTo>
                      <a:pt x="586" y="169"/>
                    </a:lnTo>
                    <a:lnTo>
                      <a:pt x="592" y="176"/>
                    </a:lnTo>
                    <a:lnTo>
                      <a:pt x="599" y="181"/>
                    </a:lnTo>
                    <a:lnTo>
                      <a:pt x="605" y="184"/>
                    </a:lnTo>
                    <a:lnTo>
                      <a:pt x="610" y="185"/>
                    </a:lnTo>
                    <a:lnTo>
                      <a:pt x="614" y="185"/>
                    </a:lnTo>
                    <a:lnTo>
                      <a:pt x="620" y="182"/>
                    </a:lnTo>
                    <a:lnTo>
                      <a:pt x="622" y="179"/>
                    </a:lnTo>
                    <a:lnTo>
                      <a:pt x="626" y="173"/>
                    </a:lnTo>
                    <a:lnTo>
                      <a:pt x="629" y="167"/>
                    </a:lnTo>
                    <a:lnTo>
                      <a:pt x="631" y="159"/>
                    </a:lnTo>
                    <a:lnTo>
                      <a:pt x="634" y="141"/>
                    </a:lnTo>
                    <a:lnTo>
                      <a:pt x="635" y="120"/>
                    </a:lnTo>
                    <a:lnTo>
                      <a:pt x="636" y="118"/>
                    </a:lnTo>
                    <a:lnTo>
                      <a:pt x="636" y="115"/>
                    </a:lnTo>
                    <a:lnTo>
                      <a:pt x="636" y="112"/>
                    </a:lnTo>
                    <a:lnTo>
                      <a:pt x="635" y="110"/>
                    </a:lnTo>
                    <a:lnTo>
                      <a:pt x="631" y="105"/>
                    </a:lnTo>
                    <a:lnTo>
                      <a:pt x="629" y="101"/>
                    </a:lnTo>
                    <a:lnTo>
                      <a:pt x="626" y="96"/>
                    </a:lnTo>
                    <a:lnTo>
                      <a:pt x="626" y="92"/>
                    </a:lnTo>
                    <a:lnTo>
                      <a:pt x="627" y="88"/>
                    </a:lnTo>
                    <a:lnTo>
                      <a:pt x="630" y="83"/>
                    </a:lnTo>
                    <a:lnTo>
                      <a:pt x="631" y="77"/>
                    </a:lnTo>
                    <a:lnTo>
                      <a:pt x="631" y="72"/>
                    </a:lnTo>
                    <a:lnTo>
                      <a:pt x="630" y="67"/>
                    </a:lnTo>
                    <a:lnTo>
                      <a:pt x="629" y="62"/>
                    </a:lnTo>
                    <a:lnTo>
                      <a:pt x="626" y="57"/>
                    </a:lnTo>
                    <a:lnTo>
                      <a:pt x="626" y="52"/>
                    </a:lnTo>
                    <a:lnTo>
                      <a:pt x="626" y="46"/>
                    </a:lnTo>
                    <a:lnTo>
                      <a:pt x="629" y="41"/>
                    </a:lnTo>
                    <a:lnTo>
                      <a:pt x="634" y="39"/>
                    </a:lnTo>
                    <a:lnTo>
                      <a:pt x="640" y="37"/>
                    </a:lnTo>
                    <a:lnTo>
                      <a:pt x="647" y="36"/>
                    </a:lnTo>
                    <a:lnTo>
                      <a:pt x="652" y="36"/>
                    </a:lnTo>
                    <a:lnTo>
                      <a:pt x="666" y="35"/>
                    </a:lnTo>
                    <a:lnTo>
                      <a:pt x="680" y="32"/>
                    </a:lnTo>
                    <a:lnTo>
                      <a:pt x="712" y="27"/>
                    </a:lnTo>
                    <a:lnTo>
                      <a:pt x="731" y="22"/>
                    </a:lnTo>
                    <a:lnTo>
                      <a:pt x="740" y="19"/>
                    </a:lnTo>
                    <a:lnTo>
                      <a:pt x="749" y="15"/>
                    </a:lnTo>
                    <a:lnTo>
                      <a:pt x="759" y="10"/>
                    </a:lnTo>
                    <a:lnTo>
                      <a:pt x="772" y="2"/>
                    </a:lnTo>
                    <a:lnTo>
                      <a:pt x="776" y="0"/>
                    </a:lnTo>
                    <a:lnTo>
                      <a:pt x="780" y="0"/>
                    </a:lnTo>
                    <a:lnTo>
                      <a:pt x="784" y="0"/>
                    </a:lnTo>
                    <a:lnTo>
                      <a:pt x="787" y="1"/>
                    </a:lnTo>
                    <a:lnTo>
                      <a:pt x="792" y="5"/>
                    </a:lnTo>
                    <a:lnTo>
                      <a:pt x="796" y="11"/>
                    </a:lnTo>
                    <a:lnTo>
                      <a:pt x="798" y="19"/>
                    </a:lnTo>
                    <a:lnTo>
                      <a:pt x="801" y="27"/>
                    </a:lnTo>
                    <a:lnTo>
                      <a:pt x="804" y="33"/>
                    </a:lnTo>
                    <a:lnTo>
                      <a:pt x="807" y="37"/>
                    </a:lnTo>
                    <a:lnTo>
                      <a:pt x="826" y="39"/>
                    </a:lnTo>
                    <a:lnTo>
                      <a:pt x="844" y="41"/>
                    </a:lnTo>
                    <a:lnTo>
                      <a:pt x="846" y="44"/>
                    </a:lnTo>
                    <a:lnTo>
                      <a:pt x="846" y="48"/>
                    </a:lnTo>
                    <a:lnTo>
                      <a:pt x="848" y="53"/>
                    </a:lnTo>
                    <a:lnTo>
                      <a:pt x="848" y="59"/>
                    </a:lnTo>
                    <a:lnTo>
                      <a:pt x="848" y="65"/>
                    </a:lnTo>
                    <a:lnTo>
                      <a:pt x="849" y="70"/>
                    </a:lnTo>
                    <a:lnTo>
                      <a:pt x="851" y="75"/>
                    </a:lnTo>
                    <a:lnTo>
                      <a:pt x="855" y="80"/>
                    </a:lnTo>
                    <a:lnTo>
                      <a:pt x="864" y="84"/>
                    </a:lnTo>
                    <a:lnTo>
                      <a:pt x="871" y="87"/>
                    </a:lnTo>
                    <a:lnTo>
                      <a:pt x="879" y="89"/>
                    </a:lnTo>
                    <a:lnTo>
                      <a:pt x="886" y="90"/>
                    </a:lnTo>
                    <a:lnTo>
                      <a:pt x="893" y="92"/>
                    </a:lnTo>
                    <a:lnTo>
                      <a:pt x="901" y="96"/>
                    </a:lnTo>
                    <a:lnTo>
                      <a:pt x="908" y="102"/>
                    </a:lnTo>
                    <a:lnTo>
                      <a:pt x="918" y="112"/>
                    </a:lnTo>
                    <a:lnTo>
                      <a:pt x="933" y="137"/>
                    </a:lnTo>
                    <a:lnTo>
                      <a:pt x="954" y="168"/>
                    </a:lnTo>
                    <a:lnTo>
                      <a:pt x="964" y="184"/>
                    </a:lnTo>
                    <a:lnTo>
                      <a:pt x="975" y="197"/>
                    </a:lnTo>
                    <a:lnTo>
                      <a:pt x="980" y="202"/>
                    </a:lnTo>
                    <a:lnTo>
                      <a:pt x="985" y="207"/>
                    </a:lnTo>
                    <a:lnTo>
                      <a:pt x="990" y="210"/>
                    </a:lnTo>
                    <a:lnTo>
                      <a:pt x="995" y="212"/>
                    </a:lnTo>
                    <a:lnTo>
                      <a:pt x="1020" y="219"/>
                    </a:lnTo>
                    <a:lnTo>
                      <a:pt x="1044" y="223"/>
                    </a:lnTo>
                    <a:lnTo>
                      <a:pt x="1070" y="226"/>
                    </a:lnTo>
                    <a:lnTo>
                      <a:pt x="1096" y="230"/>
                    </a:lnTo>
                    <a:lnTo>
                      <a:pt x="1122" y="234"/>
                    </a:lnTo>
                    <a:lnTo>
                      <a:pt x="1148" y="239"/>
                    </a:lnTo>
                    <a:lnTo>
                      <a:pt x="1174" y="246"/>
                    </a:lnTo>
                    <a:lnTo>
                      <a:pt x="1200" y="254"/>
                    </a:lnTo>
                    <a:lnTo>
                      <a:pt x="1222" y="265"/>
                    </a:lnTo>
                    <a:lnTo>
                      <a:pt x="1248" y="281"/>
                    </a:lnTo>
                    <a:lnTo>
                      <a:pt x="1261" y="287"/>
                    </a:lnTo>
                    <a:lnTo>
                      <a:pt x="1272" y="293"/>
                    </a:lnTo>
                    <a:lnTo>
                      <a:pt x="1279" y="295"/>
                    </a:lnTo>
                    <a:lnTo>
                      <a:pt x="1284" y="296"/>
                    </a:lnTo>
                    <a:lnTo>
                      <a:pt x="1289" y="296"/>
                    </a:lnTo>
                    <a:lnTo>
                      <a:pt x="1295" y="296"/>
                    </a:lnTo>
                    <a:lnTo>
                      <a:pt x="1305" y="296"/>
                    </a:lnTo>
                    <a:lnTo>
                      <a:pt x="1318" y="298"/>
                    </a:lnTo>
                    <a:lnTo>
                      <a:pt x="1331" y="300"/>
                    </a:lnTo>
                    <a:lnTo>
                      <a:pt x="1344" y="303"/>
                    </a:lnTo>
                    <a:lnTo>
                      <a:pt x="1355" y="305"/>
                    </a:lnTo>
                    <a:lnTo>
                      <a:pt x="1366" y="308"/>
                    </a:lnTo>
                    <a:lnTo>
                      <a:pt x="1372" y="308"/>
                    </a:lnTo>
                    <a:lnTo>
                      <a:pt x="1376" y="308"/>
                    </a:lnTo>
                    <a:lnTo>
                      <a:pt x="1375" y="295"/>
                    </a:lnTo>
                    <a:lnTo>
                      <a:pt x="1372" y="285"/>
                    </a:lnTo>
                    <a:lnTo>
                      <a:pt x="1372" y="281"/>
                    </a:lnTo>
                    <a:lnTo>
                      <a:pt x="1375" y="277"/>
                    </a:lnTo>
                    <a:lnTo>
                      <a:pt x="1380" y="276"/>
                    </a:lnTo>
                    <a:lnTo>
                      <a:pt x="1388" y="274"/>
                    </a:lnTo>
                    <a:lnTo>
                      <a:pt x="1399" y="274"/>
                    </a:lnTo>
                    <a:lnTo>
                      <a:pt x="1407" y="277"/>
                    </a:lnTo>
                    <a:lnTo>
                      <a:pt x="1414" y="280"/>
                    </a:lnTo>
                    <a:lnTo>
                      <a:pt x="1418" y="283"/>
                    </a:lnTo>
                    <a:lnTo>
                      <a:pt x="1420" y="287"/>
                    </a:lnTo>
                    <a:lnTo>
                      <a:pt x="1421" y="293"/>
                    </a:lnTo>
                    <a:lnTo>
                      <a:pt x="1423" y="298"/>
                    </a:lnTo>
                    <a:lnTo>
                      <a:pt x="1421" y="303"/>
                    </a:lnTo>
                    <a:lnTo>
                      <a:pt x="1420" y="315"/>
                    </a:lnTo>
                    <a:lnTo>
                      <a:pt x="1420" y="326"/>
                    </a:lnTo>
                    <a:lnTo>
                      <a:pt x="1421" y="331"/>
                    </a:lnTo>
                    <a:lnTo>
                      <a:pt x="1424" y="337"/>
                    </a:lnTo>
                    <a:lnTo>
                      <a:pt x="1427" y="342"/>
                    </a:lnTo>
                    <a:lnTo>
                      <a:pt x="1433" y="344"/>
                    </a:lnTo>
                    <a:lnTo>
                      <a:pt x="1554" y="407"/>
                    </a:lnTo>
                    <a:lnTo>
                      <a:pt x="1582" y="421"/>
                    </a:lnTo>
                    <a:lnTo>
                      <a:pt x="1608" y="435"/>
                    </a:lnTo>
                    <a:lnTo>
                      <a:pt x="1634" y="449"/>
                    </a:lnTo>
                    <a:lnTo>
                      <a:pt x="1659" y="465"/>
                    </a:lnTo>
                    <a:lnTo>
                      <a:pt x="1706" y="495"/>
                    </a:lnTo>
                    <a:lnTo>
                      <a:pt x="1753" y="522"/>
                    </a:lnTo>
                    <a:lnTo>
                      <a:pt x="1776" y="533"/>
                    </a:lnTo>
                    <a:lnTo>
                      <a:pt x="1801" y="545"/>
                    </a:lnTo>
                    <a:lnTo>
                      <a:pt x="1827" y="556"/>
                    </a:lnTo>
                    <a:lnTo>
                      <a:pt x="1853" y="563"/>
                    </a:lnTo>
                    <a:lnTo>
                      <a:pt x="1880" y="570"/>
                    </a:lnTo>
                    <a:lnTo>
                      <a:pt x="1910" y="575"/>
                    </a:lnTo>
                    <a:lnTo>
                      <a:pt x="1941" y="578"/>
                    </a:lnTo>
                    <a:lnTo>
                      <a:pt x="1975" y="578"/>
                    </a:lnTo>
                    <a:lnTo>
                      <a:pt x="1986" y="578"/>
                    </a:lnTo>
                    <a:lnTo>
                      <a:pt x="1997" y="581"/>
                    </a:lnTo>
                    <a:lnTo>
                      <a:pt x="2008" y="585"/>
                    </a:lnTo>
                    <a:lnTo>
                      <a:pt x="2017" y="590"/>
                    </a:lnTo>
                    <a:lnTo>
                      <a:pt x="2026" y="594"/>
                    </a:lnTo>
                    <a:lnTo>
                      <a:pt x="2036" y="598"/>
                    </a:lnTo>
                    <a:lnTo>
                      <a:pt x="2038" y="598"/>
                    </a:lnTo>
                    <a:lnTo>
                      <a:pt x="2042" y="600"/>
                    </a:lnTo>
                    <a:lnTo>
                      <a:pt x="2046" y="598"/>
                    </a:lnTo>
                    <a:lnTo>
                      <a:pt x="2048" y="597"/>
                    </a:lnTo>
                    <a:lnTo>
                      <a:pt x="2055" y="593"/>
                    </a:lnTo>
                    <a:lnTo>
                      <a:pt x="2061" y="592"/>
                    </a:lnTo>
                    <a:lnTo>
                      <a:pt x="2069" y="590"/>
                    </a:lnTo>
                    <a:lnTo>
                      <a:pt x="2077" y="590"/>
                    </a:lnTo>
                    <a:lnTo>
                      <a:pt x="2093" y="594"/>
                    </a:lnTo>
                    <a:lnTo>
                      <a:pt x="2108" y="600"/>
                    </a:lnTo>
                    <a:lnTo>
                      <a:pt x="2121" y="606"/>
                    </a:lnTo>
                    <a:lnTo>
                      <a:pt x="2131" y="614"/>
                    </a:lnTo>
                    <a:lnTo>
                      <a:pt x="2134" y="616"/>
                    </a:lnTo>
                    <a:lnTo>
                      <a:pt x="2137" y="620"/>
                    </a:lnTo>
                    <a:lnTo>
                      <a:pt x="2137" y="623"/>
                    </a:lnTo>
                    <a:lnTo>
                      <a:pt x="2137" y="625"/>
                    </a:lnTo>
                    <a:lnTo>
                      <a:pt x="2125" y="637"/>
                    </a:lnTo>
                    <a:lnTo>
                      <a:pt x="2116" y="647"/>
                    </a:lnTo>
                    <a:lnTo>
                      <a:pt x="2111" y="657"/>
                    </a:lnTo>
                    <a:lnTo>
                      <a:pt x="2108" y="663"/>
                    </a:lnTo>
                    <a:lnTo>
                      <a:pt x="2109" y="668"/>
                    </a:lnTo>
                    <a:lnTo>
                      <a:pt x="2111" y="671"/>
                    </a:lnTo>
                    <a:lnTo>
                      <a:pt x="2116" y="673"/>
                    </a:lnTo>
                    <a:lnTo>
                      <a:pt x="2122" y="675"/>
                    </a:lnTo>
                    <a:lnTo>
                      <a:pt x="2138" y="676"/>
                    </a:lnTo>
                    <a:lnTo>
                      <a:pt x="2156" y="675"/>
                    </a:lnTo>
                    <a:lnTo>
                      <a:pt x="2174" y="675"/>
                    </a:lnTo>
                    <a:lnTo>
                      <a:pt x="2190" y="676"/>
                    </a:lnTo>
                    <a:lnTo>
                      <a:pt x="2199" y="681"/>
                    </a:lnTo>
                    <a:lnTo>
                      <a:pt x="2209" y="689"/>
                    </a:lnTo>
                    <a:lnTo>
                      <a:pt x="2221" y="699"/>
                    </a:lnTo>
                    <a:lnTo>
                      <a:pt x="2232" y="711"/>
                    </a:lnTo>
                    <a:lnTo>
                      <a:pt x="2244" y="720"/>
                    </a:lnTo>
                    <a:lnTo>
                      <a:pt x="2253" y="728"/>
                    </a:lnTo>
                    <a:lnTo>
                      <a:pt x="2258" y="729"/>
                    </a:lnTo>
                    <a:lnTo>
                      <a:pt x="2262" y="729"/>
                    </a:lnTo>
                    <a:lnTo>
                      <a:pt x="2266" y="728"/>
                    </a:lnTo>
                    <a:lnTo>
                      <a:pt x="2269" y="724"/>
                    </a:lnTo>
                    <a:lnTo>
                      <a:pt x="2275" y="715"/>
                    </a:lnTo>
                    <a:lnTo>
                      <a:pt x="2280" y="707"/>
                    </a:lnTo>
                    <a:lnTo>
                      <a:pt x="2286" y="701"/>
                    </a:lnTo>
                    <a:lnTo>
                      <a:pt x="2291" y="697"/>
                    </a:lnTo>
                    <a:lnTo>
                      <a:pt x="2296" y="694"/>
                    </a:lnTo>
                    <a:lnTo>
                      <a:pt x="2300" y="692"/>
                    </a:lnTo>
                    <a:lnTo>
                      <a:pt x="2304" y="692"/>
                    </a:lnTo>
                    <a:lnTo>
                      <a:pt x="2309" y="693"/>
                    </a:lnTo>
                    <a:lnTo>
                      <a:pt x="2318" y="697"/>
                    </a:lnTo>
                    <a:lnTo>
                      <a:pt x="2328" y="702"/>
                    </a:lnTo>
                    <a:lnTo>
                      <a:pt x="2341" y="707"/>
                    </a:lnTo>
                    <a:lnTo>
                      <a:pt x="2357" y="711"/>
                    </a:lnTo>
                    <a:lnTo>
                      <a:pt x="2371" y="721"/>
                    </a:lnTo>
                    <a:lnTo>
                      <a:pt x="2384" y="729"/>
                    </a:lnTo>
                    <a:lnTo>
                      <a:pt x="2396" y="734"/>
                    </a:lnTo>
                    <a:lnTo>
                      <a:pt x="2407" y="739"/>
                    </a:lnTo>
                    <a:lnTo>
                      <a:pt x="2419" y="746"/>
                    </a:lnTo>
                    <a:lnTo>
                      <a:pt x="2429" y="752"/>
                    </a:lnTo>
                    <a:lnTo>
                      <a:pt x="2435" y="758"/>
                    </a:lnTo>
                    <a:lnTo>
                      <a:pt x="2440" y="764"/>
                    </a:lnTo>
                    <a:lnTo>
                      <a:pt x="2445" y="771"/>
                    </a:lnTo>
                    <a:lnTo>
                      <a:pt x="2449" y="778"/>
                    </a:lnTo>
                    <a:lnTo>
                      <a:pt x="2455" y="787"/>
                    </a:lnTo>
                    <a:lnTo>
                      <a:pt x="2463" y="795"/>
                    </a:lnTo>
                    <a:lnTo>
                      <a:pt x="2473" y="803"/>
                    </a:lnTo>
                    <a:lnTo>
                      <a:pt x="2484" y="811"/>
                    </a:lnTo>
                    <a:lnTo>
                      <a:pt x="2506" y="825"/>
                    </a:lnTo>
                    <a:lnTo>
                      <a:pt x="2527" y="837"/>
                    </a:lnTo>
                    <a:lnTo>
                      <a:pt x="2537" y="842"/>
                    </a:lnTo>
                    <a:lnTo>
                      <a:pt x="2547" y="844"/>
                    </a:lnTo>
                    <a:lnTo>
                      <a:pt x="2558" y="846"/>
                    </a:lnTo>
                    <a:lnTo>
                      <a:pt x="2568" y="846"/>
                    </a:lnTo>
                    <a:lnTo>
                      <a:pt x="2578" y="843"/>
                    </a:lnTo>
                    <a:lnTo>
                      <a:pt x="2589" y="840"/>
                    </a:lnTo>
                    <a:lnTo>
                      <a:pt x="2599" y="838"/>
                    </a:lnTo>
                    <a:lnTo>
                      <a:pt x="2609" y="834"/>
                    </a:lnTo>
                    <a:lnTo>
                      <a:pt x="2630" y="826"/>
                    </a:lnTo>
                    <a:lnTo>
                      <a:pt x="2650" y="821"/>
                    </a:lnTo>
                    <a:lnTo>
                      <a:pt x="2659" y="821"/>
                    </a:lnTo>
                    <a:lnTo>
                      <a:pt x="2669" y="821"/>
                    </a:lnTo>
                    <a:lnTo>
                      <a:pt x="2678" y="824"/>
                    </a:lnTo>
                    <a:lnTo>
                      <a:pt x="2687" y="828"/>
                    </a:lnTo>
                    <a:lnTo>
                      <a:pt x="2687" y="828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79" name="Freeform 240"/>
              <p:cNvSpPr>
                <a:spLocks/>
              </p:cNvSpPr>
              <p:nvPr/>
            </p:nvSpPr>
            <p:spPr bwMode="auto">
              <a:xfrm>
                <a:off x="3733800" y="4911474"/>
                <a:ext cx="704995" cy="1038626"/>
              </a:xfrm>
              <a:custGeom>
                <a:avLst/>
                <a:gdLst/>
                <a:ahLst/>
                <a:cxnLst>
                  <a:cxn ang="0">
                    <a:pos x="954" y="13"/>
                  </a:cxn>
                  <a:cxn ang="0">
                    <a:pos x="1034" y="9"/>
                  </a:cxn>
                  <a:cxn ang="0">
                    <a:pos x="999" y="82"/>
                  </a:cxn>
                  <a:cxn ang="0">
                    <a:pos x="1043" y="153"/>
                  </a:cxn>
                  <a:cxn ang="0">
                    <a:pos x="1129" y="145"/>
                  </a:cxn>
                  <a:cxn ang="0">
                    <a:pos x="1246" y="231"/>
                  </a:cxn>
                  <a:cxn ang="0">
                    <a:pos x="1354" y="219"/>
                  </a:cxn>
                  <a:cxn ang="0">
                    <a:pos x="1459" y="272"/>
                  </a:cxn>
                  <a:cxn ang="0">
                    <a:pos x="1478" y="345"/>
                  </a:cxn>
                  <a:cxn ang="0">
                    <a:pos x="1504" y="443"/>
                  </a:cxn>
                  <a:cxn ang="0">
                    <a:pos x="1543" y="507"/>
                  </a:cxn>
                  <a:cxn ang="0">
                    <a:pos x="1476" y="586"/>
                  </a:cxn>
                  <a:cxn ang="0">
                    <a:pos x="1305" y="639"/>
                  </a:cxn>
                  <a:cxn ang="0">
                    <a:pos x="1274" y="698"/>
                  </a:cxn>
                  <a:cxn ang="0">
                    <a:pos x="1248" y="844"/>
                  </a:cxn>
                  <a:cxn ang="0">
                    <a:pos x="1170" y="916"/>
                  </a:cxn>
                  <a:cxn ang="0">
                    <a:pos x="1126" y="964"/>
                  </a:cxn>
                  <a:cxn ang="0">
                    <a:pos x="1101" y="1107"/>
                  </a:cxn>
                  <a:cxn ang="0">
                    <a:pos x="919" y="1202"/>
                  </a:cxn>
                  <a:cxn ang="0">
                    <a:pos x="919" y="1292"/>
                  </a:cxn>
                  <a:cxn ang="0">
                    <a:pos x="932" y="1421"/>
                  </a:cxn>
                  <a:cxn ang="0">
                    <a:pos x="960" y="1494"/>
                  </a:cxn>
                  <a:cxn ang="0">
                    <a:pos x="816" y="1674"/>
                  </a:cxn>
                  <a:cxn ang="0">
                    <a:pos x="821" y="1838"/>
                  </a:cxn>
                  <a:cxn ang="0">
                    <a:pos x="876" y="1876"/>
                  </a:cxn>
                  <a:cxn ang="0">
                    <a:pos x="801" y="1923"/>
                  </a:cxn>
                  <a:cxn ang="0">
                    <a:pos x="737" y="1933"/>
                  </a:cxn>
                  <a:cxn ang="0">
                    <a:pos x="675" y="2015"/>
                  </a:cxn>
                  <a:cxn ang="0">
                    <a:pos x="605" y="2116"/>
                  </a:cxn>
                  <a:cxn ang="0">
                    <a:pos x="533" y="2269"/>
                  </a:cxn>
                  <a:cxn ang="0">
                    <a:pos x="421" y="2296"/>
                  </a:cxn>
                  <a:cxn ang="0">
                    <a:pos x="302" y="2204"/>
                  </a:cxn>
                  <a:cxn ang="0">
                    <a:pos x="206" y="2155"/>
                  </a:cxn>
                  <a:cxn ang="0">
                    <a:pos x="44" y="2143"/>
                  </a:cxn>
                  <a:cxn ang="0">
                    <a:pos x="12" y="2117"/>
                  </a:cxn>
                  <a:cxn ang="0">
                    <a:pos x="100" y="1987"/>
                  </a:cxn>
                  <a:cxn ang="0">
                    <a:pos x="191" y="1779"/>
                  </a:cxn>
                  <a:cxn ang="0">
                    <a:pos x="191" y="1719"/>
                  </a:cxn>
                  <a:cxn ang="0">
                    <a:pos x="258" y="1653"/>
                  </a:cxn>
                  <a:cxn ang="0">
                    <a:pos x="279" y="1535"/>
                  </a:cxn>
                  <a:cxn ang="0">
                    <a:pos x="303" y="1544"/>
                  </a:cxn>
                  <a:cxn ang="0">
                    <a:pos x="372" y="1564"/>
                  </a:cxn>
                  <a:cxn ang="0">
                    <a:pos x="362" y="1513"/>
                  </a:cxn>
                  <a:cxn ang="0">
                    <a:pos x="316" y="1520"/>
                  </a:cxn>
                  <a:cxn ang="0">
                    <a:pos x="272" y="1495"/>
                  </a:cxn>
                  <a:cxn ang="0">
                    <a:pos x="179" y="1503"/>
                  </a:cxn>
                  <a:cxn ang="0">
                    <a:pos x="140" y="1446"/>
                  </a:cxn>
                  <a:cxn ang="0">
                    <a:pos x="161" y="1381"/>
                  </a:cxn>
                  <a:cxn ang="0">
                    <a:pos x="257" y="1375"/>
                  </a:cxn>
                  <a:cxn ang="0">
                    <a:pos x="275" y="1331"/>
                  </a:cxn>
                  <a:cxn ang="0">
                    <a:pos x="134" y="1327"/>
                  </a:cxn>
                  <a:cxn ang="0">
                    <a:pos x="141" y="1249"/>
                  </a:cxn>
                  <a:cxn ang="0">
                    <a:pos x="206" y="1171"/>
                  </a:cxn>
                  <a:cxn ang="0">
                    <a:pos x="239" y="1109"/>
                  </a:cxn>
                  <a:cxn ang="0">
                    <a:pos x="262" y="1053"/>
                  </a:cxn>
                  <a:cxn ang="0">
                    <a:pos x="349" y="977"/>
                  </a:cxn>
                  <a:cxn ang="0">
                    <a:pos x="410" y="888"/>
                  </a:cxn>
                  <a:cxn ang="0">
                    <a:pos x="666" y="548"/>
                  </a:cxn>
                  <a:cxn ang="0">
                    <a:pos x="635" y="526"/>
                  </a:cxn>
                  <a:cxn ang="0">
                    <a:pos x="684" y="408"/>
                  </a:cxn>
                  <a:cxn ang="0">
                    <a:pos x="761" y="110"/>
                  </a:cxn>
                  <a:cxn ang="0">
                    <a:pos x="801" y="51"/>
                  </a:cxn>
                </a:cxnLst>
                <a:rect l="0" t="0" r="r" b="b"/>
                <a:pathLst>
                  <a:path w="1550" h="2298">
                    <a:moveTo>
                      <a:pt x="799" y="47"/>
                    </a:moveTo>
                    <a:lnTo>
                      <a:pt x="850" y="27"/>
                    </a:lnTo>
                    <a:lnTo>
                      <a:pt x="876" y="16"/>
                    </a:lnTo>
                    <a:lnTo>
                      <a:pt x="890" y="5"/>
                    </a:lnTo>
                    <a:lnTo>
                      <a:pt x="898" y="4"/>
                    </a:lnTo>
                    <a:lnTo>
                      <a:pt x="908" y="3"/>
                    </a:lnTo>
                    <a:lnTo>
                      <a:pt x="921" y="5"/>
                    </a:lnTo>
                    <a:lnTo>
                      <a:pt x="939" y="11"/>
                    </a:lnTo>
                    <a:lnTo>
                      <a:pt x="954" y="13"/>
                    </a:lnTo>
                    <a:lnTo>
                      <a:pt x="967" y="13"/>
                    </a:lnTo>
                    <a:lnTo>
                      <a:pt x="978" y="12"/>
                    </a:lnTo>
                    <a:lnTo>
                      <a:pt x="989" y="9"/>
                    </a:lnTo>
                    <a:lnTo>
                      <a:pt x="1000" y="7"/>
                    </a:lnTo>
                    <a:lnTo>
                      <a:pt x="1012" y="3"/>
                    </a:lnTo>
                    <a:lnTo>
                      <a:pt x="1024" y="2"/>
                    </a:lnTo>
                    <a:lnTo>
                      <a:pt x="1037" y="0"/>
                    </a:lnTo>
                    <a:lnTo>
                      <a:pt x="1037" y="4"/>
                    </a:lnTo>
                    <a:lnTo>
                      <a:pt x="1034" y="9"/>
                    </a:lnTo>
                    <a:lnTo>
                      <a:pt x="1030" y="15"/>
                    </a:lnTo>
                    <a:lnTo>
                      <a:pt x="1026" y="21"/>
                    </a:lnTo>
                    <a:lnTo>
                      <a:pt x="1016" y="33"/>
                    </a:lnTo>
                    <a:lnTo>
                      <a:pt x="1008" y="42"/>
                    </a:lnTo>
                    <a:lnTo>
                      <a:pt x="1005" y="47"/>
                    </a:lnTo>
                    <a:lnTo>
                      <a:pt x="1003" y="53"/>
                    </a:lnTo>
                    <a:lnTo>
                      <a:pt x="1000" y="60"/>
                    </a:lnTo>
                    <a:lnTo>
                      <a:pt x="999" y="68"/>
                    </a:lnTo>
                    <a:lnTo>
                      <a:pt x="999" y="82"/>
                    </a:lnTo>
                    <a:lnTo>
                      <a:pt x="1002" y="97"/>
                    </a:lnTo>
                    <a:lnTo>
                      <a:pt x="1005" y="112"/>
                    </a:lnTo>
                    <a:lnTo>
                      <a:pt x="1012" y="125"/>
                    </a:lnTo>
                    <a:lnTo>
                      <a:pt x="1016" y="131"/>
                    </a:lnTo>
                    <a:lnTo>
                      <a:pt x="1020" y="136"/>
                    </a:lnTo>
                    <a:lnTo>
                      <a:pt x="1025" y="141"/>
                    </a:lnTo>
                    <a:lnTo>
                      <a:pt x="1029" y="145"/>
                    </a:lnTo>
                    <a:lnTo>
                      <a:pt x="1037" y="151"/>
                    </a:lnTo>
                    <a:lnTo>
                      <a:pt x="1043" y="153"/>
                    </a:lnTo>
                    <a:lnTo>
                      <a:pt x="1048" y="156"/>
                    </a:lnTo>
                    <a:lnTo>
                      <a:pt x="1055" y="157"/>
                    </a:lnTo>
                    <a:lnTo>
                      <a:pt x="1065" y="157"/>
                    </a:lnTo>
                    <a:lnTo>
                      <a:pt x="1075" y="154"/>
                    </a:lnTo>
                    <a:lnTo>
                      <a:pt x="1086" y="152"/>
                    </a:lnTo>
                    <a:lnTo>
                      <a:pt x="1097" y="148"/>
                    </a:lnTo>
                    <a:lnTo>
                      <a:pt x="1109" y="145"/>
                    </a:lnTo>
                    <a:lnTo>
                      <a:pt x="1123" y="144"/>
                    </a:lnTo>
                    <a:lnTo>
                      <a:pt x="1129" y="145"/>
                    </a:lnTo>
                    <a:lnTo>
                      <a:pt x="1134" y="148"/>
                    </a:lnTo>
                    <a:lnTo>
                      <a:pt x="1141" y="151"/>
                    </a:lnTo>
                    <a:lnTo>
                      <a:pt x="1148" y="154"/>
                    </a:lnTo>
                    <a:lnTo>
                      <a:pt x="1164" y="165"/>
                    </a:lnTo>
                    <a:lnTo>
                      <a:pt x="1179" y="176"/>
                    </a:lnTo>
                    <a:lnTo>
                      <a:pt x="1208" y="202"/>
                    </a:lnTo>
                    <a:lnTo>
                      <a:pt x="1230" y="222"/>
                    </a:lnTo>
                    <a:lnTo>
                      <a:pt x="1237" y="227"/>
                    </a:lnTo>
                    <a:lnTo>
                      <a:pt x="1246" y="231"/>
                    </a:lnTo>
                    <a:lnTo>
                      <a:pt x="1255" y="233"/>
                    </a:lnTo>
                    <a:lnTo>
                      <a:pt x="1265" y="233"/>
                    </a:lnTo>
                    <a:lnTo>
                      <a:pt x="1285" y="231"/>
                    </a:lnTo>
                    <a:lnTo>
                      <a:pt x="1306" y="226"/>
                    </a:lnTo>
                    <a:lnTo>
                      <a:pt x="1315" y="223"/>
                    </a:lnTo>
                    <a:lnTo>
                      <a:pt x="1325" y="220"/>
                    </a:lnTo>
                    <a:lnTo>
                      <a:pt x="1336" y="219"/>
                    </a:lnTo>
                    <a:lnTo>
                      <a:pt x="1345" y="219"/>
                    </a:lnTo>
                    <a:lnTo>
                      <a:pt x="1354" y="219"/>
                    </a:lnTo>
                    <a:lnTo>
                      <a:pt x="1363" y="223"/>
                    </a:lnTo>
                    <a:lnTo>
                      <a:pt x="1371" y="227"/>
                    </a:lnTo>
                    <a:lnTo>
                      <a:pt x="1377" y="235"/>
                    </a:lnTo>
                    <a:lnTo>
                      <a:pt x="1393" y="239"/>
                    </a:lnTo>
                    <a:lnTo>
                      <a:pt x="1406" y="244"/>
                    </a:lnTo>
                    <a:lnTo>
                      <a:pt x="1419" y="252"/>
                    </a:lnTo>
                    <a:lnTo>
                      <a:pt x="1432" y="258"/>
                    </a:lnTo>
                    <a:lnTo>
                      <a:pt x="1445" y="266"/>
                    </a:lnTo>
                    <a:lnTo>
                      <a:pt x="1459" y="272"/>
                    </a:lnTo>
                    <a:lnTo>
                      <a:pt x="1473" y="277"/>
                    </a:lnTo>
                    <a:lnTo>
                      <a:pt x="1487" y="283"/>
                    </a:lnTo>
                    <a:lnTo>
                      <a:pt x="1490" y="289"/>
                    </a:lnTo>
                    <a:lnTo>
                      <a:pt x="1490" y="297"/>
                    </a:lnTo>
                    <a:lnTo>
                      <a:pt x="1489" y="302"/>
                    </a:lnTo>
                    <a:lnTo>
                      <a:pt x="1487" y="309"/>
                    </a:lnTo>
                    <a:lnTo>
                      <a:pt x="1483" y="320"/>
                    </a:lnTo>
                    <a:lnTo>
                      <a:pt x="1480" y="334"/>
                    </a:lnTo>
                    <a:lnTo>
                      <a:pt x="1478" y="345"/>
                    </a:lnTo>
                    <a:lnTo>
                      <a:pt x="1477" y="357"/>
                    </a:lnTo>
                    <a:lnTo>
                      <a:pt x="1476" y="369"/>
                    </a:lnTo>
                    <a:lnTo>
                      <a:pt x="1476" y="382"/>
                    </a:lnTo>
                    <a:lnTo>
                      <a:pt x="1477" y="395"/>
                    </a:lnTo>
                    <a:lnTo>
                      <a:pt x="1478" y="408"/>
                    </a:lnTo>
                    <a:lnTo>
                      <a:pt x="1482" y="419"/>
                    </a:lnTo>
                    <a:lnTo>
                      <a:pt x="1487" y="426"/>
                    </a:lnTo>
                    <a:lnTo>
                      <a:pt x="1495" y="436"/>
                    </a:lnTo>
                    <a:lnTo>
                      <a:pt x="1504" y="443"/>
                    </a:lnTo>
                    <a:lnTo>
                      <a:pt x="1515" y="450"/>
                    </a:lnTo>
                    <a:lnTo>
                      <a:pt x="1525" y="456"/>
                    </a:lnTo>
                    <a:lnTo>
                      <a:pt x="1534" y="464"/>
                    </a:lnTo>
                    <a:lnTo>
                      <a:pt x="1542" y="472"/>
                    </a:lnTo>
                    <a:lnTo>
                      <a:pt x="1544" y="477"/>
                    </a:lnTo>
                    <a:lnTo>
                      <a:pt x="1547" y="482"/>
                    </a:lnTo>
                    <a:lnTo>
                      <a:pt x="1548" y="487"/>
                    </a:lnTo>
                    <a:lnTo>
                      <a:pt x="1550" y="494"/>
                    </a:lnTo>
                    <a:lnTo>
                      <a:pt x="1543" y="507"/>
                    </a:lnTo>
                    <a:lnTo>
                      <a:pt x="1538" y="520"/>
                    </a:lnTo>
                    <a:lnTo>
                      <a:pt x="1530" y="534"/>
                    </a:lnTo>
                    <a:lnTo>
                      <a:pt x="1522" y="547"/>
                    </a:lnTo>
                    <a:lnTo>
                      <a:pt x="1512" y="559"/>
                    </a:lnTo>
                    <a:lnTo>
                      <a:pt x="1502" y="570"/>
                    </a:lnTo>
                    <a:lnTo>
                      <a:pt x="1495" y="574"/>
                    </a:lnTo>
                    <a:lnTo>
                      <a:pt x="1490" y="579"/>
                    </a:lnTo>
                    <a:lnTo>
                      <a:pt x="1483" y="582"/>
                    </a:lnTo>
                    <a:lnTo>
                      <a:pt x="1476" y="586"/>
                    </a:lnTo>
                    <a:lnTo>
                      <a:pt x="1451" y="595"/>
                    </a:lnTo>
                    <a:lnTo>
                      <a:pt x="1428" y="604"/>
                    </a:lnTo>
                    <a:lnTo>
                      <a:pt x="1404" y="610"/>
                    </a:lnTo>
                    <a:lnTo>
                      <a:pt x="1377" y="616"/>
                    </a:lnTo>
                    <a:lnTo>
                      <a:pt x="1364" y="618"/>
                    </a:lnTo>
                    <a:lnTo>
                      <a:pt x="1349" y="622"/>
                    </a:lnTo>
                    <a:lnTo>
                      <a:pt x="1333" y="626"/>
                    </a:lnTo>
                    <a:lnTo>
                      <a:pt x="1318" y="632"/>
                    </a:lnTo>
                    <a:lnTo>
                      <a:pt x="1305" y="639"/>
                    </a:lnTo>
                    <a:lnTo>
                      <a:pt x="1292" y="648"/>
                    </a:lnTo>
                    <a:lnTo>
                      <a:pt x="1287" y="653"/>
                    </a:lnTo>
                    <a:lnTo>
                      <a:pt x="1281" y="658"/>
                    </a:lnTo>
                    <a:lnTo>
                      <a:pt x="1278" y="665"/>
                    </a:lnTo>
                    <a:lnTo>
                      <a:pt x="1275" y="671"/>
                    </a:lnTo>
                    <a:lnTo>
                      <a:pt x="1274" y="678"/>
                    </a:lnTo>
                    <a:lnTo>
                      <a:pt x="1272" y="684"/>
                    </a:lnTo>
                    <a:lnTo>
                      <a:pt x="1272" y="692"/>
                    </a:lnTo>
                    <a:lnTo>
                      <a:pt x="1274" y="698"/>
                    </a:lnTo>
                    <a:lnTo>
                      <a:pt x="1275" y="713"/>
                    </a:lnTo>
                    <a:lnTo>
                      <a:pt x="1275" y="727"/>
                    </a:lnTo>
                    <a:lnTo>
                      <a:pt x="1272" y="746"/>
                    </a:lnTo>
                    <a:lnTo>
                      <a:pt x="1268" y="766"/>
                    </a:lnTo>
                    <a:lnTo>
                      <a:pt x="1265" y="784"/>
                    </a:lnTo>
                    <a:lnTo>
                      <a:pt x="1261" y="803"/>
                    </a:lnTo>
                    <a:lnTo>
                      <a:pt x="1257" y="816"/>
                    </a:lnTo>
                    <a:lnTo>
                      <a:pt x="1253" y="829"/>
                    </a:lnTo>
                    <a:lnTo>
                      <a:pt x="1248" y="844"/>
                    </a:lnTo>
                    <a:lnTo>
                      <a:pt x="1243" y="858"/>
                    </a:lnTo>
                    <a:lnTo>
                      <a:pt x="1235" y="872"/>
                    </a:lnTo>
                    <a:lnTo>
                      <a:pt x="1227" y="885"/>
                    </a:lnTo>
                    <a:lnTo>
                      <a:pt x="1219" y="895"/>
                    </a:lnTo>
                    <a:lnTo>
                      <a:pt x="1210" y="904"/>
                    </a:lnTo>
                    <a:lnTo>
                      <a:pt x="1200" y="910"/>
                    </a:lnTo>
                    <a:lnTo>
                      <a:pt x="1191" y="914"/>
                    </a:lnTo>
                    <a:lnTo>
                      <a:pt x="1180" y="915"/>
                    </a:lnTo>
                    <a:lnTo>
                      <a:pt x="1170" y="916"/>
                    </a:lnTo>
                    <a:lnTo>
                      <a:pt x="1161" y="917"/>
                    </a:lnTo>
                    <a:lnTo>
                      <a:pt x="1152" y="917"/>
                    </a:lnTo>
                    <a:lnTo>
                      <a:pt x="1144" y="920"/>
                    </a:lnTo>
                    <a:lnTo>
                      <a:pt x="1136" y="924"/>
                    </a:lnTo>
                    <a:lnTo>
                      <a:pt x="1132" y="929"/>
                    </a:lnTo>
                    <a:lnTo>
                      <a:pt x="1130" y="934"/>
                    </a:lnTo>
                    <a:lnTo>
                      <a:pt x="1127" y="941"/>
                    </a:lnTo>
                    <a:lnTo>
                      <a:pt x="1126" y="947"/>
                    </a:lnTo>
                    <a:lnTo>
                      <a:pt x="1126" y="964"/>
                    </a:lnTo>
                    <a:lnTo>
                      <a:pt x="1127" y="982"/>
                    </a:lnTo>
                    <a:lnTo>
                      <a:pt x="1130" y="1000"/>
                    </a:lnTo>
                    <a:lnTo>
                      <a:pt x="1131" y="1018"/>
                    </a:lnTo>
                    <a:lnTo>
                      <a:pt x="1132" y="1035"/>
                    </a:lnTo>
                    <a:lnTo>
                      <a:pt x="1131" y="1048"/>
                    </a:lnTo>
                    <a:lnTo>
                      <a:pt x="1127" y="1061"/>
                    </a:lnTo>
                    <a:lnTo>
                      <a:pt x="1121" y="1077"/>
                    </a:lnTo>
                    <a:lnTo>
                      <a:pt x="1112" y="1091"/>
                    </a:lnTo>
                    <a:lnTo>
                      <a:pt x="1101" y="1107"/>
                    </a:lnTo>
                    <a:lnTo>
                      <a:pt x="1078" y="1136"/>
                    </a:lnTo>
                    <a:lnTo>
                      <a:pt x="1059" y="1160"/>
                    </a:lnTo>
                    <a:lnTo>
                      <a:pt x="1033" y="1191"/>
                    </a:lnTo>
                    <a:lnTo>
                      <a:pt x="930" y="1166"/>
                    </a:lnTo>
                    <a:lnTo>
                      <a:pt x="926" y="1177"/>
                    </a:lnTo>
                    <a:lnTo>
                      <a:pt x="923" y="1186"/>
                    </a:lnTo>
                    <a:lnTo>
                      <a:pt x="920" y="1191"/>
                    </a:lnTo>
                    <a:lnTo>
                      <a:pt x="919" y="1196"/>
                    </a:lnTo>
                    <a:lnTo>
                      <a:pt x="919" y="1202"/>
                    </a:lnTo>
                    <a:lnTo>
                      <a:pt x="919" y="1209"/>
                    </a:lnTo>
                    <a:lnTo>
                      <a:pt x="920" y="1219"/>
                    </a:lnTo>
                    <a:lnTo>
                      <a:pt x="920" y="1230"/>
                    </a:lnTo>
                    <a:lnTo>
                      <a:pt x="919" y="1240"/>
                    </a:lnTo>
                    <a:lnTo>
                      <a:pt x="917" y="1250"/>
                    </a:lnTo>
                    <a:lnTo>
                      <a:pt x="916" y="1261"/>
                    </a:lnTo>
                    <a:lnTo>
                      <a:pt x="916" y="1271"/>
                    </a:lnTo>
                    <a:lnTo>
                      <a:pt x="916" y="1281"/>
                    </a:lnTo>
                    <a:lnTo>
                      <a:pt x="919" y="1292"/>
                    </a:lnTo>
                    <a:lnTo>
                      <a:pt x="924" y="1306"/>
                    </a:lnTo>
                    <a:lnTo>
                      <a:pt x="926" y="1320"/>
                    </a:lnTo>
                    <a:lnTo>
                      <a:pt x="928" y="1333"/>
                    </a:lnTo>
                    <a:lnTo>
                      <a:pt x="928" y="1346"/>
                    </a:lnTo>
                    <a:lnTo>
                      <a:pt x="928" y="1372"/>
                    </a:lnTo>
                    <a:lnTo>
                      <a:pt x="926" y="1401"/>
                    </a:lnTo>
                    <a:lnTo>
                      <a:pt x="926" y="1407"/>
                    </a:lnTo>
                    <a:lnTo>
                      <a:pt x="929" y="1414"/>
                    </a:lnTo>
                    <a:lnTo>
                      <a:pt x="932" y="1421"/>
                    </a:lnTo>
                    <a:lnTo>
                      <a:pt x="936" y="1428"/>
                    </a:lnTo>
                    <a:lnTo>
                      <a:pt x="945" y="1441"/>
                    </a:lnTo>
                    <a:lnTo>
                      <a:pt x="954" y="1452"/>
                    </a:lnTo>
                    <a:lnTo>
                      <a:pt x="961" y="1465"/>
                    </a:lnTo>
                    <a:lnTo>
                      <a:pt x="965" y="1476"/>
                    </a:lnTo>
                    <a:lnTo>
                      <a:pt x="967" y="1481"/>
                    </a:lnTo>
                    <a:lnTo>
                      <a:pt x="967" y="1485"/>
                    </a:lnTo>
                    <a:lnTo>
                      <a:pt x="964" y="1490"/>
                    </a:lnTo>
                    <a:lnTo>
                      <a:pt x="960" y="1494"/>
                    </a:lnTo>
                    <a:lnTo>
                      <a:pt x="889" y="1555"/>
                    </a:lnTo>
                    <a:lnTo>
                      <a:pt x="875" y="1568"/>
                    </a:lnTo>
                    <a:lnTo>
                      <a:pt x="863" y="1581"/>
                    </a:lnTo>
                    <a:lnTo>
                      <a:pt x="851" y="1594"/>
                    </a:lnTo>
                    <a:lnTo>
                      <a:pt x="842" y="1608"/>
                    </a:lnTo>
                    <a:lnTo>
                      <a:pt x="834" y="1622"/>
                    </a:lnTo>
                    <a:lnTo>
                      <a:pt x="827" y="1639"/>
                    </a:lnTo>
                    <a:lnTo>
                      <a:pt x="821" y="1656"/>
                    </a:lnTo>
                    <a:lnTo>
                      <a:pt x="816" y="1674"/>
                    </a:lnTo>
                    <a:lnTo>
                      <a:pt x="810" y="1704"/>
                    </a:lnTo>
                    <a:lnTo>
                      <a:pt x="805" y="1734"/>
                    </a:lnTo>
                    <a:lnTo>
                      <a:pt x="801" y="1765"/>
                    </a:lnTo>
                    <a:lnTo>
                      <a:pt x="799" y="1794"/>
                    </a:lnTo>
                    <a:lnTo>
                      <a:pt x="801" y="1806"/>
                    </a:lnTo>
                    <a:lnTo>
                      <a:pt x="803" y="1816"/>
                    </a:lnTo>
                    <a:lnTo>
                      <a:pt x="809" y="1824"/>
                    </a:lnTo>
                    <a:lnTo>
                      <a:pt x="815" y="1832"/>
                    </a:lnTo>
                    <a:lnTo>
                      <a:pt x="821" y="1838"/>
                    </a:lnTo>
                    <a:lnTo>
                      <a:pt x="831" y="1844"/>
                    </a:lnTo>
                    <a:lnTo>
                      <a:pt x="838" y="1848"/>
                    </a:lnTo>
                    <a:lnTo>
                      <a:pt x="846" y="1851"/>
                    </a:lnTo>
                    <a:lnTo>
                      <a:pt x="854" y="1855"/>
                    </a:lnTo>
                    <a:lnTo>
                      <a:pt x="862" y="1859"/>
                    </a:lnTo>
                    <a:lnTo>
                      <a:pt x="867" y="1862"/>
                    </a:lnTo>
                    <a:lnTo>
                      <a:pt x="872" y="1867"/>
                    </a:lnTo>
                    <a:lnTo>
                      <a:pt x="875" y="1871"/>
                    </a:lnTo>
                    <a:lnTo>
                      <a:pt x="876" y="1876"/>
                    </a:lnTo>
                    <a:lnTo>
                      <a:pt x="875" y="1883"/>
                    </a:lnTo>
                    <a:lnTo>
                      <a:pt x="869" y="1890"/>
                    </a:lnTo>
                    <a:lnTo>
                      <a:pt x="860" y="1902"/>
                    </a:lnTo>
                    <a:lnTo>
                      <a:pt x="853" y="1911"/>
                    </a:lnTo>
                    <a:lnTo>
                      <a:pt x="844" y="1917"/>
                    </a:lnTo>
                    <a:lnTo>
                      <a:pt x="834" y="1921"/>
                    </a:lnTo>
                    <a:lnTo>
                      <a:pt x="825" y="1924"/>
                    </a:lnTo>
                    <a:lnTo>
                      <a:pt x="814" y="1924"/>
                    </a:lnTo>
                    <a:lnTo>
                      <a:pt x="801" y="1923"/>
                    </a:lnTo>
                    <a:lnTo>
                      <a:pt x="787" y="1921"/>
                    </a:lnTo>
                    <a:lnTo>
                      <a:pt x="779" y="1920"/>
                    </a:lnTo>
                    <a:lnTo>
                      <a:pt x="771" y="1920"/>
                    </a:lnTo>
                    <a:lnTo>
                      <a:pt x="764" y="1921"/>
                    </a:lnTo>
                    <a:lnTo>
                      <a:pt x="758" y="1923"/>
                    </a:lnTo>
                    <a:lnTo>
                      <a:pt x="752" y="1924"/>
                    </a:lnTo>
                    <a:lnTo>
                      <a:pt x="746" y="1927"/>
                    </a:lnTo>
                    <a:lnTo>
                      <a:pt x="741" y="1930"/>
                    </a:lnTo>
                    <a:lnTo>
                      <a:pt x="737" y="1933"/>
                    </a:lnTo>
                    <a:lnTo>
                      <a:pt x="728" y="1942"/>
                    </a:lnTo>
                    <a:lnTo>
                      <a:pt x="720" y="1951"/>
                    </a:lnTo>
                    <a:lnTo>
                      <a:pt x="713" y="1962"/>
                    </a:lnTo>
                    <a:lnTo>
                      <a:pt x="705" y="1973"/>
                    </a:lnTo>
                    <a:lnTo>
                      <a:pt x="701" y="1982"/>
                    </a:lnTo>
                    <a:lnTo>
                      <a:pt x="697" y="1989"/>
                    </a:lnTo>
                    <a:lnTo>
                      <a:pt x="692" y="1997"/>
                    </a:lnTo>
                    <a:lnTo>
                      <a:pt x="687" y="2003"/>
                    </a:lnTo>
                    <a:lnTo>
                      <a:pt x="675" y="2015"/>
                    </a:lnTo>
                    <a:lnTo>
                      <a:pt x="662" y="2026"/>
                    </a:lnTo>
                    <a:lnTo>
                      <a:pt x="649" y="2038"/>
                    </a:lnTo>
                    <a:lnTo>
                      <a:pt x="638" y="2050"/>
                    </a:lnTo>
                    <a:lnTo>
                      <a:pt x="631" y="2056"/>
                    </a:lnTo>
                    <a:lnTo>
                      <a:pt x="626" y="2063"/>
                    </a:lnTo>
                    <a:lnTo>
                      <a:pt x="622" y="2070"/>
                    </a:lnTo>
                    <a:lnTo>
                      <a:pt x="618" y="2078"/>
                    </a:lnTo>
                    <a:lnTo>
                      <a:pt x="612" y="2096"/>
                    </a:lnTo>
                    <a:lnTo>
                      <a:pt x="605" y="2116"/>
                    </a:lnTo>
                    <a:lnTo>
                      <a:pt x="600" y="2138"/>
                    </a:lnTo>
                    <a:lnTo>
                      <a:pt x="596" y="2160"/>
                    </a:lnTo>
                    <a:lnTo>
                      <a:pt x="592" y="2183"/>
                    </a:lnTo>
                    <a:lnTo>
                      <a:pt x="591" y="2205"/>
                    </a:lnTo>
                    <a:lnTo>
                      <a:pt x="588" y="2226"/>
                    </a:lnTo>
                    <a:lnTo>
                      <a:pt x="588" y="2245"/>
                    </a:lnTo>
                    <a:lnTo>
                      <a:pt x="569" y="2252"/>
                    </a:lnTo>
                    <a:lnTo>
                      <a:pt x="551" y="2259"/>
                    </a:lnTo>
                    <a:lnTo>
                      <a:pt x="533" y="2269"/>
                    </a:lnTo>
                    <a:lnTo>
                      <a:pt x="514" y="2278"/>
                    </a:lnTo>
                    <a:lnTo>
                      <a:pt x="495" y="2285"/>
                    </a:lnTo>
                    <a:lnTo>
                      <a:pt x="477" y="2292"/>
                    </a:lnTo>
                    <a:lnTo>
                      <a:pt x="467" y="2294"/>
                    </a:lnTo>
                    <a:lnTo>
                      <a:pt x="456" y="2297"/>
                    </a:lnTo>
                    <a:lnTo>
                      <a:pt x="447" y="2298"/>
                    </a:lnTo>
                    <a:lnTo>
                      <a:pt x="435" y="2298"/>
                    </a:lnTo>
                    <a:lnTo>
                      <a:pt x="429" y="2298"/>
                    </a:lnTo>
                    <a:lnTo>
                      <a:pt x="421" y="2296"/>
                    </a:lnTo>
                    <a:lnTo>
                      <a:pt x="413" y="2292"/>
                    </a:lnTo>
                    <a:lnTo>
                      <a:pt x="406" y="2288"/>
                    </a:lnTo>
                    <a:lnTo>
                      <a:pt x="389" y="2276"/>
                    </a:lnTo>
                    <a:lnTo>
                      <a:pt x="373" y="2262"/>
                    </a:lnTo>
                    <a:lnTo>
                      <a:pt x="356" y="2248"/>
                    </a:lnTo>
                    <a:lnTo>
                      <a:pt x="341" y="2232"/>
                    </a:lnTo>
                    <a:lnTo>
                      <a:pt x="327" y="2219"/>
                    </a:lnTo>
                    <a:lnTo>
                      <a:pt x="312" y="2209"/>
                    </a:lnTo>
                    <a:lnTo>
                      <a:pt x="302" y="2204"/>
                    </a:lnTo>
                    <a:lnTo>
                      <a:pt x="292" y="2199"/>
                    </a:lnTo>
                    <a:lnTo>
                      <a:pt x="281" y="2196"/>
                    </a:lnTo>
                    <a:lnTo>
                      <a:pt x="271" y="2192"/>
                    </a:lnTo>
                    <a:lnTo>
                      <a:pt x="259" y="2190"/>
                    </a:lnTo>
                    <a:lnTo>
                      <a:pt x="249" y="2186"/>
                    </a:lnTo>
                    <a:lnTo>
                      <a:pt x="239" y="2179"/>
                    </a:lnTo>
                    <a:lnTo>
                      <a:pt x="228" y="2173"/>
                    </a:lnTo>
                    <a:lnTo>
                      <a:pt x="216" y="2164"/>
                    </a:lnTo>
                    <a:lnTo>
                      <a:pt x="206" y="2155"/>
                    </a:lnTo>
                    <a:lnTo>
                      <a:pt x="196" y="2147"/>
                    </a:lnTo>
                    <a:lnTo>
                      <a:pt x="184" y="2142"/>
                    </a:lnTo>
                    <a:lnTo>
                      <a:pt x="172" y="2136"/>
                    </a:lnTo>
                    <a:lnTo>
                      <a:pt x="161" y="2133"/>
                    </a:lnTo>
                    <a:lnTo>
                      <a:pt x="148" y="2131"/>
                    </a:lnTo>
                    <a:lnTo>
                      <a:pt x="132" y="2131"/>
                    </a:lnTo>
                    <a:lnTo>
                      <a:pt x="104" y="2135"/>
                    </a:lnTo>
                    <a:lnTo>
                      <a:pt x="65" y="2140"/>
                    </a:lnTo>
                    <a:lnTo>
                      <a:pt x="44" y="2143"/>
                    </a:lnTo>
                    <a:lnTo>
                      <a:pt x="25" y="2144"/>
                    </a:lnTo>
                    <a:lnTo>
                      <a:pt x="17" y="2144"/>
                    </a:lnTo>
                    <a:lnTo>
                      <a:pt x="11" y="2143"/>
                    </a:lnTo>
                    <a:lnTo>
                      <a:pt x="4" y="2142"/>
                    </a:lnTo>
                    <a:lnTo>
                      <a:pt x="0" y="2140"/>
                    </a:lnTo>
                    <a:lnTo>
                      <a:pt x="0" y="2135"/>
                    </a:lnTo>
                    <a:lnTo>
                      <a:pt x="3" y="2130"/>
                    </a:lnTo>
                    <a:lnTo>
                      <a:pt x="7" y="2123"/>
                    </a:lnTo>
                    <a:lnTo>
                      <a:pt x="12" y="2117"/>
                    </a:lnTo>
                    <a:lnTo>
                      <a:pt x="25" y="2101"/>
                    </a:lnTo>
                    <a:lnTo>
                      <a:pt x="40" y="2085"/>
                    </a:lnTo>
                    <a:lnTo>
                      <a:pt x="55" y="2066"/>
                    </a:lnTo>
                    <a:lnTo>
                      <a:pt x="69" y="2048"/>
                    </a:lnTo>
                    <a:lnTo>
                      <a:pt x="74" y="2038"/>
                    </a:lnTo>
                    <a:lnTo>
                      <a:pt x="78" y="2029"/>
                    </a:lnTo>
                    <a:lnTo>
                      <a:pt x="82" y="2020"/>
                    </a:lnTo>
                    <a:lnTo>
                      <a:pt x="83" y="2011"/>
                    </a:lnTo>
                    <a:lnTo>
                      <a:pt x="100" y="1987"/>
                    </a:lnTo>
                    <a:lnTo>
                      <a:pt x="119" y="1958"/>
                    </a:lnTo>
                    <a:lnTo>
                      <a:pt x="140" y="1924"/>
                    </a:lnTo>
                    <a:lnTo>
                      <a:pt x="158" y="1886"/>
                    </a:lnTo>
                    <a:lnTo>
                      <a:pt x="167" y="1868"/>
                    </a:lnTo>
                    <a:lnTo>
                      <a:pt x="174" y="1849"/>
                    </a:lnTo>
                    <a:lnTo>
                      <a:pt x="180" y="1831"/>
                    </a:lnTo>
                    <a:lnTo>
                      <a:pt x="185" y="1813"/>
                    </a:lnTo>
                    <a:lnTo>
                      <a:pt x="189" y="1796"/>
                    </a:lnTo>
                    <a:lnTo>
                      <a:pt x="191" y="1779"/>
                    </a:lnTo>
                    <a:lnTo>
                      <a:pt x="191" y="1765"/>
                    </a:lnTo>
                    <a:lnTo>
                      <a:pt x="188" y="1750"/>
                    </a:lnTo>
                    <a:lnTo>
                      <a:pt x="185" y="1744"/>
                    </a:lnTo>
                    <a:lnTo>
                      <a:pt x="185" y="1737"/>
                    </a:lnTo>
                    <a:lnTo>
                      <a:pt x="185" y="1732"/>
                    </a:lnTo>
                    <a:lnTo>
                      <a:pt x="185" y="1728"/>
                    </a:lnTo>
                    <a:lnTo>
                      <a:pt x="187" y="1724"/>
                    </a:lnTo>
                    <a:lnTo>
                      <a:pt x="188" y="1722"/>
                    </a:lnTo>
                    <a:lnTo>
                      <a:pt x="191" y="1719"/>
                    </a:lnTo>
                    <a:lnTo>
                      <a:pt x="193" y="1717"/>
                    </a:lnTo>
                    <a:lnTo>
                      <a:pt x="200" y="1713"/>
                    </a:lnTo>
                    <a:lnTo>
                      <a:pt x="207" y="1709"/>
                    </a:lnTo>
                    <a:lnTo>
                      <a:pt x="215" y="1702"/>
                    </a:lnTo>
                    <a:lnTo>
                      <a:pt x="222" y="1695"/>
                    </a:lnTo>
                    <a:lnTo>
                      <a:pt x="229" y="1684"/>
                    </a:lnTo>
                    <a:lnTo>
                      <a:pt x="240" y="1674"/>
                    </a:lnTo>
                    <a:lnTo>
                      <a:pt x="249" y="1665"/>
                    </a:lnTo>
                    <a:lnTo>
                      <a:pt x="258" y="1653"/>
                    </a:lnTo>
                    <a:lnTo>
                      <a:pt x="263" y="1645"/>
                    </a:lnTo>
                    <a:lnTo>
                      <a:pt x="268" y="1638"/>
                    </a:lnTo>
                    <a:lnTo>
                      <a:pt x="271" y="1629"/>
                    </a:lnTo>
                    <a:lnTo>
                      <a:pt x="273" y="1621"/>
                    </a:lnTo>
                    <a:lnTo>
                      <a:pt x="276" y="1604"/>
                    </a:lnTo>
                    <a:lnTo>
                      <a:pt x="277" y="1587"/>
                    </a:lnTo>
                    <a:lnTo>
                      <a:pt x="277" y="1569"/>
                    </a:lnTo>
                    <a:lnTo>
                      <a:pt x="277" y="1552"/>
                    </a:lnTo>
                    <a:lnTo>
                      <a:pt x="279" y="1535"/>
                    </a:lnTo>
                    <a:lnTo>
                      <a:pt x="283" y="1518"/>
                    </a:lnTo>
                    <a:lnTo>
                      <a:pt x="284" y="1520"/>
                    </a:lnTo>
                    <a:lnTo>
                      <a:pt x="285" y="1521"/>
                    </a:lnTo>
                    <a:lnTo>
                      <a:pt x="288" y="1522"/>
                    </a:lnTo>
                    <a:lnTo>
                      <a:pt x="289" y="1525"/>
                    </a:lnTo>
                    <a:lnTo>
                      <a:pt x="292" y="1531"/>
                    </a:lnTo>
                    <a:lnTo>
                      <a:pt x="293" y="1537"/>
                    </a:lnTo>
                    <a:lnTo>
                      <a:pt x="298" y="1541"/>
                    </a:lnTo>
                    <a:lnTo>
                      <a:pt x="303" y="1544"/>
                    </a:lnTo>
                    <a:lnTo>
                      <a:pt x="310" y="1547"/>
                    </a:lnTo>
                    <a:lnTo>
                      <a:pt x="315" y="1550"/>
                    </a:lnTo>
                    <a:lnTo>
                      <a:pt x="327" y="1556"/>
                    </a:lnTo>
                    <a:lnTo>
                      <a:pt x="343" y="1564"/>
                    </a:lnTo>
                    <a:lnTo>
                      <a:pt x="353" y="1566"/>
                    </a:lnTo>
                    <a:lnTo>
                      <a:pt x="360" y="1569"/>
                    </a:lnTo>
                    <a:lnTo>
                      <a:pt x="367" y="1570"/>
                    </a:lnTo>
                    <a:lnTo>
                      <a:pt x="373" y="1570"/>
                    </a:lnTo>
                    <a:lnTo>
                      <a:pt x="372" y="1564"/>
                    </a:lnTo>
                    <a:lnTo>
                      <a:pt x="369" y="1557"/>
                    </a:lnTo>
                    <a:lnTo>
                      <a:pt x="367" y="1553"/>
                    </a:lnTo>
                    <a:lnTo>
                      <a:pt x="364" y="1550"/>
                    </a:lnTo>
                    <a:lnTo>
                      <a:pt x="362" y="1544"/>
                    </a:lnTo>
                    <a:lnTo>
                      <a:pt x="359" y="1539"/>
                    </a:lnTo>
                    <a:lnTo>
                      <a:pt x="359" y="1533"/>
                    </a:lnTo>
                    <a:lnTo>
                      <a:pt x="360" y="1524"/>
                    </a:lnTo>
                    <a:lnTo>
                      <a:pt x="362" y="1517"/>
                    </a:lnTo>
                    <a:lnTo>
                      <a:pt x="362" y="1513"/>
                    </a:lnTo>
                    <a:lnTo>
                      <a:pt x="362" y="1509"/>
                    </a:lnTo>
                    <a:lnTo>
                      <a:pt x="360" y="1508"/>
                    </a:lnTo>
                    <a:lnTo>
                      <a:pt x="358" y="1507"/>
                    </a:lnTo>
                    <a:lnTo>
                      <a:pt x="356" y="1507"/>
                    </a:lnTo>
                    <a:lnTo>
                      <a:pt x="354" y="1507"/>
                    </a:lnTo>
                    <a:lnTo>
                      <a:pt x="350" y="1508"/>
                    </a:lnTo>
                    <a:lnTo>
                      <a:pt x="337" y="1516"/>
                    </a:lnTo>
                    <a:lnTo>
                      <a:pt x="323" y="1521"/>
                    </a:lnTo>
                    <a:lnTo>
                      <a:pt x="316" y="1520"/>
                    </a:lnTo>
                    <a:lnTo>
                      <a:pt x="311" y="1517"/>
                    </a:lnTo>
                    <a:lnTo>
                      <a:pt x="308" y="1513"/>
                    </a:lnTo>
                    <a:lnTo>
                      <a:pt x="306" y="1508"/>
                    </a:lnTo>
                    <a:lnTo>
                      <a:pt x="303" y="1503"/>
                    </a:lnTo>
                    <a:lnTo>
                      <a:pt x="299" y="1499"/>
                    </a:lnTo>
                    <a:lnTo>
                      <a:pt x="294" y="1495"/>
                    </a:lnTo>
                    <a:lnTo>
                      <a:pt x="288" y="1493"/>
                    </a:lnTo>
                    <a:lnTo>
                      <a:pt x="280" y="1494"/>
                    </a:lnTo>
                    <a:lnTo>
                      <a:pt x="272" y="1495"/>
                    </a:lnTo>
                    <a:lnTo>
                      <a:pt x="263" y="1498"/>
                    </a:lnTo>
                    <a:lnTo>
                      <a:pt x="255" y="1502"/>
                    </a:lnTo>
                    <a:lnTo>
                      <a:pt x="240" y="1508"/>
                    </a:lnTo>
                    <a:lnTo>
                      <a:pt x="224" y="1513"/>
                    </a:lnTo>
                    <a:lnTo>
                      <a:pt x="215" y="1513"/>
                    </a:lnTo>
                    <a:lnTo>
                      <a:pt x="207" y="1513"/>
                    </a:lnTo>
                    <a:lnTo>
                      <a:pt x="200" y="1512"/>
                    </a:lnTo>
                    <a:lnTo>
                      <a:pt x="193" y="1509"/>
                    </a:lnTo>
                    <a:lnTo>
                      <a:pt x="179" y="1503"/>
                    </a:lnTo>
                    <a:lnTo>
                      <a:pt x="165" y="1496"/>
                    </a:lnTo>
                    <a:lnTo>
                      <a:pt x="135" y="1487"/>
                    </a:lnTo>
                    <a:lnTo>
                      <a:pt x="119" y="1481"/>
                    </a:lnTo>
                    <a:lnTo>
                      <a:pt x="118" y="1478"/>
                    </a:lnTo>
                    <a:lnTo>
                      <a:pt x="117" y="1476"/>
                    </a:lnTo>
                    <a:lnTo>
                      <a:pt x="118" y="1473"/>
                    </a:lnTo>
                    <a:lnTo>
                      <a:pt x="119" y="1469"/>
                    </a:lnTo>
                    <a:lnTo>
                      <a:pt x="127" y="1460"/>
                    </a:lnTo>
                    <a:lnTo>
                      <a:pt x="140" y="1446"/>
                    </a:lnTo>
                    <a:lnTo>
                      <a:pt x="144" y="1441"/>
                    </a:lnTo>
                    <a:lnTo>
                      <a:pt x="148" y="1436"/>
                    </a:lnTo>
                    <a:lnTo>
                      <a:pt x="150" y="1429"/>
                    </a:lnTo>
                    <a:lnTo>
                      <a:pt x="153" y="1423"/>
                    </a:lnTo>
                    <a:lnTo>
                      <a:pt x="156" y="1408"/>
                    </a:lnTo>
                    <a:lnTo>
                      <a:pt x="157" y="1394"/>
                    </a:lnTo>
                    <a:lnTo>
                      <a:pt x="157" y="1389"/>
                    </a:lnTo>
                    <a:lnTo>
                      <a:pt x="159" y="1385"/>
                    </a:lnTo>
                    <a:lnTo>
                      <a:pt x="161" y="1381"/>
                    </a:lnTo>
                    <a:lnTo>
                      <a:pt x="165" y="1379"/>
                    </a:lnTo>
                    <a:lnTo>
                      <a:pt x="172" y="1376"/>
                    </a:lnTo>
                    <a:lnTo>
                      <a:pt x="182" y="1375"/>
                    </a:lnTo>
                    <a:lnTo>
                      <a:pt x="204" y="1377"/>
                    </a:lnTo>
                    <a:lnTo>
                      <a:pt x="220" y="1381"/>
                    </a:lnTo>
                    <a:lnTo>
                      <a:pt x="233" y="1381"/>
                    </a:lnTo>
                    <a:lnTo>
                      <a:pt x="245" y="1380"/>
                    </a:lnTo>
                    <a:lnTo>
                      <a:pt x="251" y="1377"/>
                    </a:lnTo>
                    <a:lnTo>
                      <a:pt x="257" y="1375"/>
                    </a:lnTo>
                    <a:lnTo>
                      <a:pt x="262" y="1372"/>
                    </a:lnTo>
                    <a:lnTo>
                      <a:pt x="266" y="1368"/>
                    </a:lnTo>
                    <a:lnTo>
                      <a:pt x="273" y="1357"/>
                    </a:lnTo>
                    <a:lnTo>
                      <a:pt x="280" y="1349"/>
                    </a:lnTo>
                    <a:lnTo>
                      <a:pt x="283" y="1342"/>
                    </a:lnTo>
                    <a:lnTo>
                      <a:pt x="284" y="1337"/>
                    </a:lnTo>
                    <a:lnTo>
                      <a:pt x="283" y="1333"/>
                    </a:lnTo>
                    <a:lnTo>
                      <a:pt x="280" y="1332"/>
                    </a:lnTo>
                    <a:lnTo>
                      <a:pt x="275" y="1331"/>
                    </a:lnTo>
                    <a:lnTo>
                      <a:pt x="268" y="1331"/>
                    </a:lnTo>
                    <a:lnTo>
                      <a:pt x="236" y="1337"/>
                    </a:lnTo>
                    <a:lnTo>
                      <a:pt x="204" y="1342"/>
                    </a:lnTo>
                    <a:lnTo>
                      <a:pt x="187" y="1342"/>
                    </a:lnTo>
                    <a:lnTo>
                      <a:pt x="172" y="1341"/>
                    </a:lnTo>
                    <a:lnTo>
                      <a:pt x="161" y="1338"/>
                    </a:lnTo>
                    <a:lnTo>
                      <a:pt x="149" y="1336"/>
                    </a:lnTo>
                    <a:lnTo>
                      <a:pt x="141" y="1332"/>
                    </a:lnTo>
                    <a:lnTo>
                      <a:pt x="134" y="1327"/>
                    </a:lnTo>
                    <a:lnTo>
                      <a:pt x="128" y="1322"/>
                    </a:lnTo>
                    <a:lnTo>
                      <a:pt x="125" y="1315"/>
                    </a:lnTo>
                    <a:lnTo>
                      <a:pt x="123" y="1309"/>
                    </a:lnTo>
                    <a:lnTo>
                      <a:pt x="122" y="1301"/>
                    </a:lnTo>
                    <a:lnTo>
                      <a:pt x="123" y="1292"/>
                    </a:lnTo>
                    <a:lnTo>
                      <a:pt x="126" y="1283"/>
                    </a:lnTo>
                    <a:lnTo>
                      <a:pt x="130" y="1272"/>
                    </a:lnTo>
                    <a:lnTo>
                      <a:pt x="135" y="1261"/>
                    </a:lnTo>
                    <a:lnTo>
                      <a:pt x="141" y="1249"/>
                    </a:lnTo>
                    <a:lnTo>
                      <a:pt x="149" y="1237"/>
                    </a:lnTo>
                    <a:lnTo>
                      <a:pt x="158" y="1227"/>
                    </a:lnTo>
                    <a:lnTo>
                      <a:pt x="166" y="1218"/>
                    </a:lnTo>
                    <a:lnTo>
                      <a:pt x="176" y="1209"/>
                    </a:lnTo>
                    <a:lnTo>
                      <a:pt x="185" y="1201"/>
                    </a:lnTo>
                    <a:lnTo>
                      <a:pt x="193" y="1192"/>
                    </a:lnTo>
                    <a:lnTo>
                      <a:pt x="201" y="1182"/>
                    </a:lnTo>
                    <a:lnTo>
                      <a:pt x="204" y="1177"/>
                    </a:lnTo>
                    <a:lnTo>
                      <a:pt x="206" y="1171"/>
                    </a:lnTo>
                    <a:lnTo>
                      <a:pt x="209" y="1165"/>
                    </a:lnTo>
                    <a:lnTo>
                      <a:pt x="210" y="1158"/>
                    </a:lnTo>
                    <a:lnTo>
                      <a:pt x="218" y="1145"/>
                    </a:lnTo>
                    <a:lnTo>
                      <a:pt x="226" y="1132"/>
                    </a:lnTo>
                    <a:lnTo>
                      <a:pt x="229" y="1129"/>
                    </a:lnTo>
                    <a:lnTo>
                      <a:pt x="233" y="1125"/>
                    </a:lnTo>
                    <a:lnTo>
                      <a:pt x="236" y="1120"/>
                    </a:lnTo>
                    <a:lnTo>
                      <a:pt x="239" y="1114"/>
                    </a:lnTo>
                    <a:lnTo>
                      <a:pt x="239" y="1109"/>
                    </a:lnTo>
                    <a:lnTo>
                      <a:pt x="239" y="1103"/>
                    </a:lnTo>
                    <a:lnTo>
                      <a:pt x="237" y="1091"/>
                    </a:lnTo>
                    <a:lnTo>
                      <a:pt x="232" y="1079"/>
                    </a:lnTo>
                    <a:lnTo>
                      <a:pt x="229" y="1074"/>
                    </a:lnTo>
                    <a:lnTo>
                      <a:pt x="228" y="1073"/>
                    </a:lnTo>
                    <a:lnTo>
                      <a:pt x="231" y="1069"/>
                    </a:lnTo>
                    <a:lnTo>
                      <a:pt x="237" y="1060"/>
                    </a:lnTo>
                    <a:lnTo>
                      <a:pt x="249" y="1059"/>
                    </a:lnTo>
                    <a:lnTo>
                      <a:pt x="262" y="1053"/>
                    </a:lnTo>
                    <a:lnTo>
                      <a:pt x="273" y="1047"/>
                    </a:lnTo>
                    <a:lnTo>
                      <a:pt x="285" y="1040"/>
                    </a:lnTo>
                    <a:lnTo>
                      <a:pt x="307" y="1024"/>
                    </a:lnTo>
                    <a:lnTo>
                      <a:pt x="327" y="1007"/>
                    </a:lnTo>
                    <a:lnTo>
                      <a:pt x="332" y="1003"/>
                    </a:lnTo>
                    <a:lnTo>
                      <a:pt x="337" y="998"/>
                    </a:lnTo>
                    <a:lnTo>
                      <a:pt x="341" y="993"/>
                    </a:lnTo>
                    <a:lnTo>
                      <a:pt x="343" y="987"/>
                    </a:lnTo>
                    <a:lnTo>
                      <a:pt x="349" y="977"/>
                    </a:lnTo>
                    <a:lnTo>
                      <a:pt x="353" y="967"/>
                    </a:lnTo>
                    <a:lnTo>
                      <a:pt x="355" y="956"/>
                    </a:lnTo>
                    <a:lnTo>
                      <a:pt x="359" y="946"/>
                    </a:lnTo>
                    <a:lnTo>
                      <a:pt x="364" y="936"/>
                    </a:lnTo>
                    <a:lnTo>
                      <a:pt x="372" y="925"/>
                    </a:lnTo>
                    <a:lnTo>
                      <a:pt x="385" y="912"/>
                    </a:lnTo>
                    <a:lnTo>
                      <a:pt x="398" y="901"/>
                    </a:lnTo>
                    <a:lnTo>
                      <a:pt x="404" y="894"/>
                    </a:lnTo>
                    <a:lnTo>
                      <a:pt x="410" y="888"/>
                    </a:lnTo>
                    <a:lnTo>
                      <a:pt x="415" y="880"/>
                    </a:lnTo>
                    <a:lnTo>
                      <a:pt x="420" y="871"/>
                    </a:lnTo>
                    <a:lnTo>
                      <a:pt x="556" y="670"/>
                    </a:lnTo>
                    <a:lnTo>
                      <a:pt x="570" y="653"/>
                    </a:lnTo>
                    <a:lnTo>
                      <a:pt x="588" y="634"/>
                    </a:lnTo>
                    <a:lnTo>
                      <a:pt x="609" y="613"/>
                    </a:lnTo>
                    <a:lnTo>
                      <a:pt x="630" y="592"/>
                    </a:lnTo>
                    <a:lnTo>
                      <a:pt x="649" y="570"/>
                    </a:lnTo>
                    <a:lnTo>
                      <a:pt x="666" y="548"/>
                    </a:lnTo>
                    <a:lnTo>
                      <a:pt x="673" y="538"/>
                    </a:lnTo>
                    <a:lnTo>
                      <a:pt x="678" y="529"/>
                    </a:lnTo>
                    <a:lnTo>
                      <a:pt x="680" y="518"/>
                    </a:lnTo>
                    <a:lnTo>
                      <a:pt x="682" y="509"/>
                    </a:lnTo>
                    <a:lnTo>
                      <a:pt x="680" y="508"/>
                    </a:lnTo>
                    <a:lnTo>
                      <a:pt x="670" y="512"/>
                    </a:lnTo>
                    <a:lnTo>
                      <a:pt x="654" y="518"/>
                    </a:lnTo>
                    <a:lnTo>
                      <a:pt x="641" y="524"/>
                    </a:lnTo>
                    <a:lnTo>
                      <a:pt x="635" y="526"/>
                    </a:lnTo>
                    <a:lnTo>
                      <a:pt x="638" y="517"/>
                    </a:lnTo>
                    <a:lnTo>
                      <a:pt x="641" y="505"/>
                    </a:lnTo>
                    <a:lnTo>
                      <a:pt x="644" y="500"/>
                    </a:lnTo>
                    <a:lnTo>
                      <a:pt x="647" y="495"/>
                    </a:lnTo>
                    <a:lnTo>
                      <a:pt x="649" y="491"/>
                    </a:lnTo>
                    <a:lnTo>
                      <a:pt x="652" y="490"/>
                    </a:lnTo>
                    <a:lnTo>
                      <a:pt x="658" y="469"/>
                    </a:lnTo>
                    <a:lnTo>
                      <a:pt x="671" y="439"/>
                    </a:lnTo>
                    <a:lnTo>
                      <a:pt x="684" y="408"/>
                    </a:lnTo>
                    <a:lnTo>
                      <a:pt x="693" y="385"/>
                    </a:lnTo>
                    <a:lnTo>
                      <a:pt x="733" y="220"/>
                    </a:lnTo>
                    <a:lnTo>
                      <a:pt x="740" y="200"/>
                    </a:lnTo>
                    <a:lnTo>
                      <a:pt x="752" y="170"/>
                    </a:lnTo>
                    <a:lnTo>
                      <a:pt x="757" y="156"/>
                    </a:lnTo>
                    <a:lnTo>
                      <a:pt x="761" y="143"/>
                    </a:lnTo>
                    <a:lnTo>
                      <a:pt x="763" y="132"/>
                    </a:lnTo>
                    <a:lnTo>
                      <a:pt x="763" y="125"/>
                    </a:lnTo>
                    <a:lnTo>
                      <a:pt x="761" y="110"/>
                    </a:lnTo>
                    <a:lnTo>
                      <a:pt x="758" y="100"/>
                    </a:lnTo>
                    <a:lnTo>
                      <a:pt x="759" y="91"/>
                    </a:lnTo>
                    <a:lnTo>
                      <a:pt x="762" y="84"/>
                    </a:lnTo>
                    <a:lnTo>
                      <a:pt x="767" y="78"/>
                    </a:lnTo>
                    <a:lnTo>
                      <a:pt x="775" y="72"/>
                    </a:lnTo>
                    <a:lnTo>
                      <a:pt x="785" y="64"/>
                    </a:lnTo>
                    <a:lnTo>
                      <a:pt x="798" y="55"/>
                    </a:lnTo>
                    <a:lnTo>
                      <a:pt x="799" y="53"/>
                    </a:lnTo>
                    <a:lnTo>
                      <a:pt x="801" y="51"/>
                    </a:lnTo>
                    <a:lnTo>
                      <a:pt x="801" y="49"/>
                    </a:lnTo>
                    <a:lnTo>
                      <a:pt x="799" y="47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80" name="Freeform 241"/>
              <p:cNvSpPr>
                <a:spLocks/>
              </p:cNvSpPr>
              <p:nvPr/>
            </p:nvSpPr>
            <p:spPr bwMode="auto">
              <a:xfrm>
                <a:off x="3733800" y="4911474"/>
                <a:ext cx="704995" cy="1038626"/>
              </a:xfrm>
              <a:custGeom>
                <a:avLst/>
                <a:gdLst/>
                <a:ahLst/>
                <a:cxnLst>
                  <a:cxn ang="0">
                    <a:pos x="954" y="13"/>
                  </a:cxn>
                  <a:cxn ang="0">
                    <a:pos x="1034" y="9"/>
                  </a:cxn>
                  <a:cxn ang="0">
                    <a:pos x="999" y="82"/>
                  </a:cxn>
                  <a:cxn ang="0">
                    <a:pos x="1043" y="153"/>
                  </a:cxn>
                  <a:cxn ang="0">
                    <a:pos x="1129" y="145"/>
                  </a:cxn>
                  <a:cxn ang="0">
                    <a:pos x="1246" y="231"/>
                  </a:cxn>
                  <a:cxn ang="0">
                    <a:pos x="1354" y="219"/>
                  </a:cxn>
                  <a:cxn ang="0">
                    <a:pos x="1459" y="272"/>
                  </a:cxn>
                  <a:cxn ang="0">
                    <a:pos x="1478" y="345"/>
                  </a:cxn>
                  <a:cxn ang="0">
                    <a:pos x="1504" y="443"/>
                  </a:cxn>
                  <a:cxn ang="0">
                    <a:pos x="1543" y="507"/>
                  </a:cxn>
                  <a:cxn ang="0">
                    <a:pos x="1476" y="586"/>
                  </a:cxn>
                  <a:cxn ang="0">
                    <a:pos x="1305" y="639"/>
                  </a:cxn>
                  <a:cxn ang="0">
                    <a:pos x="1274" y="698"/>
                  </a:cxn>
                  <a:cxn ang="0">
                    <a:pos x="1248" y="844"/>
                  </a:cxn>
                  <a:cxn ang="0">
                    <a:pos x="1170" y="916"/>
                  </a:cxn>
                  <a:cxn ang="0">
                    <a:pos x="1126" y="964"/>
                  </a:cxn>
                  <a:cxn ang="0">
                    <a:pos x="1101" y="1107"/>
                  </a:cxn>
                  <a:cxn ang="0">
                    <a:pos x="919" y="1202"/>
                  </a:cxn>
                  <a:cxn ang="0">
                    <a:pos x="919" y="1292"/>
                  </a:cxn>
                  <a:cxn ang="0">
                    <a:pos x="932" y="1421"/>
                  </a:cxn>
                  <a:cxn ang="0">
                    <a:pos x="960" y="1494"/>
                  </a:cxn>
                  <a:cxn ang="0">
                    <a:pos x="816" y="1674"/>
                  </a:cxn>
                  <a:cxn ang="0">
                    <a:pos x="821" y="1838"/>
                  </a:cxn>
                  <a:cxn ang="0">
                    <a:pos x="876" y="1876"/>
                  </a:cxn>
                  <a:cxn ang="0">
                    <a:pos x="801" y="1923"/>
                  </a:cxn>
                  <a:cxn ang="0">
                    <a:pos x="737" y="1933"/>
                  </a:cxn>
                  <a:cxn ang="0">
                    <a:pos x="675" y="2015"/>
                  </a:cxn>
                  <a:cxn ang="0">
                    <a:pos x="605" y="2116"/>
                  </a:cxn>
                  <a:cxn ang="0">
                    <a:pos x="551" y="2259"/>
                  </a:cxn>
                  <a:cxn ang="0">
                    <a:pos x="429" y="2298"/>
                  </a:cxn>
                  <a:cxn ang="0">
                    <a:pos x="312" y="2209"/>
                  </a:cxn>
                  <a:cxn ang="0">
                    <a:pos x="216" y="2164"/>
                  </a:cxn>
                  <a:cxn ang="0">
                    <a:pos x="65" y="2140"/>
                  </a:cxn>
                  <a:cxn ang="0">
                    <a:pos x="7" y="2123"/>
                  </a:cxn>
                  <a:cxn ang="0">
                    <a:pos x="83" y="2011"/>
                  </a:cxn>
                  <a:cxn ang="0">
                    <a:pos x="189" y="1796"/>
                  </a:cxn>
                  <a:cxn ang="0">
                    <a:pos x="188" y="1722"/>
                  </a:cxn>
                  <a:cxn ang="0">
                    <a:pos x="249" y="1665"/>
                  </a:cxn>
                  <a:cxn ang="0">
                    <a:pos x="277" y="1552"/>
                  </a:cxn>
                  <a:cxn ang="0">
                    <a:pos x="298" y="1541"/>
                  </a:cxn>
                  <a:cxn ang="0">
                    <a:pos x="373" y="1570"/>
                  </a:cxn>
                  <a:cxn ang="0">
                    <a:pos x="362" y="1517"/>
                  </a:cxn>
                  <a:cxn ang="0">
                    <a:pos x="323" y="1521"/>
                  </a:cxn>
                  <a:cxn ang="0">
                    <a:pos x="280" y="1494"/>
                  </a:cxn>
                  <a:cxn ang="0">
                    <a:pos x="193" y="1509"/>
                  </a:cxn>
                  <a:cxn ang="0">
                    <a:pos x="127" y="1460"/>
                  </a:cxn>
                  <a:cxn ang="0">
                    <a:pos x="159" y="1385"/>
                  </a:cxn>
                  <a:cxn ang="0">
                    <a:pos x="251" y="1377"/>
                  </a:cxn>
                  <a:cxn ang="0">
                    <a:pos x="280" y="1332"/>
                  </a:cxn>
                  <a:cxn ang="0">
                    <a:pos x="141" y="1332"/>
                  </a:cxn>
                  <a:cxn ang="0">
                    <a:pos x="135" y="1261"/>
                  </a:cxn>
                  <a:cxn ang="0">
                    <a:pos x="204" y="1177"/>
                  </a:cxn>
                  <a:cxn ang="0">
                    <a:pos x="239" y="1114"/>
                  </a:cxn>
                  <a:cxn ang="0">
                    <a:pos x="249" y="1059"/>
                  </a:cxn>
                  <a:cxn ang="0">
                    <a:pos x="343" y="987"/>
                  </a:cxn>
                  <a:cxn ang="0">
                    <a:pos x="404" y="894"/>
                  </a:cxn>
                  <a:cxn ang="0">
                    <a:pos x="649" y="570"/>
                  </a:cxn>
                  <a:cxn ang="0">
                    <a:pos x="641" y="524"/>
                  </a:cxn>
                  <a:cxn ang="0">
                    <a:pos x="671" y="439"/>
                  </a:cxn>
                  <a:cxn ang="0">
                    <a:pos x="763" y="125"/>
                  </a:cxn>
                  <a:cxn ang="0">
                    <a:pos x="799" y="53"/>
                  </a:cxn>
                </a:cxnLst>
                <a:rect l="0" t="0" r="r" b="b"/>
                <a:pathLst>
                  <a:path w="1550" h="2298">
                    <a:moveTo>
                      <a:pt x="799" y="47"/>
                    </a:moveTo>
                    <a:lnTo>
                      <a:pt x="850" y="27"/>
                    </a:lnTo>
                    <a:lnTo>
                      <a:pt x="876" y="16"/>
                    </a:lnTo>
                    <a:lnTo>
                      <a:pt x="890" y="5"/>
                    </a:lnTo>
                    <a:lnTo>
                      <a:pt x="898" y="4"/>
                    </a:lnTo>
                    <a:lnTo>
                      <a:pt x="908" y="3"/>
                    </a:lnTo>
                    <a:lnTo>
                      <a:pt x="921" y="5"/>
                    </a:lnTo>
                    <a:lnTo>
                      <a:pt x="939" y="11"/>
                    </a:lnTo>
                    <a:lnTo>
                      <a:pt x="954" y="13"/>
                    </a:lnTo>
                    <a:lnTo>
                      <a:pt x="967" y="13"/>
                    </a:lnTo>
                    <a:lnTo>
                      <a:pt x="978" y="12"/>
                    </a:lnTo>
                    <a:lnTo>
                      <a:pt x="989" y="9"/>
                    </a:lnTo>
                    <a:lnTo>
                      <a:pt x="1000" y="7"/>
                    </a:lnTo>
                    <a:lnTo>
                      <a:pt x="1012" y="3"/>
                    </a:lnTo>
                    <a:lnTo>
                      <a:pt x="1024" y="2"/>
                    </a:lnTo>
                    <a:lnTo>
                      <a:pt x="1037" y="0"/>
                    </a:lnTo>
                    <a:lnTo>
                      <a:pt x="1037" y="4"/>
                    </a:lnTo>
                    <a:lnTo>
                      <a:pt x="1034" y="9"/>
                    </a:lnTo>
                    <a:lnTo>
                      <a:pt x="1030" y="15"/>
                    </a:lnTo>
                    <a:lnTo>
                      <a:pt x="1026" y="21"/>
                    </a:lnTo>
                    <a:lnTo>
                      <a:pt x="1016" y="33"/>
                    </a:lnTo>
                    <a:lnTo>
                      <a:pt x="1008" y="42"/>
                    </a:lnTo>
                    <a:lnTo>
                      <a:pt x="1005" y="47"/>
                    </a:lnTo>
                    <a:lnTo>
                      <a:pt x="1003" y="53"/>
                    </a:lnTo>
                    <a:lnTo>
                      <a:pt x="1000" y="60"/>
                    </a:lnTo>
                    <a:lnTo>
                      <a:pt x="999" y="68"/>
                    </a:lnTo>
                    <a:lnTo>
                      <a:pt x="999" y="82"/>
                    </a:lnTo>
                    <a:lnTo>
                      <a:pt x="1002" y="97"/>
                    </a:lnTo>
                    <a:lnTo>
                      <a:pt x="1005" y="112"/>
                    </a:lnTo>
                    <a:lnTo>
                      <a:pt x="1012" y="125"/>
                    </a:lnTo>
                    <a:lnTo>
                      <a:pt x="1016" y="131"/>
                    </a:lnTo>
                    <a:lnTo>
                      <a:pt x="1020" y="136"/>
                    </a:lnTo>
                    <a:lnTo>
                      <a:pt x="1025" y="141"/>
                    </a:lnTo>
                    <a:lnTo>
                      <a:pt x="1029" y="145"/>
                    </a:lnTo>
                    <a:lnTo>
                      <a:pt x="1037" y="151"/>
                    </a:lnTo>
                    <a:lnTo>
                      <a:pt x="1043" y="153"/>
                    </a:lnTo>
                    <a:lnTo>
                      <a:pt x="1048" y="156"/>
                    </a:lnTo>
                    <a:lnTo>
                      <a:pt x="1055" y="157"/>
                    </a:lnTo>
                    <a:lnTo>
                      <a:pt x="1065" y="157"/>
                    </a:lnTo>
                    <a:lnTo>
                      <a:pt x="1075" y="154"/>
                    </a:lnTo>
                    <a:lnTo>
                      <a:pt x="1086" y="152"/>
                    </a:lnTo>
                    <a:lnTo>
                      <a:pt x="1097" y="148"/>
                    </a:lnTo>
                    <a:lnTo>
                      <a:pt x="1109" y="145"/>
                    </a:lnTo>
                    <a:lnTo>
                      <a:pt x="1123" y="144"/>
                    </a:lnTo>
                    <a:lnTo>
                      <a:pt x="1129" y="145"/>
                    </a:lnTo>
                    <a:lnTo>
                      <a:pt x="1134" y="148"/>
                    </a:lnTo>
                    <a:lnTo>
                      <a:pt x="1141" y="151"/>
                    </a:lnTo>
                    <a:lnTo>
                      <a:pt x="1148" y="154"/>
                    </a:lnTo>
                    <a:lnTo>
                      <a:pt x="1164" y="165"/>
                    </a:lnTo>
                    <a:lnTo>
                      <a:pt x="1179" y="176"/>
                    </a:lnTo>
                    <a:lnTo>
                      <a:pt x="1208" y="202"/>
                    </a:lnTo>
                    <a:lnTo>
                      <a:pt x="1230" y="222"/>
                    </a:lnTo>
                    <a:lnTo>
                      <a:pt x="1237" y="227"/>
                    </a:lnTo>
                    <a:lnTo>
                      <a:pt x="1246" y="231"/>
                    </a:lnTo>
                    <a:lnTo>
                      <a:pt x="1255" y="233"/>
                    </a:lnTo>
                    <a:lnTo>
                      <a:pt x="1265" y="233"/>
                    </a:lnTo>
                    <a:lnTo>
                      <a:pt x="1285" y="231"/>
                    </a:lnTo>
                    <a:lnTo>
                      <a:pt x="1306" y="226"/>
                    </a:lnTo>
                    <a:lnTo>
                      <a:pt x="1315" y="223"/>
                    </a:lnTo>
                    <a:lnTo>
                      <a:pt x="1325" y="220"/>
                    </a:lnTo>
                    <a:lnTo>
                      <a:pt x="1336" y="219"/>
                    </a:lnTo>
                    <a:lnTo>
                      <a:pt x="1345" y="219"/>
                    </a:lnTo>
                    <a:lnTo>
                      <a:pt x="1354" y="219"/>
                    </a:lnTo>
                    <a:lnTo>
                      <a:pt x="1363" y="223"/>
                    </a:lnTo>
                    <a:lnTo>
                      <a:pt x="1371" y="227"/>
                    </a:lnTo>
                    <a:lnTo>
                      <a:pt x="1377" y="235"/>
                    </a:lnTo>
                    <a:lnTo>
                      <a:pt x="1393" y="239"/>
                    </a:lnTo>
                    <a:lnTo>
                      <a:pt x="1406" y="244"/>
                    </a:lnTo>
                    <a:lnTo>
                      <a:pt x="1419" y="252"/>
                    </a:lnTo>
                    <a:lnTo>
                      <a:pt x="1432" y="258"/>
                    </a:lnTo>
                    <a:lnTo>
                      <a:pt x="1445" y="266"/>
                    </a:lnTo>
                    <a:lnTo>
                      <a:pt x="1459" y="272"/>
                    </a:lnTo>
                    <a:lnTo>
                      <a:pt x="1473" y="277"/>
                    </a:lnTo>
                    <a:lnTo>
                      <a:pt x="1487" y="283"/>
                    </a:lnTo>
                    <a:lnTo>
                      <a:pt x="1490" y="289"/>
                    </a:lnTo>
                    <a:lnTo>
                      <a:pt x="1490" y="297"/>
                    </a:lnTo>
                    <a:lnTo>
                      <a:pt x="1489" y="302"/>
                    </a:lnTo>
                    <a:lnTo>
                      <a:pt x="1487" y="309"/>
                    </a:lnTo>
                    <a:lnTo>
                      <a:pt x="1483" y="320"/>
                    </a:lnTo>
                    <a:lnTo>
                      <a:pt x="1480" y="334"/>
                    </a:lnTo>
                    <a:lnTo>
                      <a:pt x="1478" y="345"/>
                    </a:lnTo>
                    <a:lnTo>
                      <a:pt x="1477" y="357"/>
                    </a:lnTo>
                    <a:lnTo>
                      <a:pt x="1476" y="369"/>
                    </a:lnTo>
                    <a:lnTo>
                      <a:pt x="1476" y="382"/>
                    </a:lnTo>
                    <a:lnTo>
                      <a:pt x="1477" y="395"/>
                    </a:lnTo>
                    <a:lnTo>
                      <a:pt x="1478" y="408"/>
                    </a:lnTo>
                    <a:lnTo>
                      <a:pt x="1482" y="419"/>
                    </a:lnTo>
                    <a:lnTo>
                      <a:pt x="1487" y="426"/>
                    </a:lnTo>
                    <a:lnTo>
                      <a:pt x="1495" y="436"/>
                    </a:lnTo>
                    <a:lnTo>
                      <a:pt x="1504" y="443"/>
                    </a:lnTo>
                    <a:lnTo>
                      <a:pt x="1515" y="450"/>
                    </a:lnTo>
                    <a:lnTo>
                      <a:pt x="1525" y="456"/>
                    </a:lnTo>
                    <a:lnTo>
                      <a:pt x="1534" y="464"/>
                    </a:lnTo>
                    <a:lnTo>
                      <a:pt x="1542" y="472"/>
                    </a:lnTo>
                    <a:lnTo>
                      <a:pt x="1544" y="477"/>
                    </a:lnTo>
                    <a:lnTo>
                      <a:pt x="1547" y="482"/>
                    </a:lnTo>
                    <a:lnTo>
                      <a:pt x="1548" y="487"/>
                    </a:lnTo>
                    <a:lnTo>
                      <a:pt x="1550" y="494"/>
                    </a:lnTo>
                    <a:lnTo>
                      <a:pt x="1543" y="507"/>
                    </a:lnTo>
                    <a:lnTo>
                      <a:pt x="1538" y="520"/>
                    </a:lnTo>
                    <a:lnTo>
                      <a:pt x="1530" y="534"/>
                    </a:lnTo>
                    <a:lnTo>
                      <a:pt x="1522" y="547"/>
                    </a:lnTo>
                    <a:lnTo>
                      <a:pt x="1512" y="559"/>
                    </a:lnTo>
                    <a:lnTo>
                      <a:pt x="1502" y="570"/>
                    </a:lnTo>
                    <a:lnTo>
                      <a:pt x="1495" y="574"/>
                    </a:lnTo>
                    <a:lnTo>
                      <a:pt x="1490" y="579"/>
                    </a:lnTo>
                    <a:lnTo>
                      <a:pt x="1483" y="582"/>
                    </a:lnTo>
                    <a:lnTo>
                      <a:pt x="1476" y="586"/>
                    </a:lnTo>
                    <a:lnTo>
                      <a:pt x="1451" y="595"/>
                    </a:lnTo>
                    <a:lnTo>
                      <a:pt x="1428" y="604"/>
                    </a:lnTo>
                    <a:lnTo>
                      <a:pt x="1404" y="610"/>
                    </a:lnTo>
                    <a:lnTo>
                      <a:pt x="1377" y="616"/>
                    </a:lnTo>
                    <a:lnTo>
                      <a:pt x="1364" y="618"/>
                    </a:lnTo>
                    <a:lnTo>
                      <a:pt x="1349" y="622"/>
                    </a:lnTo>
                    <a:lnTo>
                      <a:pt x="1333" y="626"/>
                    </a:lnTo>
                    <a:lnTo>
                      <a:pt x="1318" y="632"/>
                    </a:lnTo>
                    <a:lnTo>
                      <a:pt x="1305" y="639"/>
                    </a:lnTo>
                    <a:lnTo>
                      <a:pt x="1292" y="648"/>
                    </a:lnTo>
                    <a:lnTo>
                      <a:pt x="1287" y="653"/>
                    </a:lnTo>
                    <a:lnTo>
                      <a:pt x="1281" y="658"/>
                    </a:lnTo>
                    <a:lnTo>
                      <a:pt x="1278" y="665"/>
                    </a:lnTo>
                    <a:lnTo>
                      <a:pt x="1275" y="671"/>
                    </a:lnTo>
                    <a:lnTo>
                      <a:pt x="1274" y="678"/>
                    </a:lnTo>
                    <a:lnTo>
                      <a:pt x="1272" y="684"/>
                    </a:lnTo>
                    <a:lnTo>
                      <a:pt x="1272" y="692"/>
                    </a:lnTo>
                    <a:lnTo>
                      <a:pt x="1274" y="698"/>
                    </a:lnTo>
                    <a:lnTo>
                      <a:pt x="1275" y="713"/>
                    </a:lnTo>
                    <a:lnTo>
                      <a:pt x="1275" y="727"/>
                    </a:lnTo>
                    <a:lnTo>
                      <a:pt x="1272" y="746"/>
                    </a:lnTo>
                    <a:lnTo>
                      <a:pt x="1268" y="766"/>
                    </a:lnTo>
                    <a:lnTo>
                      <a:pt x="1265" y="784"/>
                    </a:lnTo>
                    <a:lnTo>
                      <a:pt x="1261" y="803"/>
                    </a:lnTo>
                    <a:lnTo>
                      <a:pt x="1257" y="816"/>
                    </a:lnTo>
                    <a:lnTo>
                      <a:pt x="1253" y="829"/>
                    </a:lnTo>
                    <a:lnTo>
                      <a:pt x="1248" y="844"/>
                    </a:lnTo>
                    <a:lnTo>
                      <a:pt x="1243" y="858"/>
                    </a:lnTo>
                    <a:lnTo>
                      <a:pt x="1235" y="872"/>
                    </a:lnTo>
                    <a:lnTo>
                      <a:pt x="1227" y="885"/>
                    </a:lnTo>
                    <a:lnTo>
                      <a:pt x="1219" y="895"/>
                    </a:lnTo>
                    <a:lnTo>
                      <a:pt x="1210" y="904"/>
                    </a:lnTo>
                    <a:lnTo>
                      <a:pt x="1200" y="910"/>
                    </a:lnTo>
                    <a:lnTo>
                      <a:pt x="1191" y="914"/>
                    </a:lnTo>
                    <a:lnTo>
                      <a:pt x="1180" y="915"/>
                    </a:lnTo>
                    <a:lnTo>
                      <a:pt x="1170" y="916"/>
                    </a:lnTo>
                    <a:lnTo>
                      <a:pt x="1161" y="917"/>
                    </a:lnTo>
                    <a:lnTo>
                      <a:pt x="1152" y="917"/>
                    </a:lnTo>
                    <a:lnTo>
                      <a:pt x="1144" y="920"/>
                    </a:lnTo>
                    <a:lnTo>
                      <a:pt x="1136" y="924"/>
                    </a:lnTo>
                    <a:lnTo>
                      <a:pt x="1132" y="929"/>
                    </a:lnTo>
                    <a:lnTo>
                      <a:pt x="1130" y="934"/>
                    </a:lnTo>
                    <a:lnTo>
                      <a:pt x="1127" y="941"/>
                    </a:lnTo>
                    <a:lnTo>
                      <a:pt x="1126" y="947"/>
                    </a:lnTo>
                    <a:lnTo>
                      <a:pt x="1126" y="964"/>
                    </a:lnTo>
                    <a:lnTo>
                      <a:pt x="1127" y="982"/>
                    </a:lnTo>
                    <a:lnTo>
                      <a:pt x="1130" y="1000"/>
                    </a:lnTo>
                    <a:lnTo>
                      <a:pt x="1131" y="1018"/>
                    </a:lnTo>
                    <a:lnTo>
                      <a:pt x="1132" y="1035"/>
                    </a:lnTo>
                    <a:lnTo>
                      <a:pt x="1131" y="1048"/>
                    </a:lnTo>
                    <a:lnTo>
                      <a:pt x="1127" y="1061"/>
                    </a:lnTo>
                    <a:lnTo>
                      <a:pt x="1121" y="1077"/>
                    </a:lnTo>
                    <a:lnTo>
                      <a:pt x="1112" y="1091"/>
                    </a:lnTo>
                    <a:lnTo>
                      <a:pt x="1101" y="1107"/>
                    </a:lnTo>
                    <a:lnTo>
                      <a:pt x="1078" y="1136"/>
                    </a:lnTo>
                    <a:lnTo>
                      <a:pt x="1059" y="1160"/>
                    </a:lnTo>
                    <a:lnTo>
                      <a:pt x="1033" y="1191"/>
                    </a:lnTo>
                    <a:lnTo>
                      <a:pt x="930" y="1166"/>
                    </a:lnTo>
                    <a:lnTo>
                      <a:pt x="926" y="1177"/>
                    </a:lnTo>
                    <a:lnTo>
                      <a:pt x="923" y="1186"/>
                    </a:lnTo>
                    <a:lnTo>
                      <a:pt x="920" y="1191"/>
                    </a:lnTo>
                    <a:lnTo>
                      <a:pt x="919" y="1196"/>
                    </a:lnTo>
                    <a:lnTo>
                      <a:pt x="919" y="1202"/>
                    </a:lnTo>
                    <a:lnTo>
                      <a:pt x="919" y="1209"/>
                    </a:lnTo>
                    <a:lnTo>
                      <a:pt x="920" y="1219"/>
                    </a:lnTo>
                    <a:lnTo>
                      <a:pt x="920" y="1230"/>
                    </a:lnTo>
                    <a:lnTo>
                      <a:pt x="919" y="1240"/>
                    </a:lnTo>
                    <a:lnTo>
                      <a:pt x="917" y="1250"/>
                    </a:lnTo>
                    <a:lnTo>
                      <a:pt x="916" y="1261"/>
                    </a:lnTo>
                    <a:lnTo>
                      <a:pt x="916" y="1271"/>
                    </a:lnTo>
                    <a:lnTo>
                      <a:pt x="916" y="1281"/>
                    </a:lnTo>
                    <a:lnTo>
                      <a:pt x="919" y="1292"/>
                    </a:lnTo>
                    <a:lnTo>
                      <a:pt x="924" y="1306"/>
                    </a:lnTo>
                    <a:lnTo>
                      <a:pt x="926" y="1320"/>
                    </a:lnTo>
                    <a:lnTo>
                      <a:pt x="928" y="1333"/>
                    </a:lnTo>
                    <a:lnTo>
                      <a:pt x="928" y="1346"/>
                    </a:lnTo>
                    <a:lnTo>
                      <a:pt x="928" y="1372"/>
                    </a:lnTo>
                    <a:lnTo>
                      <a:pt x="926" y="1401"/>
                    </a:lnTo>
                    <a:lnTo>
                      <a:pt x="926" y="1407"/>
                    </a:lnTo>
                    <a:lnTo>
                      <a:pt x="929" y="1414"/>
                    </a:lnTo>
                    <a:lnTo>
                      <a:pt x="932" y="1421"/>
                    </a:lnTo>
                    <a:lnTo>
                      <a:pt x="936" y="1428"/>
                    </a:lnTo>
                    <a:lnTo>
                      <a:pt x="945" y="1441"/>
                    </a:lnTo>
                    <a:lnTo>
                      <a:pt x="954" y="1452"/>
                    </a:lnTo>
                    <a:lnTo>
                      <a:pt x="961" y="1465"/>
                    </a:lnTo>
                    <a:lnTo>
                      <a:pt x="965" y="1476"/>
                    </a:lnTo>
                    <a:lnTo>
                      <a:pt x="967" y="1481"/>
                    </a:lnTo>
                    <a:lnTo>
                      <a:pt x="967" y="1485"/>
                    </a:lnTo>
                    <a:lnTo>
                      <a:pt x="964" y="1490"/>
                    </a:lnTo>
                    <a:lnTo>
                      <a:pt x="960" y="1494"/>
                    </a:lnTo>
                    <a:lnTo>
                      <a:pt x="889" y="1555"/>
                    </a:lnTo>
                    <a:lnTo>
                      <a:pt x="875" y="1568"/>
                    </a:lnTo>
                    <a:lnTo>
                      <a:pt x="863" y="1581"/>
                    </a:lnTo>
                    <a:lnTo>
                      <a:pt x="851" y="1594"/>
                    </a:lnTo>
                    <a:lnTo>
                      <a:pt x="842" y="1608"/>
                    </a:lnTo>
                    <a:lnTo>
                      <a:pt x="834" y="1622"/>
                    </a:lnTo>
                    <a:lnTo>
                      <a:pt x="827" y="1639"/>
                    </a:lnTo>
                    <a:lnTo>
                      <a:pt x="821" y="1656"/>
                    </a:lnTo>
                    <a:lnTo>
                      <a:pt x="816" y="1674"/>
                    </a:lnTo>
                    <a:lnTo>
                      <a:pt x="810" y="1704"/>
                    </a:lnTo>
                    <a:lnTo>
                      <a:pt x="805" y="1734"/>
                    </a:lnTo>
                    <a:lnTo>
                      <a:pt x="801" y="1765"/>
                    </a:lnTo>
                    <a:lnTo>
                      <a:pt x="799" y="1794"/>
                    </a:lnTo>
                    <a:lnTo>
                      <a:pt x="801" y="1806"/>
                    </a:lnTo>
                    <a:lnTo>
                      <a:pt x="803" y="1816"/>
                    </a:lnTo>
                    <a:lnTo>
                      <a:pt x="809" y="1824"/>
                    </a:lnTo>
                    <a:lnTo>
                      <a:pt x="815" y="1832"/>
                    </a:lnTo>
                    <a:lnTo>
                      <a:pt x="821" y="1838"/>
                    </a:lnTo>
                    <a:lnTo>
                      <a:pt x="831" y="1844"/>
                    </a:lnTo>
                    <a:lnTo>
                      <a:pt x="838" y="1848"/>
                    </a:lnTo>
                    <a:lnTo>
                      <a:pt x="846" y="1851"/>
                    </a:lnTo>
                    <a:lnTo>
                      <a:pt x="854" y="1855"/>
                    </a:lnTo>
                    <a:lnTo>
                      <a:pt x="862" y="1859"/>
                    </a:lnTo>
                    <a:lnTo>
                      <a:pt x="867" y="1862"/>
                    </a:lnTo>
                    <a:lnTo>
                      <a:pt x="872" y="1867"/>
                    </a:lnTo>
                    <a:lnTo>
                      <a:pt x="875" y="1871"/>
                    </a:lnTo>
                    <a:lnTo>
                      <a:pt x="876" y="1876"/>
                    </a:lnTo>
                    <a:lnTo>
                      <a:pt x="875" y="1883"/>
                    </a:lnTo>
                    <a:lnTo>
                      <a:pt x="869" y="1890"/>
                    </a:lnTo>
                    <a:lnTo>
                      <a:pt x="860" y="1902"/>
                    </a:lnTo>
                    <a:lnTo>
                      <a:pt x="853" y="1911"/>
                    </a:lnTo>
                    <a:lnTo>
                      <a:pt x="844" y="1917"/>
                    </a:lnTo>
                    <a:lnTo>
                      <a:pt x="834" y="1921"/>
                    </a:lnTo>
                    <a:lnTo>
                      <a:pt x="825" y="1924"/>
                    </a:lnTo>
                    <a:lnTo>
                      <a:pt x="814" y="1924"/>
                    </a:lnTo>
                    <a:lnTo>
                      <a:pt x="801" y="1923"/>
                    </a:lnTo>
                    <a:lnTo>
                      <a:pt x="787" y="1921"/>
                    </a:lnTo>
                    <a:lnTo>
                      <a:pt x="779" y="1920"/>
                    </a:lnTo>
                    <a:lnTo>
                      <a:pt x="771" y="1920"/>
                    </a:lnTo>
                    <a:lnTo>
                      <a:pt x="764" y="1921"/>
                    </a:lnTo>
                    <a:lnTo>
                      <a:pt x="758" y="1923"/>
                    </a:lnTo>
                    <a:lnTo>
                      <a:pt x="752" y="1924"/>
                    </a:lnTo>
                    <a:lnTo>
                      <a:pt x="746" y="1927"/>
                    </a:lnTo>
                    <a:lnTo>
                      <a:pt x="741" y="1930"/>
                    </a:lnTo>
                    <a:lnTo>
                      <a:pt x="737" y="1933"/>
                    </a:lnTo>
                    <a:lnTo>
                      <a:pt x="728" y="1942"/>
                    </a:lnTo>
                    <a:lnTo>
                      <a:pt x="720" y="1951"/>
                    </a:lnTo>
                    <a:lnTo>
                      <a:pt x="713" y="1962"/>
                    </a:lnTo>
                    <a:lnTo>
                      <a:pt x="705" y="1973"/>
                    </a:lnTo>
                    <a:lnTo>
                      <a:pt x="701" y="1982"/>
                    </a:lnTo>
                    <a:lnTo>
                      <a:pt x="697" y="1989"/>
                    </a:lnTo>
                    <a:lnTo>
                      <a:pt x="692" y="1997"/>
                    </a:lnTo>
                    <a:lnTo>
                      <a:pt x="687" y="2003"/>
                    </a:lnTo>
                    <a:lnTo>
                      <a:pt x="675" y="2015"/>
                    </a:lnTo>
                    <a:lnTo>
                      <a:pt x="662" y="2026"/>
                    </a:lnTo>
                    <a:lnTo>
                      <a:pt x="649" y="2038"/>
                    </a:lnTo>
                    <a:lnTo>
                      <a:pt x="638" y="2050"/>
                    </a:lnTo>
                    <a:lnTo>
                      <a:pt x="631" y="2056"/>
                    </a:lnTo>
                    <a:lnTo>
                      <a:pt x="626" y="2063"/>
                    </a:lnTo>
                    <a:lnTo>
                      <a:pt x="622" y="2070"/>
                    </a:lnTo>
                    <a:lnTo>
                      <a:pt x="618" y="2078"/>
                    </a:lnTo>
                    <a:lnTo>
                      <a:pt x="612" y="2096"/>
                    </a:lnTo>
                    <a:lnTo>
                      <a:pt x="605" y="2116"/>
                    </a:lnTo>
                    <a:lnTo>
                      <a:pt x="600" y="2138"/>
                    </a:lnTo>
                    <a:lnTo>
                      <a:pt x="596" y="2160"/>
                    </a:lnTo>
                    <a:lnTo>
                      <a:pt x="592" y="2183"/>
                    </a:lnTo>
                    <a:lnTo>
                      <a:pt x="591" y="2205"/>
                    </a:lnTo>
                    <a:lnTo>
                      <a:pt x="588" y="2226"/>
                    </a:lnTo>
                    <a:lnTo>
                      <a:pt x="588" y="2245"/>
                    </a:lnTo>
                    <a:lnTo>
                      <a:pt x="588" y="2245"/>
                    </a:lnTo>
                    <a:lnTo>
                      <a:pt x="569" y="2252"/>
                    </a:lnTo>
                    <a:lnTo>
                      <a:pt x="551" y="2259"/>
                    </a:lnTo>
                    <a:lnTo>
                      <a:pt x="533" y="2269"/>
                    </a:lnTo>
                    <a:lnTo>
                      <a:pt x="514" y="2278"/>
                    </a:lnTo>
                    <a:lnTo>
                      <a:pt x="495" y="2285"/>
                    </a:lnTo>
                    <a:lnTo>
                      <a:pt x="477" y="2292"/>
                    </a:lnTo>
                    <a:lnTo>
                      <a:pt x="467" y="2294"/>
                    </a:lnTo>
                    <a:lnTo>
                      <a:pt x="456" y="2297"/>
                    </a:lnTo>
                    <a:lnTo>
                      <a:pt x="447" y="2298"/>
                    </a:lnTo>
                    <a:lnTo>
                      <a:pt x="435" y="2298"/>
                    </a:lnTo>
                    <a:lnTo>
                      <a:pt x="429" y="2298"/>
                    </a:lnTo>
                    <a:lnTo>
                      <a:pt x="421" y="2296"/>
                    </a:lnTo>
                    <a:lnTo>
                      <a:pt x="413" y="2292"/>
                    </a:lnTo>
                    <a:lnTo>
                      <a:pt x="406" y="2288"/>
                    </a:lnTo>
                    <a:lnTo>
                      <a:pt x="389" y="2276"/>
                    </a:lnTo>
                    <a:lnTo>
                      <a:pt x="373" y="2262"/>
                    </a:lnTo>
                    <a:lnTo>
                      <a:pt x="356" y="2248"/>
                    </a:lnTo>
                    <a:lnTo>
                      <a:pt x="341" y="2232"/>
                    </a:lnTo>
                    <a:lnTo>
                      <a:pt x="327" y="2219"/>
                    </a:lnTo>
                    <a:lnTo>
                      <a:pt x="312" y="2209"/>
                    </a:lnTo>
                    <a:lnTo>
                      <a:pt x="302" y="2204"/>
                    </a:lnTo>
                    <a:lnTo>
                      <a:pt x="292" y="2199"/>
                    </a:lnTo>
                    <a:lnTo>
                      <a:pt x="281" y="2196"/>
                    </a:lnTo>
                    <a:lnTo>
                      <a:pt x="271" y="2192"/>
                    </a:lnTo>
                    <a:lnTo>
                      <a:pt x="259" y="2190"/>
                    </a:lnTo>
                    <a:lnTo>
                      <a:pt x="249" y="2186"/>
                    </a:lnTo>
                    <a:lnTo>
                      <a:pt x="239" y="2179"/>
                    </a:lnTo>
                    <a:lnTo>
                      <a:pt x="228" y="2173"/>
                    </a:lnTo>
                    <a:lnTo>
                      <a:pt x="216" y="2164"/>
                    </a:lnTo>
                    <a:lnTo>
                      <a:pt x="206" y="2155"/>
                    </a:lnTo>
                    <a:lnTo>
                      <a:pt x="196" y="2147"/>
                    </a:lnTo>
                    <a:lnTo>
                      <a:pt x="184" y="2142"/>
                    </a:lnTo>
                    <a:lnTo>
                      <a:pt x="172" y="2136"/>
                    </a:lnTo>
                    <a:lnTo>
                      <a:pt x="161" y="2133"/>
                    </a:lnTo>
                    <a:lnTo>
                      <a:pt x="148" y="2131"/>
                    </a:lnTo>
                    <a:lnTo>
                      <a:pt x="132" y="2131"/>
                    </a:lnTo>
                    <a:lnTo>
                      <a:pt x="104" y="2135"/>
                    </a:lnTo>
                    <a:lnTo>
                      <a:pt x="65" y="2140"/>
                    </a:lnTo>
                    <a:lnTo>
                      <a:pt x="44" y="2143"/>
                    </a:lnTo>
                    <a:lnTo>
                      <a:pt x="25" y="2144"/>
                    </a:lnTo>
                    <a:lnTo>
                      <a:pt x="17" y="2144"/>
                    </a:lnTo>
                    <a:lnTo>
                      <a:pt x="11" y="2143"/>
                    </a:lnTo>
                    <a:lnTo>
                      <a:pt x="4" y="2142"/>
                    </a:lnTo>
                    <a:lnTo>
                      <a:pt x="0" y="2140"/>
                    </a:lnTo>
                    <a:lnTo>
                      <a:pt x="0" y="2135"/>
                    </a:lnTo>
                    <a:lnTo>
                      <a:pt x="3" y="2130"/>
                    </a:lnTo>
                    <a:lnTo>
                      <a:pt x="7" y="2123"/>
                    </a:lnTo>
                    <a:lnTo>
                      <a:pt x="12" y="2117"/>
                    </a:lnTo>
                    <a:lnTo>
                      <a:pt x="25" y="2101"/>
                    </a:lnTo>
                    <a:lnTo>
                      <a:pt x="40" y="2085"/>
                    </a:lnTo>
                    <a:lnTo>
                      <a:pt x="55" y="2066"/>
                    </a:lnTo>
                    <a:lnTo>
                      <a:pt x="69" y="2048"/>
                    </a:lnTo>
                    <a:lnTo>
                      <a:pt x="74" y="2038"/>
                    </a:lnTo>
                    <a:lnTo>
                      <a:pt x="78" y="2029"/>
                    </a:lnTo>
                    <a:lnTo>
                      <a:pt x="82" y="2020"/>
                    </a:lnTo>
                    <a:lnTo>
                      <a:pt x="83" y="2011"/>
                    </a:lnTo>
                    <a:lnTo>
                      <a:pt x="100" y="1987"/>
                    </a:lnTo>
                    <a:lnTo>
                      <a:pt x="119" y="1958"/>
                    </a:lnTo>
                    <a:lnTo>
                      <a:pt x="140" y="1924"/>
                    </a:lnTo>
                    <a:lnTo>
                      <a:pt x="158" y="1886"/>
                    </a:lnTo>
                    <a:lnTo>
                      <a:pt x="167" y="1868"/>
                    </a:lnTo>
                    <a:lnTo>
                      <a:pt x="174" y="1849"/>
                    </a:lnTo>
                    <a:lnTo>
                      <a:pt x="180" y="1831"/>
                    </a:lnTo>
                    <a:lnTo>
                      <a:pt x="185" y="1813"/>
                    </a:lnTo>
                    <a:lnTo>
                      <a:pt x="189" y="1796"/>
                    </a:lnTo>
                    <a:lnTo>
                      <a:pt x="191" y="1779"/>
                    </a:lnTo>
                    <a:lnTo>
                      <a:pt x="191" y="1765"/>
                    </a:lnTo>
                    <a:lnTo>
                      <a:pt x="188" y="1750"/>
                    </a:lnTo>
                    <a:lnTo>
                      <a:pt x="185" y="1744"/>
                    </a:lnTo>
                    <a:lnTo>
                      <a:pt x="185" y="1737"/>
                    </a:lnTo>
                    <a:lnTo>
                      <a:pt x="185" y="1732"/>
                    </a:lnTo>
                    <a:lnTo>
                      <a:pt x="185" y="1728"/>
                    </a:lnTo>
                    <a:lnTo>
                      <a:pt x="187" y="1724"/>
                    </a:lnTo>
                    <a:lnTo>
                      <a:pt x="188" y="1722"/>
                    </a:lnTo>
                    <a:lnTo>
                      <a:pt x="191" y="1719"/>
                    </a:lnTo>
                    <a:lnTo>
                      <a:pt x="193" y="1717"/>
                    </a:lnTo>
                    <a:lnTo>
                      <a:pt x="200" y="1713"/>
                    </a:lnTo>
                    <a:lnTo>
                      <a:pt x="207" y="1709"/>
                    </a:lnTo>
                    <a:lnTo>
                      <a:pt x="215" y="1702"/>
                    </a:lnTo>
                    <a:lnTo>
                      <a:pt x="222" y="1695"/>
                    </a:lnTo>
                    <a:lnTo>
                      <a:pt x="229" y="1684"/>
                    </a:lnTo>
                    <a:lnTo>
                      <a:pt x="240" y="1674"/>
                    </a:lnTo>
                    <a:lnTo>
                      <a:pt x="249" y="1665"/>
                    </a:lnTo>
                    <a:lnTo>
                      <a:pt x="258" y="1653"/>
                    </a:lnTo>
                    <a:lnTo>
                      <a:pt x="263" y="1645"/>
                    </a:lnTo>
                    <a:lnTo>
                      <a:pt x="268" y="1638"/>
                    </a:lnTo>
                    <a:lnTo>
                      <a:pt x="271" y="1629"/>
                    </a:lnTo>
                    <a:lnTo>
                      <a:pt x="273" y="1621"/>
                    </a:lnTo>
                    <a:lnTo>
                      <a:pt x="276" y="1604"/>
                    </a:lnTo>
                    <a:lnTo>
                      <a:pt x="277" y="1587"/>
                    </a:lnTo>
                    <a:lnTo>
                      <a:pt x="277" y="1569"/>
                    </a:lnTo>
                    <a:lnTo>
                      <a:pt x="277" y="1552"/>
                    </a:lnTo>
                    <a:lnTo>
                      <a:pt x="279" y="1535"/>
                    </a:lnTo>
                    <a:lnTo>
                      <a:pt x="283" y="1518"/>
                    </a:lnTo>
                    <a:lnTo>
                      <a:pt x="284" y="1520"/>
                    </a:lnTo>
                    <a:lnTo>
                      <a:pt x="285" y="1521"/>
                    </a:lnTo>
                    <a:lnTo>
                      <a:pt x="288" y="1522"/>
                    </a:lnTo>
                    <a:lnTo>
                      <a:pt x="289" y="1525"/>
                    </a:lnTo>
                    <a:lnTo>
                      <a:pt x="292" y="1531"/>
                    </a:lnTo>
                    <a:lnTo>
                      <a:pt x="293" y="1537"/>
                    </a:lnTo>
                    <a:lnTo>
                      <a:pt x="298" y="1541"/>
                    </a:lnTo>
                    <a:lnTo>
                      <a:pt x="303" y="1544"/>
                    </a:lnTo>
                    <a:lnTo>
                      <a:pt x="310" y="1547"/>
                    </a:lnTo>
                    <a:lnTo>
                      <a:pt x="315" y="1550"/>
                    </a:lnTo>
                    <a:lnTo>
                      <a:pt x="327" y="1556"/>
                    </a:lnTo>
                    <a:lnTo>
                      <a:pt x="343" y="1564"/>
                    </a:lnTo>
                    <a:lnTo>
                      <a:pt x="353" y="1566"/>
                    </a:lnTo>
                    <a:lnTo>
                      <a:pt x="360" y="1569"/>
                    </a:lnTo>
                    <a:lnTo>
                      <a:pt x="367" y="1570"/>
                    </a:lnTo>
                    <a:lnTo>
                      <a:pt x="373" y="1570"/>
                    </a:lnTo>
                    <a:lnTo>
                      <a:pt x="372" y="1564"/>
                    </a:lnTo>
                    <a:lnTo>
                      <a:pt x="369" y="1557"/>
                    </a:lnTo>
                    <a:lnTo>
                      <a:pt x="367" y="1553"/>
                    </a:lnTo>
                    <a:lnTo>
                      <a:pt x="364" y="1550"/>
                    </a:lnTo>
                    <a:lnTo>
                      <a:pt x="362" y="1544"/>
                    </a:lnTo>
                    <a:lnTo>
                      <a:pt x="359" y="1539"/>
                    </a:lnTo>
                    <a:lnTo>
                      <a:pt x="359" y="1533"/>
                    </a:lnTo>
                    <a:lnTo>
                      <a:pt x="360" y="1524"/>
                    </a:lnTo>
                    <a:lnTo>
                      <a:pt x="362" y="1517"/>
                    </a:lnTo>
                    <a:lnTo>
                      <a:pt x="362" y="1513"/>
                    </a:lnTo>
                    <a:lnTo>
                      <a:pt x="362" y="1509"/>
                    </a:lnTo>
                    <a:lnTo>
                      <a:pt x="360" y="1508"/>
                    </a:lnTo>
                    <a:lnTo>
                      <a:pt x="358" y="1507"/>
                    </a:lnTo>
                    <a:lnTo>
                      <a:pt x="356" y="1507"/>
                    </a:lnTo>
                    <a:lnTo>
                      <a:pt x="354" y="1507"/>
                    </a:lnTo>
                    <a:lnTo>
                      <a:pt x="350" y="1508"/>
                    </a:lnTo>
                    <a:lnTo>
                      <a:pt x="337" y="1516"/>
                    </a:lnTo>
                    <a:lnTo>
                      <a:pt x="323" y="1521"/>
                    </a:lnTo>
                    <a:lnTo>
                      <a:pt x="316" y="1520"/>
                    </a:lnTo>
                    <a:lnTo>
                      <a:pt x="311" y="1517"/>
                    </a:lnTo>
                    <a:lnTo>
                      <a:pt x="308" y="1513"/>
                    </a:lnTo>
                    <a:lnTo>
                      <a:pt x="306" y="1508"/>
                    </a:lnTo>
                    <a:lnTo>
                      <a:pt x="303" y="1503"/>
                    </a:lnTo>
                    <a:lnTo>
                      <a:pt x="299" y="1499"/>
                    </a:lnTo>
                    <a:lnTo>
                      <a:pt x="294" y="1495"/>
                    </a:lnTo>
                    <a:lnTo>
                      <a:pt x="288" y="1493"/>
                    </a:lnTo>
                    <a:lnTo>
                      <a:pt x="280" y="1494"/>
                    </a:lnTo>
                    <a:lnTo>
                      <a:pt x="272" y="1495"/>
                    </a:lnTo>
                    <a:lnTo>
                      <a:pt x="263" y="1498"/>
                    </a:lnTo>
                    <a:lnTo>
                      <a:pt x="255" y="1502"/>
                    </a:lnTo>
                    <a:lnTo>
                      <a:pt x="240" y="1508"/>
                    </a:lnTo>
                    <a:lnTo>
                      <a:pt x="224" y="1513"/>
                    </a:lnTo>
                    <a:lnTo>
                      <a:pt x="215" y="1513"/>
                    </a:lnTo>
                    <a:lnTo>
                      <a:pt x="207" y="1513"/>
                    </a:lnTo>
                    <a:lnTo>
                      <a:pt x="200" y="1512"/>
                    </a:lnTo>
                    <a:lnTo>
                      <a:pt x="193" y="1509"/>
                    </a:lnTo>
                    <a:lnTo>
                      <a:pt x="179" y="1503"/>
                    </a:lnTo>
                    <a:lnTo>
                      <a:pt x="165" y="1496"/>
                    </a:lnTo>
                    <a:lnTo>
                      <a:pt x="135" y="1487"/>
                    </a:lnTo>
                    <a:lnTo>
                      <a:pt x="119" y="1481"/>
                    </a:lnTo>
                    <a:lnTo>
                      <a:pt x="118" y="1478"/>
                    </a:lnTo>
                    <a:lnTo>
                      <a:pt x="117" y="1476"/>
                    </a:lnTo>
                    <a:lnTo>
                      <a:pt x="118" y="1473"/>
                    </a:lnTo>
                    <a:lnTo>
                      <a:pt x="119" y="1469"/>
                    </a:lnTo>
                    <a:lnTo>
                      <a:pt x="127" y="1460"/>
                    </a:lnTo>
                    <a:lnTo>
                      <a:pt x="140" y="1446"/>
                    </a:lnTo>
                    <a:lnTo>
                      <a:pt x="144" y="1441"/>
                    </a:lnTo>
                    <a:lnTo>
                      <a:pt x="148" y="1436"/>
                    </a:lnTo>
                    <a:lnTo>
                      <a:pt x="150" y="1429"/>
                    </a:lnTo>
                    <a:lnTo>
                      <a:pt x="153" y="1423"/>
                    </a:lnTo>
                    <a:lnTo>
                      <a:pt x="156" y="1408"/>
                    </a:lnTo>
                    <a:lnTo>
                      <a:pt x="157" y="1394"/>
                    </a:lnTo>
                    <a:lnTo>
                      <a:pt x="157" y="1389"/>
                    </a:lnTo>
                    <a:lnTo>
                      <a:pt x="159" y="1385"/>
                    </a:lnTo>
                    <a:lnTo>
                      <a:pt x="161" y="1381"/>
                    </a:lnTo>
                    <a:lnTo>
                      <a:pt x="165" y="1379"/>
                    </a:lnTo>
                    <a:lnTo>
                      <a:pt x="172" y="1376"/>
                    </a:lnTo>
                    <a:lnTo>
                      <a:pt x="182" y="1375"/>
                    </a:lnTo>
                    <a:lnTo>
                      <a:pt x="204" y="1377"/>
                    </a:lnTo>
                    <a:lnTo>
                      <a:pt x="220" y="1381"/>
                    </a:lnTo>
                    <a:lnTo>
                      <a:pt x="233" y="1381"/>
                    </a:lnTo>
                    <a:lnTo>
                      <a:pt x="245" y="1380"/>
                    </a:lnTo>
                    <a:lnTo>
                      <a:pt x="251" y="1377"/>
                    </a:lnTo>
                    <a:lnTo>
                      <a:pt x="257" y="1375"/>
                    </a:lnTo>
                    <a:lnTo>
                      <a:pt x="262" y="1372"/>
                    </a:lnTo>
                    <a:lnTo>
                      <a:pt x="266" y="1368"/>
                    </a:lnTo>
                    <a:lnTo>
                      <a:pt x="273" y="1357"/>
                    </a:lnTo>
                    <a:lnTo>
                      <a:pt x="280" y="1349"/>
                    </a:lnTo>
                    <a:lnTo>
                      <a:pt x="283" y="1342"/>
                    </a:lnTo>
                    <a:lnTo>
                      <a:pt x="284" y="1337"/>
                    </a:lnTo>
                    <a:lnTo>
                      <a:pt x="283" y="1333"/>
                    </a:lnTo>
                    <a:lnTo>
                      <a:pt x="280" y="1332"/>
                    </a:lnTo>
                    <a:lnTo>
                      <a:pt x="275" y="1331"/>
                    </a:lnTo>
                    <a:lnTo>
                      <a:pt x="268" y="1331"/>
                    </a:lnTo>
                    <a:lnTo>
                      <a:pt x="236" y="1337"/>
                    </a:lnTo>
                    <a:lnTo>
                      <a:pt x="204" y="1342"/>
                    </a:lnTo>
                    <a:lnTo>
                      <a:pt x="187" y="1342"/>
                    </a:lnTo>
                    <a:lnTo>
                      <a:pt x="172" y="1341"/>
                    </a:lnTo>
                    <a:lnTo>
                      <a:pt x="161" y="1338"/>
                    </a:lnTo>
                    <a:lnTo>
                      <a:pt x="149" y="1336"/>
                    </a:lnTo>
                    <a:lnTo>
                      <a:pt x="141" y="1332"/>
                    </a:lnTo>
                    <a:lnTo>
                      <a:pt x="134" y="1327"/>
                    </a:lnTo>
                    <a:lnTo>
                      <a:pt x="128" y="1322"/>
                    </a:lnTo>
                    <a:lnTo>
                      <a:pt x="125" y="1315"/>
                    </a:lnTo>
                    <a:lnTo>
                      <a:pt x="123" y="1309"/>
                    </a:lnTo>
                    <a:lnTo>
                      <a:pt x="122" y="1301"/>
                    </a:lnTo>
                    <a:lnTo>
                      <a:pt x="123" y="1292"/>
                    </a:lnTo>
                    <a:lnTo>
                      <a:pt x="126" y="1283"/>
                    </a:lnTo>
                    <a:lnTo>
                      <a:pt x="130" y="1272"/>
                    </a:lnTo>
                    <a:lnTo>
                      <a:pt x="135" y="1261"/>
                    </a:lnTo>
                    <a:lnTo>
                      <a:pt x="141" y="1249"/>
                    </a:lnTo>
                    <a:lnTo>
                      <a:pt x="149" y="1237"/>
                    </a:lnTo>
                    <a:lnTo>
                      <a:pt x="158" y="1227"/>
                    </a:lnTo>
                    <a:lnTo>
                      <a:pt x="166" y="1218"/>
                    </a:lnTo>
                    <a:lnTo>
                      <a:pt x="176" y="1209"/>
                    </a:lnTo>
                    <a:lnTo>
                      <a:pt x="185" y="1201"/>
                    </a:lnTo>
                    <a:lnTo>
                      <a:pt x="193" y="1192"/>
                    </a:lnTo>
                    <a:lnTo>
                      <a:pt x="201" y="1182"/>
                    </a:lnTo>
                    <a:lnTo>
                      <a:pt x="204" y="1177"/>
                    </a:lnTo>
                    <a:lnTo>
                      <a:pt x="206" y="1171"/>
                    </a:lnTo>
                    <a:lnTo>
                      <a:pt x="209" y="1165"/>
                    </a:lnTo>
                    <a:lnTo>
                      <a:pt x="210" y="1158"/>
                    </a:lnTo>
                    <a:lnTo>
                      <a:pt x="218" y="1145"/>
                    </a:lnTo>
                    <a:lnTo>
                      <a:pt x="226" y="1132"/>
                    </a:lnTo>
                    <a:lnTo>
                      <a:pt x="229" y="1129"/>
                    </a:lnTo>
                    <a:lnTo>
                      <a:pt x="233" y="1125"/>
                    </a:lnTo>
                    <a:lnTo>
                      <a:pt x="236" y="1120"/>
                    </a:lnTo>
                    <a:lnTo>
                      <a:pt x="239" y="1114"/>
                    </a:lnTo>
                    <a:lnTo>
                      <a:pt x="239" y="1109"/>
                    </a:lnTo>
                    <a:lnTo>
                      <a:pt x="239" y="1103"/>
                    </a:lnTo>
                    <a:lnTo>
                      <a:pt x="237" y="1091"/>
                    </a:lnTo>
                    <a:lnTo>
                      <a:pt x="232" y="1079"/>
                    </a:lnTo>
                    <a:lnTo>
                      <a:pt x="229" y="1074"/>
                    </a:lnTo>
                    <a:lnTo>
                      <a:pt x="228" y="1073"/>
                    </a:lnTo>
                    <a:lnTo>
                      <a:pt x="231" y="1069"/>
                    </a:lnTo>
                    <a:lnTo>
                      <a:pt x="237" y="1060"/>
                    </a:lnTo>
                    <a:lnTo>
                      <a:pt x="249" y="1059"/>
                    </a:lnTo>
                    <a:lnTo>
                      <a:pt x="262" y="1053"/>
                    </a:lnTo>
                    <a:lnTo>
                      <a:pt x="273" y="1047"/>
                    </a:lnTo>
                    <a:lnTo>
                      <a:pt x="285" y="1040"/>
                    </a:lnTo>
                    <a:lnTo>
                      <a:pt x="307" y="1024"/>
                    </a:lnTo>
                    <a:lnTo>
                      <a:pt x="327" y="1007"/>
                    </a:lnTo>
                    <a:lnTo>
                      <a:pt x="332" y="1003"/>
                    </a:lnTo>
                    <a:lnTo>
                      <a:pt x="337" y="998"/>
                    </a:lnTo>
                    <a:lnTo>
                      <a:pt x="341" y="993"/>
                    </a:lnTo>
                    <a:lnTo>
                      <a:pt x="343" y="987"/>
                    </a:lnTo>
                    <a:lnTo>
                      <a:pt x="349" y="977"/>
                    </a:lnTo>
                    <a:lnTo>
                      <a:pt x="353" y="967"/>
                    </a:lnTo>
                    <a:lnTo>
                      <a:pt x="355" y="956"/>
                    </a:lnTo>
                    <a:lnTo>
                      <a:pt x="359" y="946"/>
                    </a:lnTo>
                    <a:lnTo>
                      <a:pt x="364" y="936"/>
                    </a:lnTo>
                    <a:lnTo>
                      <a:pt x="372" y="925"/>
                    </a:lnTo>
                    <a:lnTo>
                      <a:pt x="385" y="912"/>
                    </a:lnTo>
                    <a:lnTo>
                      <a:pt x="398" y="901"/>
                    </a:lnTo>
                    <a:lnTo>
                      <a:pt x="404" y="894"/>
                    </a:lnTo>
                    <a:lnTo>
                      <a:pt x="410" y="888"/>
                    </a:lnTo>
                    <a:lnTo>
                      <a:pt x="415" y="880"/>
                    </a:lnTo>
                    <a:lnTo>
                      <a:pt x="420" y="871"/>
                    </a:lnTo>
                    <a:lnTo>
                      <a:pt x="556" y="670"/>
                    </a:lnTo>
                    <a:lnTo>
                      <a:pt x="570" y="653"/>
                    </a:lnTo>
                    <a:lnTo>
                      <a:pt x="588" y="634"/>
                    </a:lnTo>
                    <a:lnTo>
                      <a:pt x="609" y="613"/>
                    </a:lnTo>
                    <a:lnTo>
                      <a:pt x="630" y="592"/>
                    </a:lnTo>
                    <a:lnTo>
                      <a:pt x="649" y="570"/>
                    </a:lnTo>
                    <a:lnTo>
                      <a:pt x="666" y="548"/>
                    </a:lnTo>
                    <a:lnTo>
                      <a:pt x="673" y="538"/>
                    </a:lnTo>
                    <a:lnTo>
                      <a:pt x="678" y="529"/>
                    </a:lnTo>
                    <a:lnTo>
                      <a:pt x="680" y="518"/>
                    </a:lnTo>
                    <a:lnTo>
                      <a:pt x="682" y="509"/>
                    </a:lnTo>
                    <a:lnTo>
                      <a:pt x="680" y="508"/>
                    </a:lnTo>
                    <a:lnTo>
                      <a:pt x="670" y="512"/>
                    </a:lnTo>
                    <a:lnTo>
                      <a:pt x="654" y="518"/>
                    </a:lnTo>
                    <a:lnTo>
                      <a:pt x="641" y="524"/>
                    </a:lnTo>
                    <a:lnTo>
                      <a:pt x="635" y="526"/>
                    </a:lnTo>
                    <a:lnTo>
                      <a:pt x="638" y="517"/>
                    </a:lnTo>
                    <a:lnTo>
                      <a:pt x="641" y="505"/>
                    </a:lnTo>
                    <a:lnTo>
                      <a:pt x="644" y="500"/>
                    </a:lnTo>
                    <a:lnTo>
                      <a:pt x="647" y="495"/>
                    </a:lnTo>
                    <a:lnTo>
                      <a:pt x="649" y="491"/>
                    </a:lnTo>
                    <a:lnTo>
                      <a:pt x="652" y="490"/>
                    </a:lnTo>
                    <a:lnTo>
                      <a:pt x="658" y="469"/>
                    </a:lnTo>
                    <a:lnTo>
                      <a:pt x="671" y="439"/>
                    </a:lnTo>
                    <a:lnTo>
                      <a:pt x="684" y="408"/>
                    </a:lnTo>
                    <a:lnTo>
                      <a:pt x="693" y="385"/>
                    </a:lnTo>
                    <a:lnTo>
                      <a:pt x="733" y="220"/>
                    </a:lnTo>
                    <a:lnTo>
                      <a:pt x="740" y="200"/>
                    </a:lnTo>
                    <a:lnTo>
                      <a:pt x="752" y="170"/>
                    </a:lnTo>
                    <a:lnTo>
                      <a:pt x="757" y="156"/>
                    </a:lnTo>
                    <a:lnTo>
                      <a:pt x="761" y="143"/>
                    </a:lnTo>
                    <a:lnTo>
                      <a:pt x="763" y="132"/>
                    </a:lnTo>
                    <a:lnTo>
                      <a:pt x="763" y="125"/>
                    </a:lnTo>
                    <a:lnTo>
                      <a:pt x="761" y="110"/>
                    </a:lnTo>
                    <a:lnTo>
                      <a:pt x="758" y="100"/>
                    </a:lnTo>
                    <a:lnTo>
                      <a:pt x="759" y="91"/>
                    </a:lnTo>
                    <a:lnTo>
                      <a:pt x="762" y="84"/>
                    </a:lnTo>
                    <a:lnTo>
                      <a:pt x="767" y="78"/>
                    </a:lnTo>
                    <a:lnTo>
                      <a:pt x="775" y="72"/>
                    </a:lnTo>
                    <a:lnTo>
                      <a:pt x="785" y="64"/>
                    </a:lnTo>
                    <a:lnTo>
                      <a:pt x="798" y="55"/>
                    </a:lnTo>
                    <a:lnTo>
                      <a:pt x="799" y="53"/>
                    </a:lnTo>
                    <a:lnTo>
                      <a:pt x="801" y="51"/>
                    </a:lnTo>
                    <a:lnTo>
                      <a:pt x="801" y="49"/>
                    </a:lnTo>
                    <a:lnTo>
                      <a:pt x="799" y="47"/>
                    </a:lnTo>
                    <a:lnTo>
                      <a:pt x="799" y="47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81" name="Freeform 242"/>
              <p:cNvSpPr>
                <a:spLocks/>
              </p:cNvSpPr>
              <p:nvPr/>
            </p:nvSpPr>
            <p:spPr bwMode="auto">
              <a:xfrm>
                <a:off x="5653862" y="5260090"/>
                <a:ext cx="67403" cy="57802"/>
              </a:xfrm>
              <a:custGeom>
                <a:avLst/>
                <a:gdLst/>
                <a:ahLst/>
                <a:cxnLst>
                  <a:cxn ang="0">
                    <a:pos x="24" y="3"/>
                  </a:cxn>
                  <a:cxn ang="0">
                    <a:pos x="17" y="12"/>
                  </a:cxn>
                  <a:cxn ang="0">
                    <a:pos x="9" y="21"/>
                  </a:cxn>
                  <a:cxn ang="0">
                    <a:pos x="5" y="26"/>
                  </a:cxn>
                  <a:cxn ang="0">
                    <a:pos x="2" y="31"/>
                  </a:cxn>
                  <a:cxn ang="0">
                    <a:pos x="1" y="37"/>
                  </a:cxn>
                  <a:cxn ang="0">
                    <a:pos x="0" y="43"/>
                  </a:cxn>
                  <a:cxn ang="0">
                    <a:pos x="0" y="55"/>
                  </a:cxn>
                  <a:cxn ang="0">
                    <a:pos x="0" y="68"/>
                  </a:cxn>
                  <a:cxn ang="0">
                    <a:pos x="1" y="81"/>
                  </a:cxn>
                  <a:cxn ang="0">
                    <a:pos x="4" y="92"/>
                  </a:cxn>
                  <a:cxn ang="0">
                    <a:pos x="5" y="97"/>
                  </a:cxn>
                  <a:cxn ang="0">
                    <a:pos x="7" y="104"/>
                  </a:cxn>
                  <a:cxn ang="0">
                    <a:pos x="10" y="108"/>
                  </a:cxn>
                  <a:cxn ang="0">
                    <a:pos x="14" y="113"/>
                  </a:cxn>
                  <a:cxn ang="0">
                    <a:pos x="18" y="117"/>
                  </a:cxn>
                  <a:cxn ang="0">
                    <a:pos x="23" y="121"/>
                  </a:cxn>
                  <a:cxn ang="0">
                    <a:pos x="30" y="123"/>
                  </a:cxn>
                  <a:cxn ang="0">
                    <a:pos x="36" y="126"/>
                  </a:cxn>
                  <a:cxn ang="0">
                    <a:pos x="42" y="127"/>
                  </a:cxn>
                  <a:cxn ang="0">
                    <a:pos x="49" y="127"/>
                  </a:cxn>
                  <a:cxn ang="0">
                    <a:pos x="57" y="126"/>
                  </a:cxn>
                  <a:cxn ang="0">
                    <a:pos x="64" y="123"/>
                  </a:cxn>
                  <a:cxn ang="0">
                    <a:pos x="80" y="117"/>
                  </a:cxn>
                  <a:cxn ang="0">
                    <a:pos x="93" y="112"/>
                  </a:cxn>
                  <a:cxn ang="0">
                    <a:pos x="105" y="107"/>
                  </a:cxn>
                  <a:cxn ang="0">
                    <a:pos x="116" y="103"/>
                  </a:cxn>
                  <a:cxn ang="0">
                    <a:pos x="129" y="101"/>
                  </a:cxn>
                  <a:cxn ang="0">
                    <a:pos x="142" y="101"/>
                  </a:cxn>
                  <a:cxn ang="0">
                    <a:pos x="146" y="82"/>
                  </a:cxn>
                  <a:cxn ang="0">
                    <a:pos x="140" y="63"/>
                  </a:cxn>
                  <a:cxn ang="0">
                    <a:pos x="132" y="44"/>
                  </a:cxn>
                  <a:cxn ang="0">
                    <a:pos x="128" y="35"/>
                  </a:cxn>
                  <a:cxn ang="0">
                    <a:pos x="121" y="28"/>
                  </a:cxn>
                  <a:cxn ang="0">
                    <a:pos x="115" y="21"/>
                  </a:cxn>
                  <a:cxn ang="0">
                    <a:pos x="107" y="15"/>
                  </a:cxn>
                  <a:cxn ang="0">
                    <a:pos x="97" y="9"/>
                  </a:cxn>
                  <a:cxn ang="0">
                    <a:pos x="87" y="6"/>
                  </a:cxn>
                  <a:cxn ang="0">
                    <a:pos x="76" y="3"/>
                  </a:cxn>
                  <a:cxn ang="0">
                    <a:pos x="66" y="2"/>
                  </a:cxn>
                  <a:cxn ang="0">
                    <a:pos x="46" y="0"/>
                  </a:cxn>
                  <a:cxn ang="0">
                    <a:pos x="24" y="0"/>
                  </a:cxn>
                  <a:cxn ang="0">
                    <a:pos x="24" y="2"/>
                  </a:cxn>
                  <a:cxn ang="0">
                    <a:pos x="24" y="3"/>
                  </a:cxn>
                </a:cxnLst>
                <a:rect l="0" t="0" r="r" b="b"/>
                <a:pathLst>
                  <a:path w="146" h="127">
                    <a:moveTo>
                      <a:pt x="24" y="3"/>
                    </a:moveTo>
                    <a:lnTo>
                      <a:pt x="17" y="12"/>
                    </a:lnTo>
                    <a:lnTo>
                      <a:pt x="9" y="21"/>
                    </a:lnTo>
                    <a:lnTo>
                      <a:pt x="5" y="26"/>
                    </a:lnTo>
                    <a:lnTo>
                      <a:pt x="2" y="31"/>
                    </a:lnTo>
                    <a:lnTo>
                      <a:pt x="1" y="37"/>
                    </a:lnTo>
                    <a:lnTo>
                      <a:pt x="0" y="43"/>
                    </a:lnTo>
                    <a:lnTo>
                      <a:pt x="0" y="55"/>
                    </a:lnTo>
                    <a:lnTo>
                      <a:pt x="0" y="68"/>
                    </a:lnTo>
                    <a:lnTo>
                      <a:pt x="1" y="81"/>
                    </a:lnTo>
                    <a:lnTo>
                      <a:pt x="4" y="92"/>
                    </a:lnTo>
                    <a:lnTo>
                      <a:pt x="5" y="97"/>
                    </a:lnTo>
                    <a:lnTo>
                      <a:pt x="7" y="104"/>
                    </a:lnTo>
                    <a:lnTo>
                      <a:pt x="10" y="108"/>
                    </a:lnTo>
                    <a:lnTo>
                      <a:pt x="14" y="113"/>
                    </a:lnTo>
                    <a:lnTo>
                      <a:pt x="18" y="117"/>
                    </a:lnTo>
                    <a:lnTo>
                      <a:pt x="23" y="121"/>
                    </a:lnTo>
                    <a:lnTo>
                      <a:pt x="30" y="123"/>
                    </a:lnTo>
                    <a:lnTo>
                      <a:pt x="36" y="126"/>
                    </a:lnTo>
                    <a:lnTo>
                      <a:pt x="42" y="127"/>
                    </a:lnTo>
                    <a:lnTo>
                      <a:pt x="49" y="127"/>
                    </a:lnTo>
                    <a:lnTo>
                      <a:pt x="57" y="126"/>
                    </a:lnTo>
                    <a:lnTo>
                      <a:pt x="64" y="123"/>
                    </a:lnTo>
                    <a:lnTo>
                      <a:pt x="80" y="117"/>
                    </a:lnTo>
                    <a:lnTo>
                      <a:pt x="93" y="112"/>
                    </a:lnTo>
                    <a:lnTo>
                      <a:pt x="105" y="107"/>
                    </a:lnTo>
                    <a:lnTo>
                      <a:pt x="116" y="103"/>
                    </a:lnTo>
                    <a:lnTo>
                      <a:pt x="129" y="101"/>
                    </a:lnTo>
                    <a:lnTo>
                      <a:pt x="142" y="101"/>
                    </a:lnTo>
                    <a:lnTo>
                      <a:pt x="146" y="82"/>
                    </a:lnTo>
                    <a:lnTo>
                      <a:pt x="140" y="63"/>
                    </a:lnTo>
                    <a:lnTo>
                      <a:pt x="132" y="44"/>
                    </a:lnTo>
                    <a:lnTo>
                      <a:pt x="128" y="35"/>
                    </a:lnTo>
                    <a:lnTo>
                      <a:pt x="121" y="28"/>
                    </a:lnTo>
                    <a:lnTo>
                      <a:pt x="115" y="21"/>
                    </a:lnTo>
                    <a:lnTo>
                      <a:pt x="107" y="15"/>
                    </a:lnTo>
                    <a:lnTo>
                      <a:pt x="97" y="9"/>
                    </a:lnTo>
                    <a:lnTo>
                      <a:pt x="87" y="6"/>
                    </a:lnTo>
                    <a:lnTo>
                      <a:pt x="76" y="3"/>
                    </a:lnTo>
                    <a:lnTo>
                      <a:pt x="66" y="2"/>
                    </a:lnTo>
                    <a:lnTo>
                      <a:pt x="46" y="0"/>
                    </a:lnTo>
                    <a:lnTo>
                      <a:pt x="24" y="0"/>
                    </a:lnTo>
                    <a:lnTo>
                      <a:pt x="24" y="2"/>
                    </a:lnTo>
                    <a:lnTo>
                      <a:pt x="24" y="3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  <p:sp>
            <p:nvSpPr>
              <p:cNvPr id="182" name="Freeform 243"/>
              <p:cNvSpPr>
                <a:spLocks/>
              </p:cNvSpPr>
              <p:nvPr/>
            </p:nvSpPr>
            <p:spPr bwMode="auto">
              <a:xfrm>
                <a:off x="5653862" y="5260090"/>
                <a:ext cx="67403" cy="57802"/>
              </a:xfrm>
              <a:custGeom>
                <a:avLst/>
                <a:gdLst/>
                <a:ahLst/>
                <a:cxnLst>
                  <a:cxn ang="0">
                    <a:pos x="24" y="3"/>
                  </a:cxn>
                  <a:cxn ang="0">
                    <a:pos x="17" y="12"/>
                  </a:cxn>
                  <a:cxn ang="0">
                    <a:pos x="9" y="21"/>
                  </a:cxn>
                  <a:cxn ang="0">
                    <a:pos x="5" y="26"/>
                  </a:cxn>
                  <a:cxn ang="0">
                    <a:pos x="2" y="31"/>
                  </a:cxn>
                  <a:cxn ang="0">
                    <a:pos x="1" y="37"/>
                  </a:cxn>
                  <a:cxn ang="0">
                    <a:pos x="0" y="43"/>
                  </a:cxn>
                  <a:cxn ang="0">
                    <a:pos x="0" y="55"/>
                  </a:cxn>
                  <a:cxn ang="0">
                    <a:pos x="0" y="68"/>
                  </a:cxn>
                  <a:cxn ang="0">
                    <a:pos x="1" y="81"/>
                  </a:cxn>
                  <a:cxn ang="0">
                    <a:pos x="4" y="92"/>
                  </a:cxn>
                  <a:cxn ang="0">
                    <a:pos x="5" y="97"/>
                  </a:cxn>
                  <a:cxn ang="0">
                    <a:pos x="7" y="104"/>
                  </a:cxn>
                  <a:cxn ang="0">
                    <a:pos x="10" y="108"/>
                  </a:cxn>
                  <a:cxn ang="0">
                    <a:pos x="14" y="113"/>
                  </a:cxn>
                  <a:cxn ang="0">
                    <a:pos x="18" y="117"/>
                  </a:cxn>
                  <a:cxn ang="0">
                    <a:pos x="23" y="121"/>
                  </a:cxn>
                  <a:cxn ang="0">
                    <a:pos x="30" y="123"/>
                  </a:cxn>
                  <a:cxn ang="0">
                    <a:pos x="36" y="126"/>
                  </a:cxn>
                  <a:cxn ang="0">
                    <a:pos x="42" y="127"/>
                  </a:cxn>
                  <a:cxn ang="0">
                    <a:pos x="49" y="127"/>
                  </a:cxn>
                  <a:cxn ang="0">
                    <a:pos x="57" y="126"/>
                  </a:cxn>
                  <a:cxn ang="0">
                    <a:pos x="64" y="123"/>
                  </a:cxn>
                  <a:cxn ang="0">
                    <a:pos x="80" y="117"/>
                  </a:cxn>
                  <a:cxn ang="0">
                    <a:pos x="93" y="112"/>
                  </a:cxn>
                  <a:cxn ang="0">
                    <a:pos x="105" y="107"/>
                  </a:cxn>
                  <a:cxn ang="0">
                    <a:pos x="116" y="103"/>
                  </a:cxn>
                  <a:cxn ang="0">
                    <a:pos x="129" y="101"/>
                  </a:cxn>
                  <a:cxn ang="0">
                    <a:pos x="142" y="101"/>
                  </a:cxn>
                  <a:cxn ang="0">
                    <a:pos x="142" y="101"/>
                  </a:cxn>
                  <a:cxn ang="0">
                    <a:pos x="146" y="82"/>
                  </a:cxn>
                  <a:cxn ang="0">
                    <a:pos x="140" y="63"/>
                  </a:cxn>
                  <a:cxn ang="0">
                    <a:pos x="132" y="44"/>
                  </a:cxn>
                  <a:cxn ang="0">
                    <a:pos x="128" y="35"/>
                  </a:cxn>
                  <a:cxn ang="0">
                    <a:pos x="121" y="28"/>
                  </a:cxn>
                  <a:cxn ang="0">
                    <a:pos x="115" y="21"/>
                  </a:cxn>
                  <a:cxn ang="0">
                    <a:pos x="107" y="15"/>
                  </a:cxn>
                  <a:cxn ang="0">
                    <a:pos x="97" y="9"/>
                  </a:cxn>
                  <a:cxn ang="0">
                    <a:pos x="87" y="6"/>
                  </a:cxn>
                  <a:cxn ang="0">
                    <a:pos x="76" y="3"/>
                  </a:cxn>
                  <a:cxn ang="0">
                    <a:pos x="66" y="2"/>
                  </a:cxn>
                  <a:cxn ang="0">
                    <a:pos x="46" y="0"/>
                  </a:cxn>
                  <a:cxn ang="0">
                    <a:pos x="24" y="0"/>
                  </a:cxn>
                  <a:cxn ang="0">
                    <a:pos x="24" y="2"/>
                  </a:cxn>
                  <a:cxn ang="0">
                    <a:pos x="24" y="3"/>
                  </a:cxn>
                  <a:cxn ang="0">
                    <a:pos x="24" y="3"/>
                  </a:cxn>
                </a:cxnLst>
                <a:rect l="0" t="0" r="r" b="b"/>
                <a:pathLst>
                  <a:path w="146" h="127">
                    <a:moveTo>
                      <a:pt x="24" y="3"/>
                    </a:moveTo>
                    <a:lnTo>
                      <a:pt x="17" y="12"/>
                    </a:lnTo>
                    <a:lnTo>
                      <a:pt x="9" y="21"/>
                    </a:lnTo>
                    <a:lnTo>
                      <a:pt x="5" y="26"/>
                    </a:lnTo>
                    <a:lnTo>
                      <a:pt x="2" y="31"/>
                    </a:lnTo>
                    <a:lnTo>
                      <a:pt x="1" y="37"/>
                    </a:lnTo>
                    <a:lnTo>
                      <a:pt x="0" y="43"/>
                    </a:lnTo>
                    <a:lnTo>
                      <a:pt x="0" y="55"/>
                    </a:lnTo>
                    <a:lnTo>
                      <a:pt x="0" y="68"/>
                    </a:lnTo>
                    <a:lnTo>
                      <a:pt x="1" y="81"/>
                    </a:lnTo>
                    <a:lnTo>
                      <a:pt x="4" y="92"/>
                    </a:lnTo>
                    <a:lnTo>
                      <a:pt x="5" y="97"/>
                    </a:lnTo>
                    <a:lnTo>
                      <a:pt x="7" y="104"/>
                    </a:lnTo>
                    <a:lnTo>
                      <a:pt x="10" y="108"/>
                    </a:lnTo>
                    <a:lnTo>
                      <a:pt x="14" y="113"/>
                    </a:lnTo>
                    <a:lnTo>
                      <a:pt x="18" y="117"/>
                    </a:lnTo>
                    <a:lnTo>
                      <a:pt x="23" y="121"/>
                    </a:lnTo>
                    <a:lnTo>
                      <a:pt x="30" y="123"/>
                    </a:lnTo>
                    <a:lnTo>
                      <a:pt x="36" y="126"/>
                    </a:lnTo>
                    <a:lnTo>
                      <a:pt x="42" y="127"/>
                    </a:lnTo>
                    <a:lnTo>
                      <a:pt x="49" y="127"/>
                    </a:lnTo>
                    <a:lnTo>
                      <a:pt x="57" y="126"/>
                    </a:lnTo>
                    <a:lnTo>
                      <a:pt x="64" y="123"/>
                    </a:lnTo>
                    <a:lnTo>
                      <a:pt x="80" y="117"/>
                    </a:lnTo>
                    <a:lnTo>
                      <a:pt x="93" y="112"/>
                    </a:lnTo>
                    <a:lnTo>
                      <a:pt x="105" y="107"/>
                    </a:lnTo>
                    <a:lnTo>
                      <a:pt x="116" y="103"/>
                    </a:lnTo>
                    <a:lnTo>
                      <a:pt x="129" y="101"/>
                    </a:lnTo>
                    <a:lnTo>
                      <a:pt x="142" y="101"/>
                    </a:lnTo>
                    <a:lnTo>
                      <a:pt x="142" y="101"/>
                    </a:lnTo>
                    <a:lnTo>
                      <a:pt x="146" y="82"/>
                    </a:lnTo>
                    <a:lnTo>
                      <a:pt x="140" y="63"/>
                    </a:lnTo>
                    <a:lnTo>
                      <a:pt x="132" y="44"/>
                    </a:lnTo>
                    <a:lnTo>
                      <a:pt x="128" y="35"/>
                    </a:lnTo>
                    <a:lnTo>
                      <a:pt x="121" y="28"/>
                    </a:lnTo>
                    <a:lnTo>
                      <a:pt x="115" y="21"/>
                    </a:lnTo>
                    <a:lnTo>
                      <a:pt x="107" y="15"/>
                    </a:lnTo>
                    <a:lnTo>
                      <a:pt x="97" y="9"/>
                    </a:lnTo>
                    <a:lnTo>
                      <a:pt x="87" y="6"/>
                    </a:lnTo>
                    <a:lnTo>
                      <a:pt x="76" y="3"/>
                    </a:lnTo>
                    <a:lnTo>
                      <a:pt x="66" y="2"/>
                    </a:lnTo>
                    <a:lnTo>
                      <a:pt x="46" y="0"/>
                    </a:lnTo>
                    <a:lnTo>
                      <a:pt x="24" y="0"/>
                    </a:lnTo>
                    <a:lnTo>
                      <a:pt x="24" y="2"/>
                    </a:lnTo>
                    <a:lnTo>
                      <a:pt x="24" y="3"/>
                    </a:lnTo>
                    <a:lnTo>
                      <a:pt x="24" y="3"/>
                    </a:lnTo>
                    <a:close/>
                  </a:path>
                </a:pathLst>
              </a:custGeom>
              <a:solidFill>
                <a:schemeClr val="bg1">
                  <a:lumMod val="65000"/>
                </a:schemeClr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914400"/>
                <a:endParaRPr lang="en-US" sz="2800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10" name="Freeform 9"/>
            <p:cNvSpPr>
              <a:spLocks noChangeAspect="1"/>
            </p:cNvSpPr>
            <p:nvPr/>
          </p:nvSpPr>
          <p:spPr>
            <a:xfrm rot="2197702">
              <a:off x="4969656" y="965013"/>
              <a:ext cx="708839" cy="503991"/>
            </a:xfrm>
            <a:custGeom>
              <a:avLst/>
              <a:gdLst>
                <a:gd name="connsiteX0" fmla="*/ 449385 w 2555631"/>
                <a:gd name="connsiteY0" fmla="*/ 1582616 h 1817077"/>
                <a:gd name="connsiteX1" fmla="*/ 449385 w 2555631"/>
                <a:gd name="connsiteY1" fmla="*/ 1582616 h 1817077"/>
                <a:gd name="connsiteX2" fmla="*/ 613508 w 2555631"/>
                <a:gd name="connsiteY2" fmla="*/ 1574800 h 1817077"/>
                <a:gd name="connsiteX3" fmla="*/ 629138 w 2555631"/>
                <a:gd name="connsiteY3" fmla="*/ 1570893 h 1817077"/>
                <a:gd name="connsiteX4" fmla="*/ 633046 w 2555631"/>
                <a:gd name="connsiteY4" fmla="*/ 1555262 h 1817077"/>
                <a:gd name="connsiteX5" fmla="*/ 719015 w 2555631"/>
                <a:gd name="connsiteY5" fmla="*/ 1555262 h 1817077"/>
                <a:gd name="connsiteX6" fmla="*/ 765908 w 2555631"/>
                <a:gd name="connsiteY6" fmla="*/ 1543539 h 1817077"/>
                <a:gd name="connsiteX7" fmla="*/ 769815 w 2555631"/>
                <a:gd name="connsiteY7" fmla="*/ 1531816 h 1817077"/>
                <a:gd name="connsiteX8" fmla="*/ 789354 w 2555631"/>
                <a:gd name="connsiteY8" fmla="*/ 1547446 h 1817077"/>
                <a:gd name="connsiteX9" fmla="*/ 793262 w 2555631"/>
                <a:gd name="connsiteY9" fmla="*/ 1559170 h 1817077"/>
                <a:gd name="connsiteX10" fmla="*/ 828431 w 2555631"/>
                <a:gd name="connsiteY10" fmla="*/ 1578708 h 1817077"/>
                <a:gd name="connsiteX11" fmla="*/ 847969 w 2555631"/>
                <a:gd name="connsiteY11" fmla="*/ 1594339 h 1817077"/>
                <a:gd name="connsiteX12" fmla="*/ 875323 w 2555631"/>
                <a:gd name="connsiteY12" fmla="*/ 1609970 h 1817077"/>
                <a:gd name="connsiteX13" fmla="*/ 887046 w 2555631"/>
                <a:gd name="connsiteY13" fmla="*/ 1621693 h 1817077"/>
                <a:gd name="connsiteX14" fmla="*/ 910492 w 2555631"/>
                <a:gd name="connsiteY14" fmla="*/ 1629508 h 1817077"/>
                <a:gd name="connsiteX15" fmla="*/ 926123 w 2555631"/>
                <a:gd name="connsiteY15" fmla="*/ 1649046 h 1817077"/>
                <a:gd name="connsiteX16" fmla="*/ 941754 w 2555631"/>
                <a:gd name="connsiteY16" fmla="*/ 1664677 h 1817077"/>
                <a:gd name="connsiteX17" fmla="*/ 949569 w 2555631"/>
                <a:gd name="connsiteY17" fmla="*/ 1672493 h 1817077"/>
                <a:gd name="connsiteX18" fmla="*/ 957385 w 2555631"/>
                <a:gd name="connsiteY18" fmla="*/ 1680308 h 1817077"/>
                <a:gd name="connsiteX19" fmla="*/ 976923 w 2555631"/>
                <a:gd name="connsiteY19" fmla="*/ 1699846 h 1817077"/>
                <a:gd name="connsiteX20" fmla="*/ 988646 w 2555631"/>
                <a:gd name="connsiteY20" fmla="*/ 1723293 h 1817077"/>
                <a:gd name="connsiteX21" fmla="*/ 1012092 w 2555631"/>
                <a:gd name="connsiteY21" fmla="*/ 1731108 h 1817077"/>
                <a:gd name="connsiteX22" fmla="*/ 1137138 w 2555631"/>
                <a:gd name="connsiteY22" fmla="*/ 1738923 h 1817077"/>
                <a:gd name="connsiteX23" fmla="*/ 1176215 w 2555631"/>
                <a:gd name="connsiteY23" fmla="*/ 1754554 h 1817077"/>
                <a:gd name="connsiteX24" fmla="*/ 1180123 w 2555631"/>
                <a:gd name="connsiteY24" fmla="*/ 1770185 h 1817077"/>
                <a:gd name="connsiteX25" fmla="*/ 1191846 w 2555631"/>
                <a:gd name="connsiteY25" fmla="*/ 1778000 h 1817077"/>
                <a:gd name="connsiteX26" fmla="*/ 1199662 w 2555631"/>
                <a:gd name="connsiteY26" fmla="*/ 1785816 h 1817077"/>
                <a:gd name="connsiteX27" fmla="*/ 1215292 w 2555631"/>
                <a:gd name="connsiteY27" fmla="*/ 1789723 h 1817077"/>
                <a:gd name="connsiteX28" fmla="*/ 1227015 w 2555631"/>
                <a:gd name="connsiteY28" fmla="*/ 1793631 h 1817077"/>
                <a:gd name="connsiteX29" fmla="*/ 1250462 w 2555631"/>
                <a:gd name="connsiteY29" fmla="*/ 1805354 h 1817077"/>
                <a:gd name="connsiteX30" fmla="*/ 1266092 w 2555631"/>
                <a:gd name="connsiteY30" fmla="*/ 1809262 h 1817077"/>
                <a:gd name="connsiteX31" fmla="*/ 1281723 w 2555631"/>
                <a:gd name="connsiteY31" fmla="*/ 1817077 h 1817077"/>
                <a:gd name="connsiteX32" fmla="*/ 1426308 w 2555631"/>
                <a:gd name="connsiteY32" fmla="*/ 1805354 h 1817077"/>
                <a:gd name="connsiteX33" fmla="*/ 1516185 w 2555631"/>
                <a:gd name="connsiteY33" fmla="*/ 1762370 h 1817077"/>
                <a:gd name="connsiteX34" fmla="*/ 1551354 w 2555631"/>
                <a:gd name="connsiteY34" fmla="*/ 1711570 h 1817077"/>
                <a:gd name="connsiteX35" fmla="*/ 1598246 w 2555631"/>
                <a:gd name="connsiteY35" fmla="*/ 1637323 h 1817077"/>
                <a:gd name="connsiteX36" fmla="*/ 1672492 w 2555631"/>
                <a:gd name="connsiteY36" fmla="*/ 1602154 h 1817077"/>
                <a:gd name="connsiteX37" fmla="*/ 1731108 w 2555631"/>
                <a:gd name="connsiteY37" fmla="*/ 1598246 h 1817077"/>
                <a:gd name="connsiteX38" fmla="*/ 1727200 w 2555631"/>
                <a:gd name="connsiteY38" fmla="*/ 1551354 h 1817077"/>
                <a:gd name="connsiteX39" fmla="*/ 1774092 w 2555631"/>
                <a:gd name="connsiteY39" fmla="*/ 1563077 h 1817077"/>
                <a:gd name="connsiteX40" fmla="*/ 1820985 w 2555631"/>
                <a:gd name="connsiteY40" fmla="*/ 1574800 h 1817077"/>
                <a:gd name="connsiteX41" fmla="*/ 1985108 w 2555631"/>
                <a:gd name="connsiteY41" fmla="*/ 1395046 h 1817077"/>
                <a:gd name="connsiteX42" fmla="*/ 2098431 w 2555631"/>
                <a:gd name="connsiteY42" fmla="*/ 1359877 h 1817077"/>
                <a:gd name="connsiteX43" fmla="*/ 2129692 w 2555631"/>
                <a:gd name="connsiteY43" fmla="*/ 1312985 h 1817077"/>
                <a:gd name="connsiteX44" fmla="*/ 2207846 w 2555631"/>
                <a:gd name="connsiteY44" fmla="*/ 1359877 h 1817077"/>
                <a:gd name="connsiteX45" fmla="*/ 2239108 w 2555631"/>
                <a:gd name="connsiteY45" fmla="*/ 1305170 h 1817077"/>
                <a:gd name="connsiteX46" fmla="*/ 2286000 w 2555631"/>
                <a:gd name="connsiteY46" fmla="*/ 1254370 h 1817077"/>
                <a:gd name="connsiteX47" fmla="*/ 2336800 w 2555631"/>
                <a:gd name="connsiteY47" fmla="*/ 1238739 h 1817077"/>
                <a:gd name="connsiteX48" fmla="*/ 2332892 w 2555631"/>
                <a:gd name="connsiteY48" fmla="*/ 1184031 h 1817077"/>
                <a:gd name="connsiteX49" fmla="*/ 2332892 w 2555631"/>
                <a:gd name="connsiteY49" fmla="*/ 1184031 h 1817077"/>
                <a:gd name="connsiteX50" fmla="*/ 2340708 w 2555631"/>
                <a:gd name="connsiteY50" fmla="*/ 1113693 h 1817077"/>
                <a:gd name="connsiteX51" fmla="*/ 2379785 w 2555631"/>
                <a:gd name="connsiteY51" fmla="*/ 1109785 h 1817077"/>
                <a:gd name="connsiteX52" fmla="*/ 2348523 w 2555631"/>
                <a:gd name="connsiteY52" fmla="*/ 1062893 h 1817077"/>
                <a:gd name="connsiteX53" fmla="*/ 2430585 w 2555631"/>
                <a:gd name="connsiteY53" fmla="*/ 1090246 h 1817077"/>
                <a:gd name="connsiteX54" fmla="*/ 2446215 w 2555631"/>
                <a:gd name="connsiteY54" fmla="*/ 1039446 h 1817077"/>
                <a:gd name="connsiteX55" fmla="*/ 2481385 w 2555631"/>
                <a:gd name="connsiteY55" fmla="*/ 1016000 h 1817077"/>
                <a:gd name="connsiteX56" fmla="*/ 2481385 w 2555631"/>
                <a:gd name="connsiteY56" fmla="*/ 1016000 h 1817077"/>
                <a:gd name="connsiteX57" fmla="*/ 2457938 w 2555631"/>
                <a:gd name="connsiteY57" fmla="*/ 976923 h 1817077"/>
                <a:gd name="connsiteX58" fmla="*/ 2504831 w 2555631"/>
                <a:gd name="connsiteY58" fmla="*/ 961293 h 1817077"/>
                <a:gd name="connsiteX59" fmla="*/ 2430585 w 2555631"/>
                <a:gd name="connsiteY59" fmla="*/ 906585 h 1817077"/>
                <a:gd name="connsiteX60" fmla="*/ 2454031 w 2555631"/>
                <a:gd name="connsiteY60" fmla="*/ 871416 h 1817077"/>
                <a:gd name="connsiteX61" fmla="*/ 2508738 w 2555631"/>
                <a:gd name="connsiteY61" fmla="*/ 898770 h 1817077"/>
                <a:gd name="connsiteX62" fmla="*/ 2555631 w 2555631"/>
                <a:gd name="connsiteY62" fmla="*/ 890954 h 1817077"/>
                <a:gd name="connsiteX63" fmla="*/ 2555631 w 2555631"/>
                <a:gd name="connsiteY63" fmla="*/ 890954 h 1817077"/>
                <a:gd name="connsiteX64" fmla="*/ 2520462 w 2555631"/>
                <a:gd name="connsiteY64" fmla="*/ 836246 h 1817077"/>
                <a:gd name="connsiteX65" fmla="*/ 2500923 w 2555631"/>
                <a:gd name="connsiteY65" fmla="*/ 804985 h 1817077"/>
                <a:gd name="connsiteX66" fmla="*/ 2540000 w 2555631"/>
                <a:gd name="connsiteY66" fmla="*/ 777631 h 1817077"/>
                <a:gd name="connsiteX67" fmla="*/ 2500923 w 2555631"/>
                <a:gd name="connsiteY67" fmla="*/ 746370 h 1817077"/>
                <a:gd name="connsiteX68" fmla="*/ 2457938 w 2555631"/>
                <a:gd name="connsiteY68" fmla="*/ 750277 h 1817077"/>
                <a:gd name="connsiteX69" fmla="*/ 2520462 w 2555631"/>
                <a:gd name="connsiteY69" fmla="*/ 687754 h 1817077"/>
                <a:gd name="connsiteX70" fmla="*/ 2540000 w 2555631"/>
                <a:gd name="connsiteY70" fmla="*/ 629139 h 1817077"/>
                <a:gd name="connsiteX71" fmla="*/ 2528277 w 2555631"/>
                <a:gd name="connsiteY71" fmla="*/ 597877 h 1817077"/>
                <a:gd name="connsiteX72" fmla="*/ 2481385 w 2555631"/>
                <a:gd name="connsiteY72" fmla="*/ 597877 h 1817077"/>
                <a:gd name="connsiteX73" fmla="*/ 2481385 w 2555631"/>
                <a:gd name="connsiteY73" fmla="*/ 597877 h 1817077"/>
                <a:gd name="connsiteX74" fmla="*/ 2446215 w 2555631"/>
                <a:gd name="connsiteY74" fmla="*/ 562708 h 1817077"/>
                <a:gd name="connsiteX75" fmla="*/ 2379785 w 2555631"/>
                <a:gd name="connsiteY75" fmla="*/ 519723 h 1817077"/>
                <a:gd name="connsiteX76" fmla="*/ 2364154 w 2555631"/>
                <a:gd name="connsiteY76" fmla="*/ 488462 h 1817077"/>
                <a:gd name="connsiteX77" fmla="*/ 2356338 w 2555631"/>
                <a:gd name="connsiteY77" fmla="*/ 449385 h 1817077"/>
                <a:gd name="connsiteX78" fmla="*/ 2278185 w 2555631"/>
                <a:gd name="connsiteY78" fmla="*/ 484554 h 1817077"/>
                <a:gd name="connsiteX79" fmla="*/ 2278185 w 2555631"/>
                <a:gd name="connsiteY79" fmla="*/ 484554 h 1817077"/>
                <a:gd name="connsiteX80" fmla="*/ 2258646 w 2555631"/>
                <a:gd name="connsiteY80" fmla="*/ 422031 h 1817077"/>
                <a:gd name="connsiteX81" fmla="*/ 2305538 w 2555631"/>
                <a:gd name="connsiteY81" fmla="*/ 371231 h 1817077"/>
                <a:gd name="connsiteX82" fmla="*/ 2297723 w 2555631"/>
                <a:gd name="connsiteY82" fmla="*/ 324339 h 1817077"/>
                <a:gd name="connsiteX83" fmla="*/ 2274277 w 2555631"/>
                <a:gd name="connsiteY83" fmla="*/ 289170 h 1817077"/>
                <a:gd name="connsiteX84" fmla="*/ 2219569 w 2555631"/>
                <a:gd name="connsiteY84" fmla="*/ 304800 h 1817077"/>
                <a:gd name="connsiteX85" fmla="*/ 2188308 w 2555631"/>
                <a:gd name="connsiteY85" fmla="*/ 273539 h 1817077"/>
                <a:gd name="connsiteX86" fmla="*/ 2188308 w 2555631"/>
                <a:gd name="connsiteY86" fmla="*/ 273539 h 1817077"/>
                <a:gd name="connsiteX87" fmla="*/ 2235200 w 2555631"/>
                <a:gd name="connsiteY87" fmla="*/ 207108 h 1817077"/>
                <a:gd name="connsiteX88" fmla="*/ 2231292 w 2555631"/>
                <a:gd name="connsiteY88" fmla="*/ 156308 h 1817077"/>
                <a:gd name="connsiteX89" fmla="*/ 2293815 w 2555631"/>
                <a:gd name="connsiteY89" fmla="*/ 136770 h 1817077"/>
                <a:gd name="connsiteX90" fmla="*/ 2250831 w 2555631"/>
                <a:gd name="connsiteY90" fmla="*/ 89877 h 1817077"/>
                <a:gd name="connsiteX91" fmla="*/ 2196123 w 2555631"/>
                <a:gd name="connsiteY91" fmla="*/ 113323 h 1817077"/>
                <a:gd name="connsiteX92" fmla="*/ 2176585 w 2555631"/>
                <a:gd name="connsiteY92" fmla="*/ 160216 h 1817077"/>
                <a:gd name="connsiteX93" fmla="*/ 2133600 w 2555631"/>
                <a:gd name="connsiteY93" fmla="*/ 164123 h 1817077"/>
                <a:gd name="connsiteX94" fmla="*/ 2133600 w 2555631"/>
                <a:gd name="connsiteY94" fmla="*/ 222739 h 1817077"/>
                <a:gd name="connsiteX95" fmla="*/ 2055446 w 2555631"/>
                <a:gd name="connsiteY95" fmla="*/ 175846 h 1817077"/>
                <a:gd name="connsiteX96" fmla="*/ 2063262 w 2555631"/>
                <a:gd name="connsiteY96" fmla="*/ 113323 h 1817077"/>
                <a:gd name="connsiteX97" fmla="*/ 2028092 w 2555631"/>
                <a:gd name="connsiteY97" fmla="*/ 78154 h 1817077"/>
                <a:gd name="connsiteX98" fmla="*/ 2028092 w 2555631"/>
                <a:gd name="connsiteY98" fmla="*/ 78154 h 1817077"/>
                <a:gd name="connsiteX99" fmla="*/ 2028092 w 2555631"/>
                <a:gd name="connsiteY99" fmla="*/ 78154 h 1817077"/>
                <a:gd name="connsiteX100" fmla="*/ 1985108 w 2555631"/>
                <a:gd name="connsiteY100" fmla="*/ 74246 h 1817077"/>
                <a:gd name="connsiteX101" fmla="*/ 1977292 w 2555631"/>
                <a:gd name="connsiteY101" fmla="*/ 3908 h 1817077"/>
                <a:gd name="connsiteX102" fmla="*/ 1934308 w 2555631"/>
                <a:gd name="connsiteY102" fmla="*/ 0 h 1817077"/>
                <a:gd name="connsiteX103" fmla="*/ 1906954 w 2555631"/>
                <a:gd name="connsiteY103" fmla="*/ 39077 h 1817077"/>
                <a:gd name="connsiteX104" fmla="*/ 1856154 w 2555631"/>
                <a:gd name="connsiteY104" fmla="*/ 19539 h 1817077"/>
                <a:gd name="connsiteX105" fmla="*/ 1824892 w 2555631"/>
                <a:gd name="connsiteY105" fmla="*/ 54708 h 1817077"/>
                <a:gd name="connsiteX106" fmla="*/ 1860062 w 2555631"/>
                <a:gd name="connsiteY106" fmla="*/ 109416 h 1817077"/>
                <a:gd name="connsiteX107" fmla="*/ 1871785 w 2555631"/>
                <a:gd name="connsiteY107" fmla="*/ 160216 h 1817077"/>
                <a:gd name="connsiteX108" fmla="*/ 1875692 w 2555631"/>
                <a:gd name="connsiteY108" fmla="*/ 207108 h 1817077"/>
                <a:gd name="connsiteX109" fmla="*/ 1762369 w 2555631"/>
                <a:gd name="connsiteY109" fmla="*/ 265723 h 1817077"/>
                <a:gd name="connsiteX110" fmla="*/ 1742831 w 2555631"/>
                <a:gd name="connsiteY110" fmla="*/ 211016 h 1817077"/>
                <a:gd name="connsiteX111" fmla="*/ 1707662 w 2555631"/>
                <a:gd name="connsiteY111" fmla="*/ 214923 h 1817077"/>
                <a:gd name="connsiteX112" fmla="*/ 1680308 w 2555631"/>
                <a:gd name="connsiteY112" fmla="*/ 254000 h 1817077"/>
                <a:gd name="connsiteX113" fmla="*/ 1664677 w 2555631"/>
                <a:gd name="connsiteY113" fmla="*/ 320431 h 1817077"/>
                <a:gd name="connsiteX114" fmla="*/ 1606062 w 2555631"/>
                <a:gd name="connsiteY114" fmla="*/ 336062 h 1817077"/>
                <a:gd name="connsiteX115" fmla="*/ 1582615 w 2555631"/>
                <a:gd name="connsiteY115" fmla="*/ 289170 h 1817077"/>
                <a:gd name="connsiteX116" fmla="*/ 1547446 w 2555631"/>
                <a:gd name="connsiteY116" fmla="*/ 246185 h 1817077"/>
                <a:gd name="connsiteX117" fmla="*/ 1500554 w 2555631"/>
                <a:gd name="connsiteY117" fmla="*/ 238370 h 1817077"/>
                <a:gd name="connsiteX118" fmla="*/ 1461477 w 2555631"/>
                <a:gd name="connsiteY118" fmla="*/ 226646 h 1817077"/>
                <a:gd name="connsiteX119" fmla="*/ 1434123 w 2555631"/>
                <a:gd name="connsiteY119" fmla="*/ 257908 h 1817077"/>
                <a:gd name="connsiteX120" fmla="*/ 1445846 w 2555631"/>
                <a:gd name="connsiteY120" fmla="*/ 304800 h 1817077"/>
                <a:gd name="connsiteX121" fmla="*/ 1457569 w 2555631"/>
                <a:gd name="connsiteY121" fmla="*/ 351693 h 1817077"/>
                <a:gd name="connsiteX122" fmla="*/ 1504462 w 2555631"/>
                <a:gd name="connsiteY122" fmla="*/ 394677 h 1817077"/>
                <a:gd name="connsiteX123" fmla="*/ 1508369 w 2555631"/>
                <a:gd name="connsiteY123" fmla="*/ 445477 h 1817077"/>
                <a:gd name="connsiteX124" fmla="*/ 1508369 w 2555631"/>
                <a:gd name="connsiteY124" fmla="*/ 492370 h 1817077"/>
                <a:gd name="connsiteX125" fmla="*/ 1508369 w 2555631"/>
                <a:gd name="connsiteY125" fmla="*/ 492370 h 1817077"/>
                <a:gd name="connsiteX126" fmla="*/ 1465385 w 2555631"/>
                <a:gd name="connsiteY126" fmla="*/ 422031 h 1817077"/>
                <a:gd name="connsiteX127" fmla="*/ 1441938 w 2555631"/>
                <a:gd name="connsiteY127" fmla="*/ 371231 h 1817077"/>
                <a:gd name="connsiteX128" fmla="*/ 1414585 w 2555631"/>
                <a:gd name="connsiteY128" fmla="*/ 343877 h 1817077"/>
                <a:gd name="connsiteX129" fmla="*/ 1395046 w 2555631"/>
                <a:gd name="connsiteY129" fmla="*/ 281354 h 1817077"/>
                <a:gd name="connsiteX130" fmla="*/ 1367692 w 2555631"/>
                <a:gd name="connsiteY130" fmla="*/ 250093 h 1817077"/>
                <a:gd name="connsiteX131" fmla="*/ 1367692 w 2555631"/>
                <a:gd name="connsiteY131" fmla="*/ 250093 h 1817077"/>
                <a:gd name="connsiteX132" fmla="*/ 1293446 w 2555631"/>
                <a:gd name="connsiteY132" fmla="*/ 214923 h 1817077"/>
                <a:gd name="connsiteX133" fmla="*/ 1293446 w 2555631"/>
                <a:gd name="connsiteY133" fmla="*/ 214923 h 1817077"/>
                <a:gd name="connsiteX134" fmla="*/ 1258277 w 2555631"/>
                <a:gd name="connsiteY134" fmla="*/ 265723 h 1817077"/>
                <a:gd name="connsiteX135" fmla="*/ 1195754 w 2555631"/>
                <a:gd name="connsiteY135" fmla="*/ 285262 h 1817077"/>
                <a:gd name="connsiteX136" fmla="*/ 1195754 w 2555631"/>
                <a:gd name="connsiteY136" fmla="*/ 285262 h 1817077"/>
                <a:gd name="connsiteX137" fmla="*/ 1199662 w 2555631"/>
                <a:gd name="connsiteY137" fmla="*/ 332154 h 1817077"/>
                <a:gd name="connsiteX138" fmla="*/ 1160585 w 2555631"/>
                <a:gd name="connsiteY138" fmla="*/ 351693 h 1817077"/>
                <a:gd name="connsiteX139" fmla="*/ 1168400 w 2555631"/>
                <a:gd name="connsiteY139" fmla="*/ 386862 h 1817077"/>
                <a:gd name="connsiteX140" fmla="*/ 1199662 w 2555631"/>
                <a:gd name="connsiteY140" fmla="*/ 418123 h 1817077"/>
                <a:gd name="connsiteX141" fmla="*/ 1203569 w 2555631"/>
                <a:gd name="connsiteY141" fmla="*/ 457200 h 1817077"/>
                <a:gd name="connsiteX142" fmla="*/ 1203569 w 2555631"/>
                <a:gd name="connsiteY142" fmla="*/ 457200 h 1817077"/>
                <a:gd name="connsiteX143" fmla="*/ 1144954 w 2555631"/>
                <a:gd name="connsiteY143" fmla="*/ 484554 h 1817077"/>
                <a:gd name="connsiteX144" fmla="*/ 1129323 w 2555631"/>
                <a:gd name="connsiteY144" fmla="*/ 422031 h 1817077"/>
                <a:gd name="connsiteX145" fmla="*/ 1109785 w 2555631"/>
                <a:gd name="connsiteY145" fmla="*/ 379046 h 1817077"/>
                <a:gd name="connsiteX146" fmla="*/ 1109785 w 2555631"/>
                <a:gd name="connsiteY146" fmla="*/ 379046 h 1817077"/>
                <a:gd name="connsiteX147" fmla="*/ 1062892 w 2555631"/>
                <a:gd name="connsiteY147" fmla="*/ 379046 h 1817077"/>
                <a:gd name="connsiteX148" fmla="*/ 1062892 w 2555631"/>
                <a:gd name="connsiteY148" fmla="*/ 289170 h 1817077"/>
                <a:gd name="connsiteX149" fmla="*/ 1019908 w 2555631"/>
                <a:gd name="connsiteY149" fmla="*/ 250093 h 1817077"/>
                <a:gd name="connsiteX150" fmla="*/ 969108 w 2555631"/>
                <a:gd name="connsiteY150" fmla="*/ 265723 h 1817077"/>
                <a:gd name="connsiteX151" fmla="*/ 949569 w 2555631"/>
                <a:gd name="connsiteY151" fmla="*/ 304800 h 1817077"/>
                <a:gd name="connsiteX152" fmla="*/ 957385 w 2555631"/>
                <a:gd name="connsiteY152" fmla="*/ 363416 h 1817077"/>
                <a:gd name="connsiteX153" fmla="*/ 957385 w 2555631"/>
                <a:gd name="connsiteY153" fmla="*/ 363416 h 1817077"/>
                <a:gd name="connsiteX154" fmla="*/ 984738 w 2555631"/>
                <a:gd name="connsiteY154" fmla="*/ 433754 h 1817077"/>
                <a:gd name="connsiteX155" fmla="*/ 992554 w 2555631"/>
                <a:gd name="connsiteY155" fmla="*/ 484554 h 1817077"/>
                <a:gd name="connsiteX156" fmla="*/ 984738 w 2555631"/>
                <a:gd name="connsiteY156" fmla="*/ 531446 h 1817077"/>
                <a:gd name="connsiteX157" fmla="*/ 980831 w 2555631"/>
                <a:gd name="connsiteY157" fmla="*/ 570523 h 1817077"/>
                <a:gd name="connsiteX158" fmla="*/ 949569 w 2555631"/>
                <a:gd name="connsiteY158" fmla="*/ 625231 h 1817077"/>
                <a:gd name="connsiteX159" fmla="*/ 949569 w 2555631"/>
                <a:gd name="connsiteY159" fmla="*/ 625231 h 1817077"/>
                <a:gd name="connsiteX160" fmla="*/ 894862 w 2555631"/>
                <a:gd name="connsiteY160" fmla="*/ 550985 h 1817077"/>
                <a:gd name="connsiteX161" fmla="*/ 898769 w 2555631"/>
                <a:gd name="connsiteY161" fmla="*/ 500185 h 1817077"/>
                <a:gd name="connsiteX162" fmla="*/ 847969 w 2555631"/>
                <a:gd name="connsiteY162" fmla="*/ 593970 h 1817077"/>
                <a:gd name="connsiteX163" fmla="*/ 820615 w 2555631"/>
                <a:gd name="connsiteY163" fmla="*/ 636954 h 1817077"/>
                <a:gd name="connsiteX164" fmla="*/ 840154 w 2555631"/>
                <a:gd name="connsiteY164" fmla="*/ 691662 h 1817077"/>
                <a:gd name="connsiteX165" fmla="*/ 820615 w 2555631"/>
                <a:gd name="connsiteY165" fmla="*/ 738554 h 1817077"/>
                <a:gd name="connsiteX166" fmla="*/ 816708 w 2555631"/>
                <a:gd name="connsiteY166" fmla="*/ 793262 h 1817077"/>
                <a:gd name="connsiteX167" fmla="*/ 793262 w 2555631"/>
                <a:gd name="connsiteY167" fmla="*/ 746370 h 1817077"/>
                <a:gd name="connsiteX168" fmla="*/ 793262 w 2555631"/>
                <a:gd name="connsiteY168" fmla="*/ 746370 h 1817077"/>
                <a:gd name="connsiteX169" fmla="*/ 781538 w 2555631"/>
                <a:gd name="connsiteY169" fmla="*/ 664308 h 1817077"/>
                <a:gd name="connsiteX170" fmla="*/ 746369 w 2555631"/>
                <a:gd name="connsiteY170" fmla="*/ 640862 h 1817077"/>
                <a:gd name="connsiteX171" fmla="*/ 781538 w 2555631"/>
                <a:gd name="connsiteY171" fmla="*/ 578339 h 1817077"/>
                <a:gd name="connsiteX172" fmla="*/ 722923 w 2555631"/>
                <a:gd name="connsiteY172" fmla="*/ 543170 h 1817077"/>
                <a:gd name="connsiteX173" fmla="*/ 679938 w 2555631"/>
                <a:gd name="connsiteY173" fmla="*/ 539262 h 1817077"/>
                <a:gd name="connsiteX174" fmla="*/ 652585 w 2555631"/>
                <a:gd name="connsiteY174" fmla="*/ 492370 h 1817077"/>
                <a:gd name="connsiteX175" fmla="*/ 652585 w 2555631"/>
                <a:gd name="connsiteY175" fmla="*/ 492370 h 1817077"/>
                <a:gd name="connsiteX176" fmla="*/ 719015 w 2555631"/>
                <a:gd name="connsiteY176" fmla="*/ 508000 h 1817077"/>
                <a:gd name="connsiteX177" fmla="*/ 746369 w 2555631"/>
                <a:gd name="connsiteY177" fmla="*/ 472831 h 1817077"/>
                <a:gd name="connsiteX178" fmla="*/ 777631 w 2555631"/>
                <a:gd name="connsiteY178" fmla="*/ 445477 h 1817077"/>
                <a:gd name="connsiteX179" fmla="*/ 758092 w 2555631"/>
                <a:gd name="connsiteY179" fmla="*/ 351693 h 1817077"/>
                <a:gd name="connsiteX180" fmla="*/ 719015 w 2555631"/>
                <a:gd name="connsiteY180" fmla="*/ 312616 h 1817077"/>
                <a:gd name="connsiteX181" fmla="*/ 715108 w 2555631"/>
                <a:gd name="connsiteY181" fmla="*/ 265723 h 1817077"/>
                <a:gd name="connsiteX182" fmla="*/ 676031 w 2555631"/>
                <a:gd name="connsiteY182" fmla="*/ 281354 h 1817077"/>
                <a:gd name="connsiteX183" fmla="*/ 652585 w 2555631"/>
                <a:gd name="connsiteY183" fmla="*/ 218831 h 1817077"/>
                <a:gd name="connsiteX184" fmla="*/ 621323 w 2555631"/>
                <a:gd name="connsiteY184" fmla="*/ 207108 h 1817077"/>
                <a:gd name="connsiteX185" fmla="*/ 578338 w 2555631"/>
                <a:gd name="connsiteY185" fmla="*/ 175846 h 1817077"/>
                <a:gd name="connsiteX186" fmla="*/ 578338 w 2555631"/>
                <a:gd name="connsiteY186" fmla="*/ 175846 h 1817077"/>
                <a:gd name="connsiteX187" fmla="*/ 496277 w 2555631"/>
                <a:gd name="connsiteY187" fmla="*/ 70339 h 1817077"/>
                <a:gd name="connsiteX188" fmla="*/ 461108 w 2555631"/>
                <a:gd name="connsiteY188" fmla="*/ 31262 h 1817077"/>
                <a:gd name="connsiteX189" fmla="*/ 437662 w 2555631"/>
                <a:gd name="connsiteY189" fmla="*/ 66431 h 1817077"/>
                <a:gd name="connsiteX190" fmla="*/ 379046 w 2555631"/>
                <a:gd name="connsiteY190" fmla="*/ 39077 h 1817077"/>
                <a:gd name="connsiteX191" fmla="*/ 339969 w 2555631"/>
                <a:gd name="connsiteY191" fmla="*/ 54708 h 1817077"/>
                <a:gd name="connsiteX192" fmla="*/ 324338 w 2555631"/>
                <a:gd name="connsiteY192" fmla="*/ 109416 h 1817077"/>
                <a:gd name="connsiteX193" fmla="*/ 363415 w 2555631"/>
                <a:gd name="connsiteY193" fmla="*/ 160216 h 1817077"/>
                <a:gd name="connsiteX194" fmla="*/ 425938 w 2555631"/>
                <a:gd name="connsiteY194" fmla="*/ 144585 h 1817077"/>
                <a:gd name="connsiteX195" fmla="*/ 468923 w 2555631"/>
                <a:gd name="connsiteY195" fmla="*/ 175846 h 1817077"/>
                <a:gd name="connsiteX196" fmla="*/ 410308 w 2555631"/>
                <a:gd name="connsiteY196" fmla="*/ 183662 h 1817077"/>
                <a:gd name="connsiteX197" fmla="*/ 375138 w 2555631"/>
                <a:gd name="connsiteY197" fmla="*/ 214923 h 1817077"/>
                <a:gd name="connsiteX198" fmla="*/ 418123 w 2555631"/>
                <a:gd name="connsiteY198" fmla="*/ 254000 h 1817077"/>
                <a:gd name="connsiteX199" fmla="*/ 480646 w 2555631"/>
                <a:gd name="connsiteY199" fmla="*/ 281354 h 1817077"/>
                <a:gd name="connsiteX200" fmla="*/ 488462 w 2555631"/>
                <a:gd name="connsiteY200" fmla="*/ 324339 h 1817077"/>
                <a:gd name="connsiteX201" fmla="*/ 488462 w 2555631"/>
                <a:gd name="connsiteY201" fmla="*/ 324339 h 1817077"/>
                <a:gd name="connsiteX202" fmla="*/ 508000 w 2555631"/>
                <a:gd name="connsiteY202" fmla="*/ 422031 h 1817077"/>
                <a:gd name="connsiteX203" fmla="*/ 457200 w 2555631"/>
                <a:gd name="connsiteY203" fmla="*/ 332154 h 1817077"/>
                <a:gd name="connsiteX204" fmla="*/ 433754 w 2555631"/>
                <a:gd name="connsiteY204" fmla="*/ 289170 h 1817077"/>
                <a:gd name="connsiteX205" fmla="*/ 394677 w 2555631"/>
                <a:gd name="connsiteY205" fmla="*/ 336062 h 1817077"/>
                <a:gd name="connsiteX206" fmla="*/ 394677 w 2555631"/>
                <a:gd name="connsiteY206" fmla="*/ 336062 h 1817077"/>
                <a:gd name="connsiteX207" fmla="*/ 316523 w 2555631"/>
                <a:gd name="connsiteY207" fmla="*/ 222739 h 1817077"/>
                <a:gd name="connsiteX208" fmla="*/ 277446 w 2555631"/>
                <a:gd name="connsiteY208" fmla="*/ 218831 h 1817077"/>
                <a:gd name="connsiteX209" fmla="*/ 214923 w 2555631"/>
                <a:gd name="connsiteY209" fmla="*/ 242277 h 1817077"/>
                <a:gd name="connsiteX210" fmla="*/ 214923 w 2555631"/>
                <a:gd name="connsiteY210" fmla="*/ 242277 h 1817077"/>
                <a:gd name="connsiteX211" fmla="*/ 250092 w 2555631"/>
                <a:gd name="connsiteY211" fmla="*/ 300893 h 1817077"/>
                <a:gd name="connsiteX212" fmla="*/ 187569 w 2555631"/>
                <a:gd name="connsiteY212" fmla="*/ 304800 h 1817077"/>
                <a:gd name="connsiteX213" fmla="*/ 175846 w 2555631"/>
                <a:gd name="connsiteY213" fmla="*/ 351693 h 1817077"/>
                <a:gd name="connsiteX214" fmla="*/ 250092 w 2555631"/>
                <a:gd name="connsiteY214" fmla="*/ 402493 h 1817077"/>
                <a:gd name="connsiteX215" fmla="*/ 293077 w 2555631"/>
                <a:gd name="connsiteY215" fmla="*/ 422031 h 1817077"/>
                <a:gd name="connsiteX216" fmla="*/ 160215 w 2555631"/>
                <a:gd name="connsiteY216" fmla="*/ 390770 h 1817077"/>
                <a:gd name="connsiteX217" fmla="*/ 171938 w 2555631"/>
                <a:gd name="connsiteY217" fmla="*/ 441570 h 1817077"/>
                <a:gd name="connsiteX218" fmla="*/ 257908 w 2555631"/>
                <a:gd name="connsiteY218" fmla="*/ 476739 h 1817077"/>
                <a:gd name="connsiteX219" fmla="*/ 308708 w 2555631"/>
                <a:gd name="connsiteY219" fmla="*/ 476739 h 1817077"/>
                <a:gd name="connsiteX220" fmla="*/ 308708 w 2555631"/>
                <a:gd name="connsiteY220" fmla="*/ 476739 h 1817077"/>
                <a:gd name="connsiteX221" fmla="*/ 242277 w 2555631"/>
                <a:gd name="connsiteY221" fmla="*/ 504093 h 1817077"/>
                <a:gd name="connsiteX222" fmla="*/ 281354 w 2555631"/>
                <a:gd name="connsiteY222" fmla="*/ 539262 h 1817077"/>
                <a:gd name="connsiteX223" fmla="*/ 281354 w 2555631"/>
                <a:gd name="connsiteY223" fmla="*/ 539262 h 1817077"/>
                <a:gd name="connsiteX224" fmla="*/ 160215 w 2555631"/>
                <a:gd name="connsiteY224" fmla="*/ 484554 h 1817077"/>
                <a:gd name="connsiteX225" fmla="*/ 113323 w 2555631"/>
                <a:gd name="connsiteY225" fmla="*/ 449385 h 1817077"/>
                <a:gd name="connsiteX226" fmla="*/ 97692 w 2555631"/>
                <a:gd name="connsiteY226" fmla="*/ 504093 h 1817077"/>
                <a:gd name="connsiteX227" fmla="*/ 132862 w 2555631"/>
                <a:gd name="connsiteY227" fmla="*/ 543170 h 1817077"/>
                <a:gd name="connsiteX228" fmla="*/ 128954 w 2555631"/>
                <a:gd name="connsiteY228" fmla="*/ 586154 h 1817077"/>
                <a:gd name="connsiteX229" fmla="*/ 46892 w 2555631"/>
                <a:gd name="connsiteY229" fmla="*/ 554893 h 1817077"/>
                <a:gd name="connsiteX230" fmla="*/ 35169 w 2555631"/>
                <a:gd name="connsiteY230" fmla="*/ 597877 h 1817077"/>
                <a:gd name="connsiteX231" fmla="*/ 0 w 2555631"/>
                <a:gd name="connsiteY231" fmla="*/ 625231 h 1817077"/>
                <a:gd name="connsiteX232" fmla="*/ 121138 w 2555631"/>
                <a:gd name="connsiteY232" fmla="*/ 648677 h 1817077"/>
                <a:gd name="connsiteX233" fmla="*/ 160215 w 2555631"/>
                <a:gd name="connsiteY233" fmla="*/ 699477 h 1817077"/>
                <a:gd name="connsiteX234" fmla="*/ 222738 w 2555631"/>
                <a:gd name="connsiteY234" fmla="*/ 676031 h 1817077"/>
                <a:gd name="connsiteX235" fmla="*/ 269631 w 2555631"/>
                <a:gd name="connsiteY235" fmla="*/ 640862 h 1817077"/>
                <a:gd name="connsiteX236" fmla="*/ 375138 w 2555631"/>
                <a:gd name="connsiteY236" fmla="*/ 593970 h 1817077"/>
                <a:gd name="connsiteX237" fmla="*/ 418123 w 2555631"/>
                <a:gd name="connsiteY237" fmla="*/ 562708 h 1817077"/>
                <a:gd name="connsiteX238" fmla="*/ 418123 w 2555631"/>
                <a:gd name="connsiteY238" fmla="*/ 625231 h 1817077"/>
                <a:gd name="connsiteX239" fmla="*/ 511908 w 2555631"/>
                <a:gd name="connsiteY239" fmla="*/ 601785 h 1817077"/>
                <a:gd name="connsiteX240" fmla="*/ 515815 w 2555631"/>
                <a:gd name="connsiteY240" fmla="*/ 660400 h 1817077"/>
                <a:gd name="connsiteX241" fmla="*/ 566615 w 2555631"/>
                <a:gd name="connsiteY241" fmla="*/ 660400 h 1817077"/>
                <a:gd name="connsiteX242" fmla="*/ 566615 w 2555631"/>
                <a:gd name="connsiteY242" fmla="*/ 660400 h 1817077"/>
                <a:gd name="connsiteX243" fmla="*/ 617415 w 2555631"/>
                <a:gd name="connsiteY243" fmla="*/ 629139 h 1817077"/>
                <a:gd name="connsiteX244" fmla="*/ 664308 w 2555631"/>
                <a:gd name="connsiteY244" fmla="*/ 660400 h 1817077"/>
                <a:gd name="connsiteX245" fmla="*/ 488462 w 2555631"/>
                <a:gd name="connsiteY245" fmla="*/ 769816 h 1817077"/>
                <a:gd name="connsiteX246" fmla="*/ 453292 w 2555631"/>
                <a:gd name="connsiteY246" fmla="*/ 797170 h 1817077"/>
                <a:gd name="connsiteX247" fmla="*/ 492369 w 2555631"/>
                <a:gd name="connsiteY247" fmla="*/ 832339 h 1817077"/>
                <a:gd name="connsiteX248" fmla="*/ 566615 w 2555631"/>
                <a:gd name="connsiteY248" fmla="*/ 851877 h 1817077"/>
                <a:gd name="connsiteX249" fmla="*/ 613508 w 2555631"/>
                <a:gd name="connsiteY249" fmla="*/ 859693 h 1817077"/>
                <a:gd name="connsiteX250" fmla="*/ 629138 w 2555631"/>
                <a:gd name="connsiteY250" fmla="*/ 797170 h 1817077"/>
                <a:gd name="connsiteX251" fmla="*/ 672123 w 2555631"/>
                <a:gd name="connsiteY251" fmla="*/ 801077 h 1817077"/>
                <a:gd name="connsiteX252" fmla="*/ 672123 w 2555631"/>
                <a:gd name="connsiteY252" fmla="*/ 855785 h 1817077"/>
                <a:gd name="connsiteX253" fmla="*/ 625231 w 2555631"/>
                <a:gd name="connsiteY253" fmla="*/ 910493 h 1817077"/>
                <a:gd name="connsiteX254" fmla="*/ 484554 w 2555631"/>
                <a:gd name="connsiteY254" fmla="*/ 871416 h 1817077"/>
                <a:gd name="connsiteX255" fmla="*/ 461108 w 2555631"/>
                <a:gd name="connsiteY255" fmla="*/ 902677 h 1817077"/>
                <a:gd name="connsiteX256" fmla="*/ 418123 w 2555631"/>
                <a:gd name="connsiteY256" fmla="*/ 902677 h 1817077"/>
                <a:gd name="connsiteX257" fmla="*/ 343877 w 2555631"/>
                <a:gd name="connsiteY257" fmla="*/ 910493 h 1817077"/>
                <a:gd name="connsiteX258" fmla="*/ 324338 w 2555631"/>
                <a:gd name="connsiteY258" fmla="*/ 945662 h 1817077"/>
                <a:gd name="connsiteX259" fmla="*/ 250092 w 2555631"/>
                <a:gd name="connsiteY259" fmla="*/ 941754 h 1817077"/>
                <a:gd name="connsiteX260" fmla="*/ 207108 w 2555631"/>
                <a:gd name="connsiteY260" fmla="*/ 984739 h 1817077"/>
                <a:gd name="connsiteX261" fmla="*/ 156308 w 2555631"/>
                <a:gd name="connsiteY261" fmla="*/ 953477 h 1817077"/>
                <a:gd name="connsiteX262" fmla="*/ 117231 w 2555631"/>
                <a:gd name="connsiteY262" fmla="*/ 996462 h 1817077"/>
                <a:gd name="connsiteX263" fmla="*/ 156308 w 2555631"/>
                <a:gd name="connsiteY263" fmla="*/ 1058985 h 1817077"/>
                <a:gd name="connsiteX264" fmla="*/ 218831 w 2555631"/>
                <a:gd name="connsiteY264" fmla="*/ 1098062 h 1817077"/>
                <a:gd name="connsiteX265" fmla="*/ 246185 w 2555631"/>
                <a:gd name="connsiteY265" fmla="*/ 1039446 h 1817077"/>
                <a:gd name="connsiteX266" fmla="*/ 293077 w 2555631"/>
                <a:gd name="connsiteY266" fmla="*/ 1043354 h 1817077"/>
                <a:gd name="connsiteX267" fmla="*/ 375138 w 2555631"/>
                <a:gd name="connsiteY267" fmla="*/ 1023816 h 1817077"/>
                <a:gd name="connsiteX268" fmla="*/ 433754 w 2555631"/>
                <a:gd name="connsiteY268" fmla="*/ 1039446 h 1817077"/>
                <a:gd name="connsiteX269" fmla="*/ 492369 w 2555631"/>
                <a:gd name="connsiteY269" fmla="*/ 1031631 h 1817077"/>
                <a:gd name="connsiteX270" fmla="*/ 511908 w 2555631"/>
                <a:gd name="connsiteY270" fmla="*/ 1094154 h 1817077"/>
                <a:gd name="connsiteX271" fmla="*/ 500185 w 2555631"/>
                <a:gd name="connsiteY271" fmla="*/ 1144954 h 1817077"/>
                <a:gd name="connsiteX272" fmla="*/ 531446 w 2555631"/>
                <a:gd name="connsiteY272" fmla="*/ 1184031 h 1817077"/>
                <a:gd name="connsiteX273" fmla="*/ 656492 w 2555631"/>
                <a:gd name="connsiteY273" fmla="*/ 1160585 h 1817077"/>
                <a:gd name="connsiteX274" fmla="*/ 586154 w 2555631"/>
                <a:gd name="connsiteY274" fmla="*/ 1215293 h 1817077"/>
                <a:gd name="connsiteX275" fmla="*/ 586154 w 2555631"/>
                <a:gd name="connsiteY275" fmla="*/ 1266093 h 1817077"/>
                <a:gd name="connsiteX276" fmla="*/ 586154 w 2555631"/>
                <a:gd name="connsiteY276" fmla="*/ 1266093 h 1817077"/>
                <a:gd name="connsiteX277" fmla="*/ 609600 w 2555631"/>
                <a:gd name="connsiteY277" fmla="*/ 1305170 h 1817077"/>
                <a:gd name="connsiteX278" fmla="*/ 672123 w 2555631"/>
                <a:gd name="connsiteY278" fmla="*/ 1254370 h 1817077"/>
                <a:gd name="connsiteX279" fmla="*/ 750277 w 2555631"/>
                <a:gd name="connsiteY279" fmla="*/ 1270000 h 1817077"/>
                <a:gd name="connsiteX280" fmla="*/ 668215 w 2555631"/>
                <a:gd name="connsiteY280" fmla="*/ 1289539 h 1817077"/>
                <a:gd name="connsiteX281" fmla="*/ 633046 w 2555631"/>
                <a:gd name="connsiteY281" fmla="*/ 1312985 h 1817077"/>
                <a:gd name="connsiteX282" fmla="*/ 644769 w 2555631"/>
                <a:gd name="connsiteY282" fmla="*/ 1363785 h 1817077"/>
                <a:gd name="connsiteX283" fmla="*/ 593969 w 2555631"/>
                <a:gd name="connsiteY283" fmla="*/ 1426308 h 1817077"/>
                <a:gd name="connsiteX284" fmla="*/ 558800 w 2555631"/>
                <a:gd name="connsiteY284" fmla="*/ 1461477 h 1817077"/>
                <a:gd name="connsiteX285" fmla="*/ 515815 w 2555631"/>
                <a:gd name="connsiteY285" fmla="*/ 1481016 h 1817077"/>
                <a:gd name="connsiteX286" fmla="*/ 480646 w 2555631"/>
                <a:gd name="connsiteY286" fmla="*/ 1488831 h 1817077"/>
                <a:gd name="connsiteX287" fmla="*/ 441569 w 2555631"/>
                <a:gd name="connsiteY287" fmla="*/ 1438031 h 1817077"/>
                <a:gd name="connsiteX288" fmla="*/ 418123 w 2555631"/>
                <a:gd name="connsiteY288" fmla="*/ 1488831 h 1817077"/>
                <a:gd name="connsiteX289" fmla="*/ 449385 w 2555631"/>
                <a:gd name="connsiteY289" fmla="*/ 1582616 h 18170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</a:cxnLst>
              <a:rect l="l" t="t" r="r" b="b"/>
              <a:pathLst>
                <a:path w="2555631" h="1817077">
                  <a:moveTo>
                    <a:pt x="449385" y="1582616"/>
                  </a:moveTo>
                  <a:lnTo>
                    <a:pt x="449385" y="1582616"/>
                  </a:lnTo>
                  <a:cubicBezTo>
                    <a:pt x="518133" y="1580706"/>
                    <a:pt x="557277" y="1586046"/>
                    <a:pt x="613508" y="1574800"/>
                  </a:cubicBezTo>
                  <a:cubicBezTo>
                    <a:pt x="618774" y="1573747"/>
                    <a:pt x="623928" y="1572195"/>
                    <a:pt x="629138" y="1570893"/>
                  </a:cubicBezTo>
                  <a:cubicBezTo>
                    <a:pt x="630441" y="1565683"/>
                    <a:pt x="628351" y="1557870"/>
                    <a:pt x="633046" y="1555262"/>
                  </a:cubicBezTo>
                  <a:cubicBezTo>
                    <a:pt x="648524" y="1546663"/>
                    <a:pt x="712891" y="1554825"/>
                    <a:pt x="719015" y="1555262"/>
                  </a:cubicBezTo>
                  <a:cubicBezTo>
                    <a:pt x="735940" y="1553569"/>
                    <a:pt x="756101" y="1559883"/>
                    <a:pt x="765908" y="1543539"/>
                  </a:cubicBezTo>
                  <a:cubicBezTo>
                    <a:pt x="768027" y="1540007"/>
                    <a:pt x="768513" y="1535724"/>
                    <a:pt x="769815" y="1531816"/>
                  </a:cubicBezTo>
                  <a:cubicBezTo>
                    <a:pt x="775138" y="1535365"/>
                    <a:pt x="785643" y="1541261"/>
                    <a:pt x="789354" y="1547446"/>
                  </a:cubicBezTo>
                  <a:cubicBezTo>
                    <a:pt x="791473" y="1550978"/>
                    <a:pt x="790349" y="1556257"/>
                    <a:pt x="793262" y="1559170"/>
                  </a:cubicBezTo>
                  <a:cubicBezTo>
                    <a:pt x="806697" y="1572605"/>
                    <a:pt x="813691" y="1573794"/>
                    <a:pt x="828431" y="1578708"/>
                  </a:cubicBezTo>
                  <a:cubicBezTo>
                    <a:pt x="845908" y="1604925"/>
                    <a:pt x="825320" y="1579239"/>
                    <a:pt x="847969" y="1594339"/>
                  </a:cubicBezTo>
                  <a:cubicBezTo>
                    <a:pt x="875906" y="1612964"/>
                    <a:pt x="842264" y="1601705"/>
                    <a:pt x="875323" y="1609970"/>
                  </a:cubicBezTo>
                  <a:cubicBezTo>
                    <a:pt x="879231" y="1613878"/>
                    <a:pt x="882215" y="1619009"/>
                    <a:pt x="887046" y="1621693"/>
                  </a:cubicBezTo>
                  <a:cubicBezTo>
                    <a:pt x="894247" y="1625694"/>
                    <a:pt x="910492" y="1629508"/>
                    <a:pt x="910492" y="1629508"/>
                  </a:cubicBezTo>
                  <a:cubicBezTo>
                    <a:pt x="937086" y="1656099"/>
                    <a:pt x="896561" y="1614557"/>
                    <a:pt x="926123" y="1649046"/>
                  </a:cubicBezTo>
                  <a:cubicBezTo>
                    <a:pt x="930918" y="1654641"/>
                    <a:pt x="936544" y="1659467"/>
                    <a:pt x="941754" y="1664677"/>
                  </a:cubicBezTo>
                  <a:lnTo>
                    <a:pt x="949569" y="1672493"/>
                  </a:lnTo>
                  <a:cubicBezTo>
                    <a:pt x="952174" y="1675098"/>
                    <a:pt x="955341" y="1677242"/>
                    <a:pt x="957385" y="1680308"/>
                  </a:cubicBezTo>
                  <a:cubicBezTo>
                    <a:pt x="967805" y="1695939"/>
                    <a:pt x="961292" y="1689426"/>
                    <a:pt x="976923" y="1699846"/>
                  </a:cubicBezTo>
                  <a:cubicBezTo>
                    <a:pt x="979052" y="1706233"/>
                    <a:pt x="982267" y="1719306"/>
                    <a:pt x="988646" y="1723293"/>
                  </a:cubicBezTo>
                  <a:cubicBezTo>
                    <a:pt x="995632" y="1727659"/>
                    <a:pt x="1003870" y="1730594"/>
                    <a:pt x="1012092" y="1731108"/>
                  </a:cubicBezTo>
                  <a:lnTo>
                    <a:pt x="1137138" y="1738923"/>
                  </a:lnTo>
                  <a:cubicBezTo>
                    <a:pt x="1151189" y="1741733"/>
                    <a:pt x="1165774" y="1742372"/>
                    <a:pt x="1176215" y="1754554"/>
                  </a:cubicBezTo>
                  <a:cubicBezTo>
                    <a:pt x="1179710" y="1758632"/>
                    <a:pt x="1177144" y="1765716"/>
                    <a:pt x="1180123" y="1770185"/>
                  </a:cubicBezTo>
                  <a:cubicBezTo>
                    <a:pt x="1182728" y="1774093"/>
                    <a:pt x="1188179" y="1775066"/>
                    <a:pt x="1191846" y="1778000"/>
                  </a:cubicBezTo>
                  <a:cubicBezTo>
                    <a:pt x="1194723" y="1780302"/>
                    <a:pt x="1196366" y="1784168"/>
                    <a:pt x="1199662" y="1785816"/>
                  </a:cubicBezTo>
                  <a:cubicBezTo>
                    <a:pt x="1204465" y="1788218"/>
                    <a:pt x="1210128" y="1788248"/>
                    <a:pt x="1215292" y="1789723"/>
                  </a:cubicBezTo>
                  <a:cubicBezTo>
                    <a:pt x="1219253" y="1790855"/>
                    <a:pt x="1223331" y="1791789"/>
                    <a:pt x="1227015" y="1793631"/>
                  </a:cubicBezTo>
                  <a:cubicBezTo>
                    <a:pt x="1249851" y="1805049"/>
                    <a:pt x="1227541" y="1798805"/>
                    <a:pt x="1250462" y="1805354"/>
                  </a:cubicBezTo>
                  <a:cubicBezTo>
                    <a:pt x="1255626" y="1806829"/>
                    <a:pt x="1261064" y="1807376"/>
                    <a:pt x="1266092" y="1809262"/>
                  </a:cubicBezTo>
                  <a:cubicBezTo>
                    <a:pt x="1271546" y="1811307"/>
                    <a:pt x="1281723" y="1817077"/>
                    <a:pt x="1281723" y="1817077"/>
                  </a:cubicBezTo>
                  <a:lnTo>
                    <a:pt x="1426308" y="1805354"/>
                  </a:lnTo>
                  <a:lnTo>
                    <a:pt x="1516185" y="1762370"/>
                  </a:lnTo>
                  <a:lnTo>
                    <a:pt x="1551354" y="1711570"/>
                  </a:lnTo>
                  <a:lnTo>
                    <a:pt x="1598246" y="1637323"/>
                  </a:lnTo>
                  <a:lnTo>
                    <a:pt x="1672492" y="1602154"/>
                  </a:lnTo>
                  <a:lnTo>
                    <a:pt x="1731108" y="1598246"/>
                  </a:lnTo>
                  <a:lnTo>
                    <a:pt x="1727200" y="1551354"/>
                  </a:lnTo>
                  <a:lnTo>
                    <a:pt x="1774092" y="1563077"/>
                  </a:lnTo>
                  <a:lnTo>
                    <a:pt x="1820985" y="1574800"/>
                  </a:lnTo>
                  <a:lnTo>
                    <a:pt x="1985108" y="1395046"/>
                  </a:lnTo>
                  <a:lnTo>
                    <a:pt x="2098431" y="1359877"/>
                  </a:lnTo>
                  <a:lnTo>
                    <a:pt x="2129692" y="1312985"/>
                  </a:lnTo>
                  <a:lnTo>
                    <a:pt x="2207846" y="1359877"/>
                  </a:lnTo>
                  <a:lnTo>
                    <a:pt x="2239108" y="1305170"/>
                  </a:lnTo>
                  <a:lnTo>
                    <a:pt x="2286000" y="1254370"/>
                  </a:lnTo>
                  <a:lnTo>
                    <a:pt x="2336800" y="1238739"/>
                  </a:lnTo>
                  <a:lnTo>
                    <a:pt x="2332892" y="1184031"/>
                  </a:lnTo>
                  <a:lnTo>
                    <a:pt x="2332892" y="1184031"/>
                  </a:lnTo>
                  <a:lnTo>
                    <a:pt x="2340708" y="1113693"/>
                  </a:lnTo>
                  <a:lnTo>
                    <a:pt x="2379785" y="1109785"/>
                  </a:lnTo>
                  <a:lnTo>
                    <a:pt x="2348523" y="1062893"/>
                  </a:lnTo>
                  <a:lnTo>
                    <a:pt x="2430585" y="1090246"/>
                  </a:lnTo>
                  <a:lnTo>
                    <a:pt x="2446215" y="1039446"/>
                  </a:lnTo>
                  <a:lnTo>
                    <a:pt x="2481385" y="1016000"/>
                  </a:lnTo>
                  <a:lnTo>
                    <a:pt x="2481385" y="1016000"/>
                  </a:lnTo>
                  <a:lnTo>
                    <a:pt x="2457938" y="976923"/>
                  </a:lnTo>
                  <a:lnTo>
                    <a:pt x="2504831" y="961293"/>
                  </a:lnTo>
                  <a:lnTo>
                    <a:pt x="2430585" y="906585"/>
                  </a:lnTo>
                  <a:lnTo>
                    <a:pt x="2454031" y="871416"/>
                  </a:lnTo>
                  <a:lnTo>
                    <a:pt x="2508738" y="898770"/>
                  </a:lnTo>
                  <a:lnTo>
                    <a:pt x="2555631" y="890954"/>
                  </a:lnTo>
                  <a:lnTo>
                    <a:pt x="2555631" y="890954"/>
                  </a:lnTo>
                  <a:lnTo>
                    <a:pt x="2520462" y="836246"/>
                  </a:lnTo>
                  <a:lnTo>
                    <a:pt x="2500923" y="804985"/>
                  </a:lnTo>
                  <a:lnTo>
                    <a:pt x="2540000" y="777631"/>
                  </a:lnTo>
                  <a:lnTo>
                    <a:pt x="2500923" y="746370"/>
                  </a:lnTo>
                  <a:lnTo>
                    <a:pt x="2457938" y="750277"/>
                  </a:lnTo>
                  <a:lnTo>
                    <a:pt x="2520462" y="687754"/>
                  </a:lnTo>
                  <a:lnTo>
                    <a:pt x="2540000" y="629139"/>
                  </a:lnTo>
                  <a:lnTo>
                    <a:pt x="2528277" y="597877"/>
                  </a:lnTo>
                  <a:lnTo>
                    <a:pt x="2481385" y="597877"/>
                  </a:lnTo>
                  <a:lnTo>
                    <a:pt x="2481385" y="597877"/>
                  </a:lnTo>
                  <a:lnTo>
                    <a:pt x="2446215" y="562708"/>
                  </a:lnTo>
                  <a:lnTo>
                    <a:pt x="2379785" y="519723"/>
                  </a:lnTo>
                  <a:lnTo>
                    <a:pt x="2364154" y="488462"/>
                  </a:lnTo>
                  <a:lnTo>
                    <a:pt x="2356338" y="449385"/>
                  </a:lnTo>
                  <a:lnTo>
                    <a:pt x="2278185" y="484554"/>
                  </a:lnTo>
                  <a:lnTo>
                    <a:pt x="2278185" y="484554"/>
                  </a:lnTo>
                  <a:lnTo>
                    <a:pt x="2258646" y="422031"/>
                  </a:lnTo>
                  <a:lnTo>
                    <a:pt x="2305538" y="371231"/>
                  </a:lnTo>
                  <a:lnTo>
                    <a:pt x="2297723" y="324339"/>
                  </a:lnTo>
                  <a:lnTo>
                    <a:pt x="2274277" y="289170"/>
                  </a:lnTo>
                  <a:lnTo>
                    <a:pt x="2219569" y="304800"/>
                  </a:lnTo>
                  <a:lnTo>
                    <a:pt x="2188308" y="273539"/>
                  </a:lnTo>
                  <a:lnTo>
                    <a:pt x="2188308" y="273539"/>
                  </a:lnTo>
                  <a:lnTo>
                    <a:pt x="2235200" y="207108"/>
                  </a:lnTo>
                  <a:lnTo>
                    <a:pt x="2231292" y="156308"/>
                  </a:lnTo>
                  <a:lnTo>
                    <a:pt x="2293815" y="136770"/>
                  </a:lnTo>
                  <a:lnTo>
                    <a:pt x="2250831" y="89877"/>
                  </a:lnTo>
                  <a:lnTo>
                    <a:pt x="2196123" y="113323"/>
                  </a:lnTo>
                  <a:lnTo>
                    <a:pt x="2176585" y="160216"/>
                  </a:lnTo>
                  <a:lnTo>
                    <a:pt x="2133600" y="164123"/>
                  </a:lnTo>
                  <a:lnTo>
                    <a:pt x="2133600" y="222739"/>
                  </a:lnTo>
                  <a:lnTo>
                    <a:pt x="2055446" y="175846"/>
                  </a:lnTo>
                  <a:lnTo>
                    <a:pt x="2063262" y="113323"/>
                  </a:lnTo>
                  <a:lnTo>
                    <a:pt x="2028092" y="78154"/>
                  </a:lnTo>
                  <a:lnTo>
                    <a:pt x="2028092" y="78154"/>
                  </a:lnTo>
                  <a:lnTo>
                    <a:pt x="2028092" y="78154"/>
                  </a:lnTo>
                  <a:lnTo>
                    <a:pt x="1985108" y="74246"/>
                  </a:lnTo>
                  <a:lnTo>
                    <a:pt x="1977292" y="3908"/>
                  </a:lnTo>
                  <a:lnTo>
                    <a:pt x="1934308" y="0"/>
                  </a:lnTo>
                  <a:lnTo>
                    <a:pt x="1906954" y="39077"/>
                  </a:lnTo>
                  <a:lnTo>
                    <a:pt x="1856154" y="19539"/>
                  </a:lnTo>
                  <a:lnTo>
                    <a:pt x="1824892" y="54708"/>
                  </a:lnTo>
                  <a:lnTo>
                    <a:pt x="1860062" y="109416"/>
                  </a:lnTo>
                  <a:lnTo>
                    <a:pt x="1871785" y="160216"/>
                  </a:lnTo>
                  <a:lnTo>
                    <a:pt x="1875692" y="207108"/>
                  </a:lnTo>
                  <a:lnTo>
                    <a:pt x="1762369" y="265723"/>
                  </a:lnTo>
                  <a:lnTo>
                    <a:pt x="1742831" y="211016"/>
                  </a:lnTo>
                  <a:lnTo>
                    <a:pt x="1707662" y="214923"/>
                  </a:lnTo>
                  <a:lnTo>
                    <a:pt x="1680308" y="254000"/>
                  </a:lnTo>
                  <a:lnTo>
                    <a:pt x="1664677" y="320431"/>
                  </a:lnTo>
                  <a:lnTo>
                    <a:pt x="1606062" y="336062"/>
                  </a:lnTo>
                  <a:lnTo>
                    <a:pt x="1582615" y="289170"/>
                  </a:lnTo>
                  <a:lnTo>
                    <a:pt x="1547446" y="246185"/>
                  </a:lnTo>
                  <a:lnTo>
                    <a:pt x="1500554" y="238370"/>
                  </a:lnTo>
                  <a:lnTo>
                    <a:pt x="1461477" y="226646"/>
                  </a:lnTo>
                  <a:lnTo>
                    <a:pt x="1434123" y="257908"/>
                  </a:lnTo>
                  <a:lnTo>
                    <a:pt x="1445846" y="304800"/>
                  </a:lnTo>
                  <a:lnTo>
                    <a:pt x="1457569" y="351693"/>
                  </a:lnTo>
                  <a:lnTo>
                    <a:pt x="1504462" y="394677"/>
                  </a:lnTo>
                  <a:lnTo>
                    <a:pt x="1508369" y="445477"/>
                  </a:lnTo>
                  <a:lnTo>
                    <a:pt x="1508369" y="492370"/>
                  </a:lnTo>
                  <a:lnTo>
                    <a:pt x="1508369" y="492370"/>
                  </a:lnTo>
                  <a:lnTo>
                    <a:pt x="1465385" y="422031"/>
                  </a:lnTo>
                  <a:lnTo>
                    <a:pt x="1441938" y="371231"/>
                  </a:lnTo>
                  <a:lnTo>
                    <a:pt x="1414585" y="343877"/>
                  </a:lnTo>
                  <a:lnTo>
                    <a:pt x="1395046" y="281354"/>
                  </a:lnTo>
                  <a:lnTo>
                    <a:pt x="1367692" y="250093"/>
                  </a:lnTo>
                  <a:lnTo>
                    <a:pt x="1367692" y="250093"/>
                  </a:lnTo>
                  <a:lnTo>
                    <a:pt x="1293446" y="214923"/>
                  </a:lnTo>
                  <a:lnTo>
                    <a:pt x="1293446" y="214923"/>
                  </a:lnTo>
                  <a:lnTo>
                    <a:pt x="1258277" y="265723"/>
                  </a:lnTo>
                  <a:lnTo>
                    <a:pt x="1195754" y="285262"/>
                  </a:lnTo>
                  <a:lnTo>
                    <a:pt x="1195754" y="285262"/>
                  </a:lnTo>
                  <a:lnTo>
                    <a:pt x="1199662" y="332154"/>
                  </a:lnTo>
                  <a:lnTo>
                    <a:pt x="1160585" y="351693"/>
                  </a:lnTo>
                  <a:lnTo>
                    <a:pt x="1168400" y="386862"/>
                  </a:lnTo>
                  <a:lnTo>
                    <a:pt x="1199662" y="418123"/>
                  </a:lnTo>
                  <a:lnTo>
                    <a:pt x="1203569" y="457200"/>
                  </a:lnTo>
                  <a:lnTo>
                    <a:pt x="1203569" y="457200"/>
                  </a:lnTo>
                  <a:lnTo>
                    <a:pt x="1144954" y="484554"/>
                  </a:lnTo>
                  <a:lnTo>
                    <a:pt x="1129323" y="422031"/>
                  </a:lnTo>
                  <a:lnTo>
                    <a:pt x="1109785" y="379046"/>
                  </a:lnTo>
                  <a:lnTo>
                    <a:pt x="1109785" y="379046"/>
                  </a:lnTo>
                  <a:lnTo>
                    <a:pt x="1062892" y="379046"/>
                  </a:lnTo>
                  <a:lnTo>
                    <a:pt x="1062892" y="289170"/>
                  </a:lnTo>
                  <a:lnTo>
                    <a:pt x="1019908" y="250093"/>
                  </a:lnTo>
                  <a:lnTo>
                    <a:pt x="969108" y="265723"/>
                  </a:lnTo>
                  <a:lnTo>
                    <a:pt x="949569" y="304800"/>
                  </a:lnTo>
                  <a:lnTo>
                    <a:pt x="957385" y="363416"/>
                  </a:lnTo>
                  <a:lnTo>
                    <a:pt x="957385" y="363416"/>
                  </a:lnTo>
                  <a:lnTo>
                    <a:pt x="984738" y="433754"/>
                  </a:lnTo>
                  <a:lnTo>
                    <a:pt x="992554" y="484554"/>
                  </a:lnTo>
                  <a:lnTo>
                    <a:pt x="984738" y="531446"/>
                  </a:lnTo>
                  <a:lnTo>
                    <a:pt x="980831" y="570523"/>
                  </a:lnTo>
                  <a:lnTo>
                    <a:pt x="949569" y="625231"/>
                  </a:lnTo>
                  <a:lnTo>
                    <a:pt x="949569" y="625231"/>
                  </a:lnTo>
                  <a:lnTo>
                    <a:pt x="894862" y="550985"/>
                  </a:lnTo>
                  <a:lnTo>
                    <a:pt x="898769" y="500185"/>
                  </a:lnTo>
                  <a:lnTo>
                    <a:pt x="847969" y="593970"/>
                  </a:lnTo>
                  <a:lnTo>
                    <a:pt x="820615" y="636954"/>
                  </a:lnTo>
                  <a:lnTo>
                    <a:pt x="840154" y="691662"/>
                  </a:lnTo>
                  <a:lnTo>
                    <a:pt x="820615" y="738554"/>
                  </a:lnTo>
                  <a:lnTo>
                    <a:pt x="816708" y="793262"/>
                  </a:lnTo>
                  <a:lnTo>
                    <a:pt x="793262" y="746370"/>
                  </a:lnTo>
                  <a:lnTo>
                    <a:pt x="793262" y="746370"/>
                  </a:lnTo>
                  <a:lnTo>
                    <a:pt x="781538" y="664308"/>
                  </a:lnTo>
                  <a:lnTo>
                    <a:pt x="746369" y="640862"/>
                  </a:lnTo>
                  <a:lnTo>
                    <a:pt x="781538" y="578339"/>
                  </a:lnTo>
                  <a:lnTo>
                    <a:pt x="722923" y="543170"/>
                  </a:lnTo>
                  <a:lnTo>
                    <a:pt x="679938" y="539262"/>
                  </a:lnTo>
                  <a:lnTo>
                    <a:pt x="652585" y="492370"/>
                  </a:lnTo>
                  <a:lnTo>
                    <a:pt x="652585" y="492370"/>
                  </a:lnTo>
                  <a:lnTo>
                    <a:pt x="719015" y="508000"/>
                  </a:lnTo>
                  <a:lnTo>
                    <a:pt x="746369" y="472831"/>
                  </a:lnTo>
                  <a:lnTo>
                    <a:pt x="777631" y="445477"/>
                  </a:lnTo>
                  <a:lnTo>
                    <a:pt x="758092" y="351693"/>
                  </a:lnTo>
                  <a:lnTo>
                    <a:pt x="719015" y="312616"/>
                  </a:lnTo>
                  <a:lnTo>
                    <a:pt x="715108" y="265723"/>
                  </a:lnTo>
                  <a:lnTo>
                    <a:pt x="676031" y="281354"/>
                  </a:lnTo>
                  <a:lnTo>
                    <a:pt x="652585" y="218831"/>
                  </a:lnTo>
                  <a:lnTo>
                    <a:pt x="621323" y="207108"/>
                  </a:lnTo>
                  <a:lnTo>
                    <a:pt x="578338" y="175846"/>
                  </a:lnTo>
                  <a:lnTo>
                    <a:pt x="578338" y="175846"/>
                  </a:lnTo>
                  <a:lnTo>
                    <a:pt x="496277" y="70339"/>
                  </a:lnTo>
                  <a:lnTo>
                    <a:pt x="461108" y="31262"/>
                  </a:lnTo>
                  <a:lnTo>
                    <a:pt x="437662" y="66431"/>
                  </a:lnTo>
                  <a:lnTo>
                    <a:pt x="379046" y="39077"/>
                  </a:lnTo>
                  <a:lnTo>
                    <a:pt x="339969" y="54708"/>
                  </a:lnTo>
                  <a:lnTo>
                    <a:pt x="324338" y="109416"/>
                  </a:lnTo>
                  <a:lnTo>
                    <a:pt x="363415" y="160216"/>
                  </a:lnTo>
                  <a:lnTo>
                    <a:pt x="425938" y="144585"/>
                  </a:lnTo>
                  <a:lnTo>
                    <a:pt x="468923" y="175846"/>
                  </a:lnTo>
                  <a:lnTo>
                    <a:pt x="410308" y="183662"/>
                  </a:lnTo>
                  <a:lnTo>
                    <a:pt x="375138" y="214923"/>
                  </a:lnTo>
                  <a:lnTo>
                    <a:pt x="418123" y="254000"/>
                  </a:lnTo>
                  <a:lnTo>
                    <a:pt x="480646" y="281354"/>
                  </a:lnTo>
                  <a:lnTo>
                    <a:pt x="488462" y="324339"/>
                  </a:lnTo>
                  <a:lnTo>
                    <a:pt x="488462" y="324339"/>
                  </a:lnTo>
                  <a:lnTo>
                    <a:pt x="508000" y="422031"/>
                  </a:lnTo>
                  <a:lnTo>
                    <a:pt x="457200" y="332154"/>
                  </a:lnTo>
                  <a:lnTo>
                    <a:pt x="433754" y="289170"/>
                  </a:lnTo>
                  <a:lnTo>
                    <a:pt x="394677" y="336062"/>
                  </a:lnTo>
                  <a:lnTo>
                    <a:pt x="394677" y="336062"/>
                  </a:lnTo>
                  <a:lnTo>
                    <a:pt x="316523" y="222739"/>
                  </a:lnTo>
                  <a:lnTo>
                    <a:pt x="277446" y="218831"/>
                  </a:lnTo>
                  <a:lnTo>
                    <a:pt x="214923" y="242277"/>
                  </a:lnTo>
                  <a:lnTo>
                    <a:pt x="214923" y="242277"/>
                  </a:lnTo>
                  <a:lnTo>
                    <a:pt x="250092" y="300893"/>
                  </a:lnTo>
                  <a:lnTo>
                    <a:pt x="187569" y="304800"/>
                  </a:lnTo>
                  <a:lnTo>
                    <a:pt x="175846" y="351693"/>
                  </a:lnTo>
                  <a:lnTo>
                    <a:pt x="250092" y="402493"/>
                  </a:lnTo>
                  <a:lnTo>
                    <a:pt x="293077" y="422031"/>
                  </a:lnTo>
                  <a:lnTo>
                    <a:pt x="160215" y="390770"/>
                  </a:lnTo>
                  <a:lnTo>
                    <a:pt x="171938" y="441570"/>
                  </a:lnTo>
                  <a:lnTo>
                    <a:pt x="257908" y="476739"/>
                  </a:lnTo>
                  <a:lnTo>
                    <a:pt x="308708" y="476739"/>
                  </a:lnTo>
                  <a:lnTo>
                    <a:pt x="308708" y="476739"/>
                  </a:lnTo>
                  <a:lnTo>
                    <a:pt x="242277" y="504093"/>
                  </a:lnTo>
                  <a:lnTo>
                    <a:pt x="281354" y="539262"/>
                  </a:lnTo>
                  <a:lnTo>
                    <a:pt x="281354" y="539262"/>
                  </a:lnTo>
                  <a:lnTo>
                    <a:pt x="160215" y="484554"/>
                  </a:lnTo>
                  <a:lnTo>
                    <a:pt x="113323" y="449385"/>
                  </a:lnTo>
                  <a:lnTo>
                    <a:pt x="97692" y="504093"/>
                  </a:lnTo>
                  <a:lnTo>
                    <a:pt x="132862" y="543170"/>
                  </a:lnTo>
                  <a:lnTo>
                    <a:pt x="128954" y="586154"/>
                  </a:lnTo>
                  <a:lnTo>
                    <a:pt x="46892" y="554893"/>
                  </a:lnTo>
                  <a:lnTo>
                    <a:pt x="35169" y="597877"/>
                  </a:lnTo>
                  <a:lnTo>
                    <a:pt x="0" y="625231"/>
                  </a:lnTo>
                  <a:lnTo>
                    <a:pt x="121138" y="648677"/>
                  </a:lnTo>
                  <a:lnTo>
                    <a:pt x="160215" y="699477"/>
                  </a:lnTo>
                  <a:lnTo>
                    <a:pt x="222738" y="676031"/>
                  </a:lnTo>
                  <a:lnTo>
                    <a:pt x="269631" y="640862"/>
                  </a:lnTo>
                  <a:lnTo>
                    <a:pt x="375138" y="593970"/>
                  </a:lnTo>
                  <a:lnTo>
                    <a:pt x="418123" y="562708"/>
                  </a:lnTo>
                  <a:lnTo>
                    <a:pt x="418123" y="625231"/>
                  </a:lnTo>
                  <a:lnTo>
                    <a:pt x="511908" y="601785"/>
                  </a:lnTo>
                  <a:lnTo>
                    <a:pt x="515815" y="660400"/>
                  </a:lnTo>
                  <a:lnTo>
                    <a:pt x="566615" y="660400"/>
                  </a:lnTo>
                  <a:lnTo>
                    <a:pt x="566615" y="660400"/>
                  </a:lnTo>
                  <a:lnTo>
                    <a:pt x="617415" y="629139"/>
                  </a:lnTo>
                  <a:lnTo>
                    <a:pt x="664308" y="660400"/>
                  </a:lnTo>
                  <a:lnTo>
                    <a:pt x="488462" y="769816"/>
                  </a:lnTo>
                  <a:lnTo>
                    <a:pt x="453292" y="797170"/>
                  </a:lnTo>
                  <a:lnTo>
                    <a:pt x="492369" y="832339"/>
                  </a:lnTo>
                  <a:lnTo>
                    <a:pt x="566615" y="851877"/>
                  </a:lnTo>
                  <a:lnTo>
                    <a:pt x="613508" y="859693"/>
                  </a:lnTo>
                  <a:lnTo>
                    <a:pt x="629138" y="797170"/>
                  </a:lnTo>
                  <a:lnTo>
                    <a:pt x="672123" y="801077"/>
                  </a:lnTo>
                  <a:lnTo>
                    <a:pt x="672123" y="855785"/>
                  </a:lnTo>
                  <a:lnTo>
                    <a:pt x="625231" y="910493"/>
                  </a:lnTo>
                  <a:lnTo>
                    <a:pt x="484554" y="871416"/>
                  </a:lnTo>
                  <a:lnTo>
                    <a:pt x="461108" y="902677"/>
                  </a:lnTo>
                  <a:lnTo>
                    <a:pt x="418123" y="902677"/>
                  </a:lnTo>
                  <a:lnTo>
                    <a:pt x="343877" y="910493"/>
                  </a:lnTo>
                  <a:lnTo>
                    <a:pt x="324338" y="945662"/>
                  </a:lnTo>
                  <a:lnTo>
                    <a:pt x="250092" y="941754"/>
                  </a:lnTo>
                  <a:lnTo>
                    <a:pt x="207108" y="984739"/>
                  </a:lnTo>
                  <a:lnTo>
                    <a:pt x="156308" y="953477"/>
                  </a:lnTo>
                  <a:lnTo>
                    <a:pt x="117231" y="996462"/>
                  </a:lnTo>
                  <a:lnTo>
                    <a:pt x="156308" y="1058985"/>
                  </a:lnTo>
                  <a:lnTo>
                    <a:pt x="218831" y="1098062"/>
                  </a:lnTo>
                  <a:lnTo>
                    <a:pt x="246185" y="1039446"/>
                  </a:lnTo>
                  <a:lnTo>
                    <a:pt x="293077" y="1043354"/>
                  </a:lnTo>
                  <a:lnTo>
                    <a:pt x="375138" y="1023816"/>
                  </a:lnTo>
                  <a:lnTo>
                    <a:pt x="433754" y="1039446"/>
                  </a:lnTo>
                  <a:lnTo>
                    <a:pt x="492369" y="1031631"/>
                  </a:lnTo>
                  <a:lnTo>
                    <a:pt x="511908" y="1094154"/>
                  </a:lnTo>
                  <a:lnTo>
                    <a:pt x="500185" y="1144954"/>
                  </a:lnTo>
                  <a:lnTo>
                    <a:pt x="531446" y="1184031"/>
                  </a:lnTo>
                  <a:lnTo>
                    <a:pt x="656492" y="1160585"/>
                  </a:lnTo>
                  <a:lnTo>
                    <a:pt x="586154" y="1215293"/>
                  </a:lnTo>
                  <a:lnTo>
                    <a:pt x="586154" y="1266093"/>
                  </a:lnTo>
                  <a:lnTo>
                    <a:pt x="586154" y="1266093"/>
                  </a:lnTo>
                  <a:lnTo>
                    <a:pt x="609600" y="1305170"/>
                  </a:lnTo>
                  <a:lnTo>
                    <a:pt x="672123" y="1254370"/>
                  </a:lnTo>
                  <a:lnTo>
                    <a:pt x="750277" y="1270000"/>
                  </a:lnTo>
                  <a:lnTo>
                    <a:pt x="668215" y="1289539"/>
                  </a:lnTo>
                  <a:lnTo>
                    <a:pt x="633046" y="1312985"/>
                  </a:lnTo>
                  <a:lnTo>
                    <a:pt x="644769" y="1363785"/>
                  </a:lnTo>
                  <a:lnTo>
                    <a:pt x="593969" y="1426308"/>
                  </a:lnTo>
                  <a:lnTo>
                    <a:pt x="558800" y="1461477"/>
                  </a:lnTo>
                  <a:lnTo>
                    <a:pt x="515815" y="1481016"/>
                  </a:lnTo>
                  <a:lnTo>
                    <a:pt x="480646" y="1488831"/>
                  </a:lnTo>
                  <a:lnTo>
                    <a:pt x="441569" y="1438031"/>
                  </a:lnTo>
                  <a:lnTo>
                    <a:pt x="418123" y="1488831"/>
                  </a:lnTo>
                  <a:lnTo>
                    <a:pt x="449385" y="1582616"/>
                  </a:lnTo>
                  <a:close/>
                </a:path>
              </a:pathLst>
            </a:custGeom>
            <a:solidFill>
              <a:srgbClr val="A6A6A6"/>
            </a:solidFill>
            <a:ln w="6350" cmpd="sng">
              <a:solidFill>
                <a:srgbClr val="FFFFFF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sp>
        <p:nvSpPr>
          <p:cNvPr id="3" name="Donut 2"/>
          <p:cNvSpPr/>
          <p:nvPr/>
        </p:nvSpPr>
        <p:spPr>
          <a:xfrm>
            <a:off x="3984821" y="4740742"/>
            <a:ext cx="187075" cy="187075"/>
          </a:xfrm>
          <a:prstGeom prst="donut">
            <a:avLst/>
          </a:prstGeom>
          <a:solidFill>
            <a:srgbClr val="FF0000"/>
          </a:solidFill>
          <a:ln>
            <a:noFill/>
          </a:ln>
          <a:effectLst>
            <a:glow rad="63500">
              <a:schemeClr val="accent2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184" name="Donut 183"/>
          <p:cNvSpPr/>
          <p:nvPr/>
        </p:nvSpPr>
        <p:spPr>
          <a:xfrm>
            <a:off x="2051720" y="4509120"/>
            <a:ext cx="187075" cy="187075"/>
          </a:xfrm>
          <a:prstGeom prst="donut">
            <a:avLst/>
          </a:prstGeom>
          <a:solidFill>
            <a:srgbClr val="FFFF00"/>
          </a:solidFill>
          <a:ln>
            <a:noFill/>
          </a:ln>
          <a:effectLst>
            <a:glow rad="101600">
              <a:schemeClr val="accent6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360" name="Donut 359"/>
          <p:cNvSpPr/>
          <p:nvPr/>
        </p:nvSpPr>
        <p:spPr>
          <a:xfrm>
            <a:off x="3123409" y="3110851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361" name="Donut 360"/>
          <p:cNvSpPr/>
          <p:nvPr/>
        </p:nvSpPr>
        <p:spPr>
          <a:xfrm>
            <a:off x="2859300" y="5021984"/>
            <a:ext cx="187075" cy="187075"/>
          </a:xfrm>
          <a:prstGeom prst="donut">
            <a:avLst/>
          </a:prstGeom>
          <a:solidFill>
            <a:srgbClr val="FFFF00"/>
          </a:solidFill>
          <a:ln>
            <a:noFill/>
          </a:ln>
          <a:effectLst>
            <a:glow rad="101600">
              <a:schemeClr val="accent6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369" name="Donut 368"/>
          <p:cNvSpPr/>
          <p:nvPr/>
        </p:nvSpPr>
        <p:spPr>
          <a:xfrm>
            <a:off x="3659279" y="3067395"/>
            <a:ext cx="187075" cy="187075"/>
          </a:xfrm>
          <a:prstGeom prst="donut">
            <a:avLst/>
          </a:prstGeom>
          <a:solidFill>
            <a:schemeClr val="tx1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376" name="Donut 375"/>
          <p:cNvSpPr/>
          <p:nvPr/>
        </p:nvSpPr>
        <p:spPr>
          <a:xfrm>
            <a:off x="5508104" y="1940054"/>
            <a:ext cx="187075" cy="187075"/>
          </a:xfrm>
          <a:prstGeom prst="donut">
            <a:avLst/>
          </a:prstGeom>
          <a:solidFill>
            <a:srgbClr val="FF0000"/>
          </a:solidFill>
          <a:ln>
            <a:noFill/>
          </a:ln>
          <a:effectLst>
            <a:glow rad="63500">
              <a:schemeClr val="accent2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377" name="Donut 376"/>
          <p:cNvSpPr/>
          <p:nvPr/>
        </p:nvSpPr>
        <p:spPr>
          <a:xfrm>
            <a:off x="5508104" y="5305909"/>
            <a:ext cx="187075" cy="187075"/>
          </a:xfrm>
          <a:prstGeom prst="donut">
            <a:avLst/>
          </a:prstGeom>
          <a:solidFill>
            <a:srgbClr val="FF0000"/>
          </a:solidFill>
          <a:ln>
            <a:noFill/>
          </a:ln>
          <a:effectLst>
            <a:glow rad="63500">
              <a:schemeClr val="accent2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379" name="Donut 378"/>
          <p:cNvSpPr/>
          <p:nvPr/>
        </p:nvSpPr>
        <p:spPr>
          <a:xfrm>
            <a:off x="5508104" y="2554792"/>
            <a:ext cx="187075" cy="187075"/>
          </a:xfrm>
          <a:prstGeom prst="donut">
            <a:avLst/>
          </a:prstGeom>
          <a:solidFill>
            <a:srgbClr val="FFFF00"/>
          </a:solidFill>
          <a:ln>
            <a:noFill/>
          </a:ln>
          <a:effectLst>
            <a:glow rad="101600">
              <a:schemeClr val="accent6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383" name="Donut 382"/>
          <p:cNvSpPr/>
          <p:nvPr/>
        </p:nvSpPr>
        <p:spPr>
          <a:xfrm>
            <a:off x="5508104" y="4077072"/>
            <a:ext cx="187075" cy="187075"/>
          </a:xfrm>
          <a:prstGeom prst="donut">
            <a:avLst/>
          </a:prstGeom>
          <a:solidFill>
            <a:srgbClr val="FFFF00"/>
          </a:solidFill>
          <a:ln>
            <a:noFill/>
          </a:ln>
          <a:effectLst>
            <a:glow rad="101600">
              <a:schemeClr val="accent6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387" name="Donut 386"/>
          <p:cNvSpPr/>
          <p:nvPr/>
        </p:nvSpPr>
        <p:spPr>
          <a:xfrm>
            <a:off x="3345270" y="4412729"/>
            <a:ext cx="187075" cy="187075"/>
          </a:xfrm>
          <a:prstGeom prst="donut">
            <a:avLst/>
          </a:prstGeom>
          <a:solidFill>
            <a:srgbClr val="FF0000"/>
          </a:solidFill>
          <a:ln>
            <a:noFill/>
          </a:ln>
          <a:effectLst>
            <a:glow rad="63500">
              <a:schemeClr val="accent2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391" name="Donut 390"/>
          <p:cNvSpPr/>
          <p:nvPr/>
        </p:nvSpPr>
        <p:spPr>
          <a:xfrm>
            <a:off x="5508104" y="5906500"/>
            <a:ext cx="187075" cy="187075"/>
          </a:xfrm>
          <a:prstGeom prst="donut">
            <a:avLst/>
          </a:prstGeom>
          <a:solidFill>
            <a:schemeClr val="tx1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392" name="Donut 391"/>
          <p:cNvSpPr/>
          <p:nvPr/>
        </p:nvSpPr>
        <p:spPr>
          <a:xfrm>
            <a:off x="5508104" y="3459070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14" name="Donut 213"/>
          <p:cNvSpPr/>
          <p:nvPr/>
        </p:nvSpPr>
        <p:spPr>
          <a:xfrm>
            <a:off x="4253914" y="3209435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15" name="Donut 214"/>
          <p:cNvSpPr/>
          <p:nvPr/>
        </p:nvSpPr>
        <p:spPr>
          <a:xfrm>
            <a:off x="5508104" y="6194253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12" name="Donut 211"/>
          <p:cNvSpPr/>
          <p:nvPr/>
        </p:nvSpPr>
        <p:spPr>
          <a:xfrm>
            <a:off x="2541326" y="4718064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13" name="Donut 212"/>
          <p:cNvSpPr/>
          <p:nvPr/>
        </p:nvSpPr>
        <p:spPr>
          <a:xfrm>
            <a:off x="2613174" y="4777629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17" name="Donut 216"/>
          <p:cNvSpPr/>
          <p:nvPr/>
        </p:nvSpPr>
        <p:spPr>
          <a:xfrm>
            <a:off x="5508104" y="4365104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18" name="Donut 217"/>
          <p:cNvSpPr/>
          <p:nvPr/>
        </p:nvSpPr>
        <p:spPr>
          <a:xfrm>
            <a:off x="5508104" y="2241961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19" name="Donut 218"/>
          <p:cNvSpPr/>
          <p:nvPr/>
        </p:nvSpPr>
        <p:spPr>
          <a:xfrm>
            <a:off x="1978302" y="4487615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20" name="Donut 219"/>
          <p:cNvSpPr/>
          <p:nvPr/>
        </p:nvSpPr>
        <p:spPr>
          <a:xfrm>
            <a:off x="1046209" y="4957980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21" name="Donut 220"/>
          <p:cNvSpPr/>
          <p:nvPr/>
        </p:nvSpPr>
        <p:spPr>
          <a:xfrm>
            <a:off x="5508104" y="3150021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22" name="Donut 221"/>
          <p:cNvSpPr/>
          <p:nvPr/>
        </p:nvSpPr>
        <p:spPr>
          <a:xfrm>
            <a:off x="5508104" y="4695827"/>
            <a:ext cx="187075" cy="187075"/>
          </a:xfrm>
          <a:prstGeom prst="donut">
            <a:avLst/>
          </a:prstGeom>
          <a:solidFill>
            <a:srgbClr val="FFFF00"/>
          </a:solidFill>
          <a:ln>
            <a:noFill/>
          </a:ln>
          <a:effectLst>
            <a:glow rad="101600">
              <a:schemeClr val="accent6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23" name="Donut 222"/>
          <p:cNvSpPr/>
          <p:nvPr/>
        </p:nvSpPr>
        <p:spPr>
          <a:xfrm>
            <a:off x="1685332" y="3726100"/>
            <a:ext cx="187075" cy="187075"/>
          </a:xfrm>
          <a:prstGeom prst="donut">
            <a:avLst/>
          </a:prstGeom>
          <a:solidFill>
            <a:srgbClr val="FFFF00"/>
          </a:solidFill>
          <a:ln>
            <a:noFill/>
          </a:ln>
          <a:effectLst>
            <a:glow rad="101600">
              <a:schemeClr val="accent6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24" name="Donut 223"/>
          <p:cNvSpPr/>
          <p:nvPr/>
        </p:nvSpPr>
        <p:spPr>
          <a:xfrm>
            <a:off x="3222899" y="6035744"/>
            <a:ext cx="187075" cy="187075"/>
          </a:xfrm>
          <a:prstGeom prst="donut">
            <a:avLst/>
          </a:prstGeom>
          <a:solidFill>
            <a:schemeClr val="tx1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25" name="Donut 224"/>
          <p:cNvSpPr/>
          <p:nvPr/>
        </p:nvSpPr>
        <p:spPr>
          <a:xfrm>
            <a:off x="5508104" y="3752639"/>
            <a:ext cx="187075" cy="187075"/>
          </a:xfrm>
          <a:prstGeom prst="donut">
            <a:avLst/>
          </a:prstGeom>
          <a:solidFill>
            <a:schemeClr val="tx1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26" name="Donut 225"/>
          <p:cNvSpPr/>
          <p:nvPr/>
        </p:nvSpPr>
        <p:spPr>
          <a:xfrm>
            <a:off x="5508104" y="5004212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16" name="Donut 215"/>
          <p:cNvSpPr/>
          <p:nvPr/>
        </p:nvSpPr>
        <p:spPr>
          <a:xfrm>
            <a:off x="3051296" y="4927817"/>
            <a:ext cx="187075" cy="187075"/>
          </a:xfrm>
          <a:prstGeom prst="donut">
            <a:avLst/>
          </a:prstGeom>
          <a:solidFill>
            <a:schemeClr val="tx1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29" name="Donut 228"/>
          <p:cNvSpPr/>
          <p:nvPr/>
        </p:nvSpPr>
        <p:spPr>
          <a:xfrm>
            <a:off x="5508104" y="2851388"/>
            <a:ext cx="187075" cy="187075"/>
          </a:xfrm>
          <a:prstGeom prst="donut">
            <a:avLst/>
          </a:prstGeom>
          <a:solidFill>
            <a:schemeClr val="tx1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27" name="Donut 226"/>
          <p:cNvSpPr/>
          <p:nvPr/>
        </p:nvSpPr>
        <p:spPr>
          <a:xfrm>
            <a:off x="3781851" y="4174785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228" name="Donut 227"/>
          <p:cNvSpPr/>
          <p:nvPr/>
        </p:nvSpPr>
        <p:spPr>
          <a:xfrm>
            <a:off x="5508104" y="5617815"/>
            <a:ext cx="187075" cy="187075"/>
          </a:xfrm>
          <a:prstGeom prst="donut">
            <a:avLst/>
          </a:prstGeom>
          <a:solidFill>
            <a:srgbClr val="92D050"/>
          </a:solidFill>
          <a:ln>
            <a:noFill/>
          </a:ln>
          <a:effectLst>
            <a:glow rad="101600">
              <a:schemeClr val="accent3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chemeClr val="tx1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ESS/CEA-ESSI Coordination</a:t>
            </a:r>
            <a:endParaRPr lang="sv-S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smtClean="0"/>
              <a:t>ICS status report 2018-05</a:t>
            </a:r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548800886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43D629-CCBE-7545-8954-08B49D9A3F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In-Kind </a:t>
            </a:r>
            <a:r>
              <a:rPr lang="en-US" sz="2800" dirty="0" smtClean="0"/>
              <a:t>partners deliver parts </a:t>
            </a:r>
            <a:r>
              <a:rPr lang="en-US" sz="2800" dirty="0"/>
              <a:t>of </a:t>
            </a:r>
            <a:r>
              <a:rPr lang="en-US" sz="2800" dirty="0" smtClean="0"/>
              <a:t>our scope</a:t>
            </a:r>
            <a:endParaRPr lang="en-US" sz="28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85D69E0-DE54-5843-A795-309607D5EE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8398" y="4653136"/>
            <a:ext cx="8229600" cy="1478226"/>
          </a:xfrm>
        </p:spPr>
        <p:txBody>
          <a:bodyPr>
            <a:noAutofit/>
          </a:bodyPr>
          <a:lstStyle/>
          <a:p>
            <a:r>
              <a:rPr lang="en-US" sz="2000" dirty="0" smtClean="0">
                <a:solidFill>
                  <a:schemeClr val="tx1"/>
                </a:solidFill>
              </a:rPr>
              <a:t>In general, in-kind progress has been fairly good</a:t>
            </a:r>
          </a:p>
          <a:p>
            <a:r>
              <a:rPr lang="en-US" sz="2000" dirty="0" smtClean="0">
                <a:solidFill>
                  <a:schemeClr val="tx1"/>
                </a:solidFill>
              </a:rPr>
              <a:t>Some projects have suffered in-kind-administrative delays</a:t>
            </a:r>
          </a:p>
          <a:p>
            <a:endParaRPr lang="en-US" sz="2000" dirty="0">
              <a:solidFill>
                <a:schemeClr val="tx1"/>
              </a:solidFill>
            </a:endParaRPr>
          </a:p>
          <a:p>
            <a:r>
              <a:rPr lang="en-US" sz="2000" dirty="0" smtClean="0">
                <a:solidFill>
                  <a:schemeClr val="tx1"/>
                </a:solidFill>
              </a:rPr>
              <a:t>Many ICS projects are “piggy-backed” on stakeholder in-kind project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8EAF5D1-2017-DA47-B008-70F3A8F1A6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8</a:t>
            </a:fld>
            <a:endParaRPr lang="en-GB" noProof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67" y="1451521"/>
            <a:ext cx="9133033" cy="28890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ESS/CEA-ESSI Coordination</a:t>
            </a:r>
            <a:endParaRPr lang="sv-SE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smtClean="0"/>
              <a:t>ICS status report 2018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8403315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CBD5F6-3982-6C45-8D42-A12FFC5FD3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1A9772D-802A-AE47-8F8F-7B8EDA5B87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dirty="0" smtClean="0"/>
              <a:t>ICS goals and scope </a:t>
            </a:r>
          </a:p>
          <a:p>
            <a:r>
              <a:rPr lang="en-GB" dirty="0" smtClean="0"/>
              <a:t>ICS organization</a:t>
            </a:r>
            <a:endParaRPr lang="en-GB" dirty="0"/>
          </a:p>
          <a:p>
            <a:r>
              <a:rPr lang="en-GB" dirty="0" smtClean="0"/>
              <a:t>ICS in-kind contributions</a:t>
            </a:r>
            <a:endParaRPr lang="en-GB" dirty="0"/>
          </a:p>
          <a:p>
            <a:r>
              <a:rPr lang="en-GB" dirty="0" smtClean="0">
                <a:solidFill>
                  <a:schemeClr val="tx1"/>
                </a:solidFill>
              </a:rPr>
              <a:t>ICS project status</a:t>
            </a:r>
          </a:p>
          <a:p>
            <a:pPr lvl="1"/>
            <a:r>
              <a:rPr lang="en-GB" dirty="0" smtClean="0">
                <a:solidFill>
                  <a:schemeClr val="tx1"/>
                </a:solidFill>
              </a:rPr>
              <a:t>Scope completion and Earned Value</a:t>
            </a:r>
          </a:p>
          <a:p>
            <a:pPr lvl="1"/>
            <a:r>
              <a:rPr lang="en-GB" dirty="0" smtClean="0">
                <a:solidFill>
                  <a:schemeClr val="tx1"/>
                </a:solidFill>
              </a:rPr>
              <a:t>Critical deliveries</a:t>
            </a:r>
          </a:p>
          <a:p>
            <a:pPr lvl="1"/>
            <a:r>
              <a:rPr lang="en-GB" dirty="0" smtClean="0">
                <a:solidFill>
                  <a:schemeClr val="tx1"/>
                </a:solidFill>
              </a:rPr>
              <a:t>Key integration milestones</a:t>
            </a:r>
          </a:p>
          <a:p>
            <a:pPr lvl="1"/>
            <a:r>
              <a:rPr lang="en-GB" dirty="0" smtClean="0">
                <a:solidFill>
                  <a:schemeClr val="tx1"/>
                </a:solidFill>
              </a:rPr>
              <a:t>Top project risks</a:t>
            </a:r>
          </a:p>
          <a:p>
            <a:r>
              <a:rPr lang="en-GB" dirty="0" smtClean="0"/>
              <a:t>ICS </a:t>
            </a:r>
            <a:r>
              <a:rPr lang="en-GB" dirty="0"/>
              <a:t>project </a:t>
            </a:r>
            <a:r>
              <a:rPr lang="en-GB" dirty="0" smtClean="0"/>
              <a:t>status illustrated</a:t>
            </a:r>
            <a:endParaRPr lang="en-GB" dirty="0"/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5B7F937-95B1-EF40-A7C1-9E45988017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9</a:t>
            </a:fld>
            <a:endParaRPr lang="en-GB" noProof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ESS/CEA-ESSI Coordination</a:t>
            </a:r>
            <a:endParaRPr lang="sv-S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smtClean="0"/>
              <a:t>ICS status report 2018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931007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smtClean="0"/>
              <a:t>Summary</a:t>
            </a:r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579296" cy="4525963"/>
          </a:xfrm>
        </p:spPr>
        <p:txBody>
          <a:bodyPr>
            <a:normAutofit/>
          </a:bodyPr>
          <a:lstStyle/>
          <a:p>
            <a:pPr>
              <a:spcBef>
                <a:spcPts val="0"/>
              </a:spcBef>
            </a:pPr>
            <a:r>
              <a:rPr lang="en-US" sz="1800" dirty="0"/>
              <a:t>The Integrated Control System Division (ICS division) is responsible for the control systems within the ESS facility including controls for </a:t>
            </a:r>
          </a:p>
          <a:p>
            <a:pPr lvl="1">
              <a:spcBef>
                <a:spcPts val="0"/>
              </a:spcBef>
            </a:pPr>
            <a:r>
              <a:rPr lang="en-US" sz="1600" dirty="0"/>
              <a:t>Accelerator</a:t>
            </a:r>
          </a:p>
          <a:p>
            <a:pPr lvl="1">
              <a:spcBef>
                <a:spcPts val="0"/>
              </a:spcBef>
            </a:pPr>
            <a:r>
              <a:rPr lang="en-US" sz="1600" dirty="0"/>
              <a:t>Target</a:t>
            </a:r>
          </a:p>
          <a:p>
            <a:pPr lvl="1">
              <a:spcBef>
                <a:spcPts val="0"/>
              </a:spcBef>
            </a:pPr>
            <a:r>
              <a:rPr lang="en-US" sz="1600" dirty="0"/>
              <a:t>Neutron Scattering Systems</a:t>
            </a:r>
          </a:p>
          <a:p>
            <a:pPr lvl="1">
              <a:spcBef>
                <a:spcPts val="0"/>
              </a:spcBef>
            </a:pPr>
            <a:r>
              <a:rPr lang="en-US" sz="1600" dirty="0"/>
              <a:t>Conventional Facilities</a:t>
            </a:r>
          </a:p>
          <a:p>
            <a:pPr>
              <a:spcBef>
                <a:spcPts val="0"/>
              </a:spcBef>
            </a:pPr>
            <a:endParaRPr lang="sv-SE" sz="1800" dirty="0"/>
          </a:p>
          <a:p>
            <a:pPr>
              <a:spcBef>
                <a:spcPts val="0"/>
              </a:spcBef>
            </a:pPr>
            <a:r>
              <a:rPr lang="sv-SE" sz="1800" dirty="0" smtClean="0"/>
              <a:t>The project is 43% complete</a:t>
            </a:r>
          </a:p>
          <a:p>
            <a:pPr lvl="1">
              <a:spcBef>
                <a:spcPts val="0"/>
              </a:spcBef>
            </a:pPr>
            <a:r>
              <a:rPr lang="sv-SE" sz="1600" dirty="0" smtClean="0"/>
              <a:t>The organization hosts 52 employees and ~15 contractors</a:t>
            </a:r>
          </a:p>
          <a:p>
            <a:pPr>
              <a:spcBef>
                <a:spcPts val="0"/>
              </a:spcBef>
            </a:pPr>
            <a:endParaRPr lang="sv-SE" sz="1800" dirty="0" smtClean="0"/>
          </a:p>
          <a:p>
            <a:pPr>
              <a:spcBef>
                <a:spcPts val="0"/>
              </a:spcBef>
            </a:pPr>
            <a:r>
              <a:rPr lang="en-US" sz="1800" dirty="0"/>
              <a:t>ICS has strong dependencies to </a:t>
            </a:r>
            <a:r>
              <a:rPr lang="en-US" sz="1800" dirty="0" smtClean="0"/>
              <a:t>stakeholders’ schedules</a:t>
            </a:r>
          </a:p>
          <a:p>
            <a:pPr marL="0" indent="0">
              <a:spcBef>
                <a:spcPts val="0"/>
              </a:spcBef>
              <a:buNone/>
            </a:pPr>
            <a:endParaRPr lang="en-US" sz="1800" dirty="0" smtClean="0"/>
          </a:p>
          <a:p>
            <a:pPr marL="0" indent="0">
              <a:spcBef>
                <a:spcPts val="0"/>
              </a:spcBef>
              <a:buNone/>
            </a:pPr>
            <a:endParaRPr lang="sv-SE" sz="1800" dirty="0" smtClean="0"/>
          </a:p>
          <a:p>
            <a:pPr>
              <a:spcBef>
                <a:spcPts val="0"/>
              </a:spcBef>
            </a:pPr>
            <a:endParaRPr lang="sv-SE" sz="1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</a:t>
            </a:fld>
            <a:endParaRPr lang="en-GB" noProof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7086628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8D68F4-7DBA-EF4F-B7B5-1E7A0DC41A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cope completion </a:t>
            </a:r>
            <a:r>
              <a:rPr lang="en-US" dirty="0"/>
              <a:t>statu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A89FA0-E947-6545-B644-D3F1056E064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3528" y="5052317"/>
            <a:ext cx="8229600" cy="1329011"/>
          </a:xfrm>
        </p:spPr>
        <p:txBody>
          <a:bodyPr>
            <a:noAutofit/>
          </a:bodyPr>
          <a:lstStyle/>
          <a:p>
            <a:r>
              <a:rPr lang="en-US" sz="1600" dirty="0" smtClean="0">
                <a:solidFill>
                  <a:schemeClr val="tx1"/>
                </a:solidFill>
              </a:rPr>
              <a:t>Overall progress of ICS scope is on par with progress for ESS construction project</a:t>
            </a:r>
          </a:p>
          <a:p>
            <a:r>
              <a:rPr lang="en-US" sz="1600" dirty="0" smtClean="0">
                <a:solidFill>
                  <a:schemeClr val="tx1"/>
                </a:solidFill>
              </a:rPr>
              <a:t>Careful prioritization and adaptation is important to go forward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D011A38-6ACB-834D-A2FA-8E4309FE84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0</a:t>
            </a:fld>
            <a:endParaRPr lang="en-GB" noProof="0"/>
          </a:p>
        </p:txBody>
      </p:sp>
      <p:pic>
        <p:nvPicPr>
          <p:cNvPr id="7172" name="Picture 4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8388" y="1700808"/>
            <a:ext cx="8648700" cy="23542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ESS/CEA-ESSI Coordination</a:t>
            </a:r>
            <a:endParaRPr lang="sv-SE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smtClean="0"/>
              <a:t>ICS status report 2018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1024967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arned valu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21</a:t>
            </a:fld>
            <a:endParaRPr lang="sv-SE"/>
          </a:p>
        </p:txBody>
      </p:sp>
      <p:pic>
        <p:nvPicPr>
          <p:cNvPr id="5" name="Picture 4" descr="&lt;CH226&gt;"/>
          <p:cNvPicPr/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18915" y="1476004"/>
            <a:ext cx="9089881" cy="3374012"/>
          </a:xfrm>
          <a:prstGeom prst="rect">
            <a:avLst/>
          </a:prstGeom>
        </p:spPr>
      </p:pic>
      <p:sp>
        <p:nvSpPr>
          <p:cNvPr id="14" name="TextBox 13"/>
          <p:cNvSpPr txBox="1"/>
          <p:nvPr/>
        </p:nvSpPr>
        <p:spPr>
          <a:xfrm>
            <a:off x="18915" y="4509120"/>
            <a:ext cx="8985211" cy="1569660"/>
          </a:xfrm>
          <a:prstGeom prst="rect">
            <a:avLst/>
          </a:prstGeom>
          <a:noFill/>
          <a:ln w="38100" cmpd="sng">
            <a:noFill/>
          </a:ln>
        </p:spPr>
        <p:txBody>
          <a:bodyPr wrap="square" rtlCol="0">
            <a:spAutoFit/>
          </a:bodyPr>
          <a:lstStyle/>
          <a:p>
            <a:r>
              <a:rPr lang="en-US" sz="1200" b="1" u="sng" dirty="0" smtClean="0"/>
              <a:t>Current Status</a:t>
            </a:r>
          </a:p>
          <a:p>
            <a:pPr marL="285750" indent="-285750">
              <a:buFont typeface="Arial"/>
              <a:buChar char="•"/>
            </a:pPr>
            <a:r>
              <a:rPr lang="en-US" sz="1200" dirty="0"/>
              <a:t>The ICS project is 43% complete</a:t>
            </a:r>
          </a:p>
          <a:p>
            <a:pPr marL="285750" indent="-285750">
              <a:buFont typeface="Arial"/>
              <a:buChar char="•"/>
            </a:pPr>
            <a:r>
              <a:rPr lang="en-US" sz="1200" dirty="0" smtClean="0"/>
              <a:t>Cumulative cost variance for ICS is within established variance reporting thresholds</a:t>
            </a:r>
          </a:p>
          <a:p>
            <a:pPr marL="285750" indent="-285750">
              <a:buFont typeface="Arial"/>
              <a:buChar char="•"/>
            </a:pPr>
            <a:r>
              <a:rPr lang="en-US" sz="1200" dirty="0" smtClean="0"/>
              <a:t>Cumulative schedule variance exceeds reporting thresholds -11.5M€</a:t>
            </a:r>
          </a:p>
          <a:p>
            <a:pPr marL="742950" lvl="1" indent="-285750">
              <a:buFont typeface="Arial"/>
              <a:buChar char="•"/>
            </a:pPr>
            <a:r>
              <a:rPr lang="en-US" sz="1200" dirty="0" smtClean="0"/>
              <a:t>-4,6M€ is related to In-kind where the biggest contributions are</a:t>
            </a:r>
          </a:p>
          <a:p>
            <a:pPr marL="742950" lvl="1" indent="-285750">
              <a:buFont typeface="Arial"/>
              <a:buChar char="•"/>
            </a:pPr>
            <a:r>
              <a:rPr lang="en-US" sz="1200" dirty="0" smtClean="0"/>
              <a:t>-6.9 M€ is related to cash where the biggest contributors are</a:t>
            </a:r>
          </a:p>
          <a:p>
            <a:pPr marL="1200150" lvl="2" indent="-285750">
              <a:buFont typeface="Arial"/>
              <a:buChar char="•"/>
            </a:pPr>
            <a:r>
              <a:rPr lang="en-US" sz="1200" dirty="0" smtClean="0"/>
              <a:t>-2.7M€ is related to </a:t>
            </a:r>
            <a:r>
              <a:rPr lang="en-US" sz="1200" dirty="0"/>
              <a:t>delayed equipment purchases</a:t>
            </a:r>
            <a:endParaRPr lang="en-US" sz="1200" dirty="0" smtClean="0"/>
          </a:p>
          <a:p>
            <a:pPr marL="1200150" lvl="2" indent="-285750">
              <a:buFont typeface="Arial"/>
              <a:buChar char="•"/>
            </a:pPr>
            <a:r>
              <a:rPr lang="en-US" sz="1200" dirty="0" smtClean="0"/>
              <a:t>-1.6M€ for </a:t>
            </a:r>
            <a:r>
              <a:rPr lang="en-US" sz="1200" dirty="0"/>
              <a:t>a</a:t>
            </a:r>
            <a:r>
              <a:rPr lang="en-US" sz="1200" dirty="0" smtClean="0"/>
              <a:t>ccelerator integration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7956376" y="3109065"/>
            <a:ext cx="1047750" cy="1000125"/>
          </a:xfrm>
          <a:prstGeom prst="rect">
            <a:avLst/>
          </a:prstGeom>
          <a:noFill/>
          <a:ln w="3175">
            <a:solidFill>
              <a:srgbClr val="363636"/>
            </a:solidFill>
            <a:miter lim="800000"/>
          </a:ln>
          <a:effectLst>
            <a:outerShdw blurRad="50800" dist="38100" dir="13500000" algn="b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3" name="Picture 2" descr="&lt;CH224&gt;"/>
          <p:cNvPicPr/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1747334" y="3481139"/>
            <a:ext cx="5633042" cy="610008"/>
          </a:xfrm>
          <a:prstGeom prst="rect">
            <a:avLst/>
          </a:prstGeom>
          <a:ln w="3175">
            <a:solidFill>
              <a:srgbClr val="363636"/>
            </a:solidFill>
          </a:ln>
          <a:effectLst>
            <a:outerShdw blurRad="50800" dist="38100" dir="13500000" algn="br" rotWithShape="0">
              <a:prstClr val="black">
                <a:alpha val="40000"/>
              </a:prstClr>
            </a:outerShdw>
          </a:effectLst>
        </p:spPr>
      </p:pic>
      <p:sp>
        <p:nvSpPr>
          <p:cNvPr id="6" name="TextBox 5"/>
          <p:cNvSpPr txBox="1"/>
          <p:nvPr/>
        </p:nvSpPr>
        <p:spPr>
          <a:xfrm>
            <a:off x="7746130" y="1443920"/>
            <a:ext cx="1394934" cy="25391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sz="1050" smtClean="0"/>
              <a:t>(* No InKind included)</a:t>
            </a:r>
            <a:endParaRPr lang="sv-SE" sz="105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ESS/CEA-ESSI Coordination</a:t>
            </a:r>
            <a:endParaRPr lang="sv-SE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smtClean="0"/>
              <a:t>ICS status report 2018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8265612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62" name="OTLSHAPE_T_b2ede02d51ad42f29a03f5cb225d2bbc_HorizontalConnector1"/>
          <p:cNvCxnSpPr/>
          <p:nvPr>
            <p:custDataLst>
              <p:tags r:id="rId2"/>
            </p:custDataLst>
          </p:nvPr>
        </p:nvCxnSpPr>
        <p:spPr>
          <a:xfrm>
            <a:off x="2354030" y="6069542"/>
            <a:ext cx="392675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1" name="OTLSHAPE_T_3c87f69a0a7449c0ad6c74348e9828b1_HorizontalConnector1"/>
          <p:cNvCxnSpPr/>
          <p:nvPr>
            <p:custDataLst>
              <p:tags r:id="rId3"/>
            </p:custDataLst>
          </p:nvPr>
        </p:nvCxnSpPr>
        <p:spPr>
          <a:xfrm>
            <a:off x="2289133" y="5733923"/>
            <a:ext cx="94904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0" name="OTLSHAPE_T_0bd32d06ddd646b58f68b045d16306ee_HorizontalConnector1"/>
          <p:cNvCxnSpPr/>
          <p:nvPr>
            <p:custDataLst>
              <p:tags r:id="rId4"/>
            </p:custDataLst>
          </p:nvPr>
        </p:nvCxnSpPr>
        <p:spPr>
          <a:xfrm>
            <a:off x="1760136" y="5329386"/>
            <a:ext cx="500355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9" name="OTLSHAPE_T_0667c8a5a6bd46ca80ed3f68007d2f5f_HorizontalConnector1"/>
          <p:cNvCxnSpPr/>
          <p:nvPr>
            <p:custDataLst>
              <p:tags r:id="rId5"/>
            </p:custDataLst>
          </p:nvPr>
        </p:nvCxnSpPr>
        <p:spPr>
          <a:xfrm>
            <a:off x="1857206" y="4924848"/>
            <a:ext cx="160178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8" name="OTLSHAPE_T_27d6eeb1f5544aed9485293fb67655c2_HorizontalConnector1"/>
          <p:cNvCxnSpPr/>
          <p:nvPr>
            <p:custDataLst>
              <p:tags r:id="rId6"/>
            </p:custDataLst>
          </p:nvPr>
        </p:nvCxnSpPr>
        <p:spPr>
          <a:xfrm>
            <a:off x="1315635" y="4520311"/>
            <a:ext cx="21952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7" name="OTLSHAPE_M_29dcd6a3a34f462bb5d6347c3cd50015_Connector1"/>
          <p:cNvCxnSpPr/>
          <p:nvPr>
            <p:custDataLst>
              <p:tags r:id="rId7"/>
            </p:custDataLst>
          </p:nvPr>
        </p:nvCxnSpPr>
        <p:spPr>
          <a:xfrm>
            <a:off x="7364115" y="2396847"/>
            <a:ext cx="0" cy="651153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6" name="OTLSHAPE_M_f018024e23794a32a498724c1aab7805_Connector1"/>
          <p:cNvCxnSpPr/>
          <p:nvPr>
            <p:custDataLst>
              <p:tags r:id="rId8"/>
            </p:custDataLst>
          </p:nvPr>
        </p:nvCxnSpPr>
        <p:spPr>
          <a:xfrm>
            <a:off x="6814134" y="1645559"/>
            <a:ext cx="0" cy="1402441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5" name="OTLSHAPE_M_dbac457e2bc54858bc73d63d0f6c063e_Connector1"/>
          <p:cNvCxnSpPr/>
          <p:nvPr>
            <p:custDataLst>
              <p:tags r:id="rId9"/>
            </p:custDataLst>
          </p:nvPr>
        </p:nvCxnSpPr>
        <p:spPr>
          <a:xfrm>
            <a:off x="5184122" y="1776323"/>
            <a:ext cx="0" cy="1271677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4" name="OTLSHAPE_M_fe372e646f32449d858d34b98ad4e13e_Connector1"/>
          <p:cNvCxnSpPr/>
          <p:nvPr>
            <p:custDataLst>
              <p:tags r:id="rId10"/>
            </p:custDataLst>
          </p:nvPr>
        </p:nvCxnSpPr>
        <p:spPr>
          <a:xfrm>
            <a:off x="2350533" y="2520569"/>
            <a:ext cx="0" cy="527431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9" name="Title 74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Critical deliveries overview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B388BF-AB3F-40D8-8F8C-3BD29AC87C6D}" type="slidenum">
              <a:rPr lang="en-GB" smtClean="0"/>
              <a:t>22</a:t>
            </a:fld>
            <a:endParaRPr lang="en-GB"/>
          </a:p>
        </p:txBody>
      </p:sp>
      <p:sp>
        <p:nvSpPr>
          <p:cNvPr id="939" name="OTLSHAPE_TB_00000000000000000000000000000000_LeftEndCaps"/>
          <p:cNvSpPr txBox="1"/>
          <p:nvPr>
            <p:custDataLst>
              <p:tags r:id="rId11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40" name="OTLSHAPE_TB_00000000000000000000000000000000_RightEndCaps"/>
          <p:cNvSpPr txBox="1"/>
          <p:nvPr>
            <p:custDataLst>
              <p:tags r:id="rId12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41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2" name="OTLSHAPE_TB_00000000000000000000000000000000_ElapsedTime"/>
          <p:cNvSpPr/>
          <p:nvPr>
            <p:custDataLst>
              <p:tags r:id="rId14"/>
            </p:custDataLst>
          </p:nvPr>
        </p:nvSpPr>
        <p:spPr>
          <a:xfrm>
            <a:off x="933365" y="3352800"/>
            <a:ext cx="495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3" name="OTLSHAPE_TB_00000000000000000000000000000000_TodayMarkerShape"/>
          <p:cNvSpPr/>
          <p:nvPr>
            <p:custDataLst>
              <p:tags r:id="rId15"/>
            </p:custDataLst>
          </p:nvPr>
        </p:nvSpPr>
        <p:spPr>
          <a:xfrm>
            <a:off x="1371107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4" name="OTLSHAPE_TB_00000000000000000000000000000000_TodayMarkerText"/>
          <p:cNvSpPr txBox="1"/>
          <p:nvPr>
            <p:custDataLst>
              <p:tags r:id="rId16"/>
            </p:custDataLst>
          </p:nvPr>
        </p:nvSpPr>
        <p:spPr>
          <a:xfrm>
            <a:off x="1245407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99686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46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238802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7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245152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48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3842679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9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90617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0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530132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1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5364821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2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675597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3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6819478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4" name="OTLSHAPE_M_fe372e646f32449d858d34b98ad4e13e_Title"/>
          <p:cNvSpPr txBox="1"/>
          <p:nvPr>
            <p:custDataLst>
              <p:tags r:id="rId26"/>
            </p:custDataLst>
          </p:nvPr>
        </p:nvSpPr>
        <p:spPr>
          <a:xfrm>
            <a:off x="2572783" y="2323338"/>
            <a:ext cx="2298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components ready for initial operations independently 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5" name="OTLSHAPE_M_fe372e646f32449d858d34b98ad4e13e_Date"/>
          <p:cNvSpPr txBox="1"/>
          <p:nvPr>
            <p:custDataLst>
              <p:tags r:id="rId27"/>
            </p:custDataLst>
          </p:nvPr>
        </p:nvSpPr>
        <p:spPr>
          <a:xfrm>
            <a:off x="2572783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1/12/2018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M_fe372e646f32449d858d34b98ad4e13e_Shape"/>
          <p:cNvSpPr/>
          <p:nvPr>
            <p:custDataLst>
              <p:tags r:id="rId28"/>
            </p:custDataLst>
          </p:nvPr>
        </p:nvSpPr>
        <p:spPr>
          <a:xfrm rot="16200000">
            <a:off x="2375933" y="252056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7" name="OTLSHAPE_M_dbac457e2bc54858bc73d63d0f6c063e_Title"/>
          <p:cNvSpPr txBox="1"/>
          <p:nvPr>
            <p:custDataLst>
              <p:tags r:id="rId29"/>
            </p:custDataLst>
          </p:nvPr>
        </p:nvSpPr>
        <p:spPr>
          <a:xfrm>
            <a:off x="5406372" y="1493833"/>
            <a:ext cx="990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Accelerator ready for BoD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M_dbac457e2bc54858bc73d63d0f6c063e_Date"/>
          <p:cNvSpPr txBox="1"/>
          <p:nvPr>
            <p:custDataLst>
              <p:tags r:id="rId30"/>
            </p:custDataLst>
          </p:nvPr>
        </p:nvSpPr>
        <p:spPr>
          <a:xfrm>
            <a:off x="5406372" y="20180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0/11/2020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M_dbac457e2bc54858bc73d63d0f6c063e_Shape"/>
          <p:cNvSpPr/>
          <p:nvPr>
            <p:custDataLst>
              <p:tags r:id="rId31"/>
            </p:custDataLst>
          </p:nvPr>
        </p:nvSpPr>
        <p:spPr>
          <a:xfrm rot="16200000">
            <a:off x="5209522" y="1776323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0" name="OTLSHAPE_M_f018024e23794a32a498724c1aab7805_Title"/>
          <p:cNvSpPr txBox="1"/>
          <p:nvPr>
            <p:custDataLst>
              <p:tags r:id="rId32"/>
            </p:custDataLst>
          </p:nvPr>
        </p:nvSpPr>
        <p:spPr>
          <a:xfrm>
            <a:off x="7036384" y="1448328"/>
            <a:ext cx="194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arget ready for BoT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1" name="OTLSHAPE_M_f018024e23794a32a498724c1aab7805_Date"/>
          <p:cNvSpPr txBox="1"/>
          <p:nvPr>
            <p:custDataLst>
              <p:tags r:id="rId33"/>
            </p:custDataLst>
          </p:nvPr>
        </p:nvSpPr>
        <p:spPr>
          <a:xfrm>
            <a:off x="7036384" y="1802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3/01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72" name="OTLSHAPE_M_f018024e23794a32a498724c1aab7805_Shape"/>
          <p:cNvSpPr/>
          <p:nvPr>
            <p:custDataLst>
              <p:tags r:id="rId34"/>
            </p:custDataLst>
          </p:nvPr>
        </p:nvSpPr>
        <p:spPr>
          <a:xfrm rot="16200000">
            <a:off x="6839534" y="164555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3" name="OTLSHAPE_M_29dcd6a3a34f462bb5d6347c3cd50015_Title"/>
          <p:cNvSpPr txBox="1"/>
          <p:nvPr>
            <p:custDataLst>
              <p:tags r:id="rId35"/>
            </p:custDataLst>
          </p:nvPr>
        </p:nvSpPr>
        <p:spPr>
          <a:xfrm>
            <a:off x="7586365" y="2029097"/>
            <a:ext cx="14605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est beamline and Bunker ready for hot commissioning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M_29dcd6a3a34f462bb5d6347c3cd50015_Date"/>
          <p:cNvSpPr txBox="1"/>
          <p:nvPr>
            <p:custDataLst>
              <p:tags r:id="rId36"/>
            </p:custDataLst>
          </p:nvPr>
        </p:nvSpPr>
        <p:spPr>
          <a:xfrm>
            <a:off x="7586365" y="272387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1/05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75" name="OTLSHAPE_M_29dcd6a3a34f462bb5d6347c3cd50015_Shape"/>
          <p:cNvSpPr/>
          <p:nvPr>
            <p:custDataLst>
              <p:tags r:id="rId37"/>
            </p:custDataLst>
          </p:nvPr>
        </p:nvSpPr>
        <p:spPr>
          <a:xfrm rot="16200000">
            <a:off x="7389515" y="2396847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6" name="OTLSHAPE_T_7590a7899b634658a341eaa25e791eca_Shape"/>
          <p:cNvSpPr/>
          <p:nvPr>
            <p:custDataLst>
              <p:tags r:id="rId38"/>
            </p:custDataLst>
          </p:nvPr>
        </p:nvSpPr>
        <p:spPr>
          <a:xfrm>
            <a:off x="1539137" y="4014174"/>
            <a:ext cx="114300" cy="2032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7" name="OTLSHAPE_T_7590a7899b634658a341eaa25e791eca_ShapePercentage" hidden="1"/>
          <p:cNvSpPr/>
          <p:nvPr>
            <p:custDataLst>
              <p:tags r:id="rId39"/>
            </p:custDataLst>
          </p:nvPr>
        </p:nvSpPr>
        <p:spPr>
          <a:xfrm>
            <a:off x="1539137" y="401417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8" name="OTLSHAPE_T_7590a7899b634658a341eaa25e791eca_Duration" hidden="1"/>
          <p:cNvSpPr txBox="1"/>
          <p:nvPr>
            <p:custDataLst>
              <p:tags r:id="rId40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28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9" name="OTLSHAPE_T_7590a7899b634658a341eaa25e791eca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80" name="OTLSHAPE_T_7590a7899b634658a341eaa25e791eca_StartDate" hidden="1"/>
          <p:cNvSpPr txBox="1"/>
          <p:nvPr>
            <p:custDataLst>
              <p:tags r:id="rId4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1" name="OTLSHAPE_T_7590a7899b634658a341eaa25e791eca_EndDate" hidden="1"/>
          <p:cNvSpPr txBox="1"/>
          <p:nvPr>
            <p:custDataLst>
              <p:tags r:id="rId43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7590a7899b634658a341eaa25e791eca_JoinedDate"/>
          <p:cNvSpPr txBox="1"/>
          <p:nvPr>
            <p:custDataLst>
              <p:tags r:id="rId44"/>
            </p:custDataLst>
          </p:nvPr>
        </p:nvSpPr>
        <p:spPr>
          <a:xfrm>
            <a:off x="1701528" y="403826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/6/2018 - 29/6/2018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3" name="OTLSHAPE_T_7590a7899b634658a341eaa25e791eca_Title"/>
          <p:cNvSpPr txBox="1"/>
          <p:nvPr>
            <p:custDataLst>
              <p:tags r:id="rId45"/>
            </p:custDataLst>
          </p:nvPr>
        </p:nvSpPr>
        <p:spPr>
          <a:xfrm>
            <a:off x="127000" y="3945255"/>
            <a:ext cx="1562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DI: MicroTCA systems 1 - 3 ready for installation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27d6eeb1f5544aed9485293fb67655c2_Shape"/>
          <p:cNvSpPr/>
          <p:nvPr>
            <p:custDataLst>
              <p:tags r:id="rId46"/>
            </p:custDataLst>
          </p:nvPr>
        </p:nvSpPr>
        <p:spPr>
          <a:xfrm>
            <a:off x="1535155" y="4418711"/>
            <a:ext cx="127000" cy="2032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85" name="OTLSHAPE_T_27d6eeb1f5544aed9485293fb67655c2_ShapePercentage" hidden="1"/>
          <p:cNvSpPr/>
          <p:nvPr>
            <p:custDataLst>
              <p:tags r:id="rId47"/>
            </p:custDataLst>
          </p:nvPr>
        </p:nvSpPr>
        <p:spPr>
          <a:xfrm>
            <a:off x="1535155" y="441871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86" name="OTLSHAPE_T_27d6eeb1f5544aed9485293fb67655c2_Duration" hidden="1"/>
          <p:cNvSpPr txBox="1"/>
          <p:nvPr>
            <p:custDataLst>
              <p:tags r:id="rId48"/>
            </p:custDataLst>
          </p:nvPr>
        </p:nvSpPr>
        <p:spPr>
          <a:xfrm>
            <a:off x="0" y="434979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29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87" name="OTLSHAPE_T_27d6eeb1f5544aed9485293fb67655c2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504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88" name="OTLSHAPE_T_27d6eeb1f5544aed9485293fb67655c2_StartDate" hidden="1"/>
          <p:cNvSpPr txBox="1"/>
          <p:nvPr>
            <p:custDataLst>
              <p:tags r:id="rId50"/>
            </p:custDataLst>
          </p:nvPr>
        </p:nvSpPr>
        <p:spPr>
          <a:xfrm>
            <a:off x="0" y="4504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9" name="OTLSHAPE_T_27d6eeb1f5544aed9485293fb67655c2_EndDate" hidden="1"/>
          <p:cNvSpPr txBox="1"/>
          <p:nvPr>
            <p:custDataLst>
              <p:tags r:id="rId51"/>
            </p:custDataLst>
          </p:nvPr>
        </p:nvSpPr>
        <p:spPr>
          <a:xfrm>
            <a:off x="0" y="4504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0" name="OTLSHAPE_T_27d6eeb1f5544aed9485293fb67655c2_JoinedDate"/>
          <p:cNvSpPr txBox="1"/>
          <p:nvPr>
            <p:custDataLst>
              <p:tags r:id="rId52"/>
            </p:custDataLst>
          </p:nvPr>
        </p:nvSpPr>
        <p:spPr>
          <a:xfrm>
            <a:off x="1701528" y="444279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/6/2018 - 29/6/2018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1" name="OTLSHAPE_T_27d6eeb1f5544aed9485293fb67655c2_Title"/>
          <p:cNvSpPr txBox="1"/>
          <p:nvPr>
            <p:custDataLst>
              <p:tags r:id="rId53"/>
            </p:custDataLst>
          </p:nvPr>
        </p:nvSpPr>
        <p:spPr>
          <a:xfrm>
            <a:off x="127000" y="4349792"/>
            <a:ext cx="119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DI: EtherCAT system design completed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2" name="OTLSHAPE_T_0667c8a5a6bd46ca80ed3f68007d2f5f_Shape"/>
          <p:cNvSpPr/>
          <p:nvPr>
            <p:custDataLst>
              <p:tags r:id="rId54"/>
            </p:custDataLst>
          </p:nvPr>
        </p:nvSpPr>
        <p:spPr>
          <a:xfrm>
            <a:off x="2017384" y="4823248"/>
            <a:ext cx="50800" cy="2032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93" name="OTLSHAPE_T_0667c8a5a6bd46ca80ed3f68007d2f5f_ShapePercentage" hidden="1"/>
          <p:cNvSpPr/>
          <p:nvPr>
            <p:custDataLst>
              <p:tags r:id="rId55"/>
            </p:custDataLst>
          </p:nvPr>
        </p:nvSpPr>
        <p:spPr>
          <a:xfrm>
            <a:off x="2017384" y="482324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94" name="OTLSHAPE_T_0667c8a5a6bd46ca80ed3f68007d2f5f_Duration" hidden="1"/>
          <p:cNvSpPr txBox="1"/>
          <p:nvPr>
            <p:custDataLst>
              <p:tags r:id="rId56"/>
            </p:custDataLst>
          </p:nvPr>
        </p:nvSpPr>
        <p:spPr>
          <a:xfrm>
            <a:off x="0" y="475433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95" name="OTLSHAPE_T_0667c8a5a6bd46ca80ed3f68007d2f5f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9093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96" name="OTLSHAPE_T_0667c8a5a6bd46ca80ed3f68007d2f5f_StartDate" hidden="1"/>
          <p:cNvSpPr txBox="1"/>
          <p:nvPr>
            <p:custDataLst>
              <p:tags r:id="rId58"/>
            </p:custDataLst>
          </p:nvPr>
        </p:nvSpPr>
        <p:spPr>
          <a:xfrm>
            <a:off x="0" y="49093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7" name="OTLSHAPE_T_0667c8a5a6bd46ca80ed3f68007d2f5f_EndDate" hidden="1"/>
          <p:cNvSpPr txBox="1"/>
          <p:nvPr>
            <p:custDataLst>
              <p:tags r:id="rId59"/>
            </p:custDataLst>
          </p:nvPr>
        </p:nvSpPr>
        <p:spPr>
          <a:xfrm>
            <a:off x="0" y="49093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8" name="OTLSHAPE_T_0667c8a5a6bd46ca80ed3f68007d2f5f_JoinedDate"/>
          <p:cNvSpPr txBox="1"/>
          <p:nvPr>
            <p:custDataLst>
              <p:tags r:id="rId60"/>
            </p:custDataLst>
          </p:nvPr>
        </p:nvSpPr>
        <p:spPr>
          <a:xfrm>
            <a:off x="2118984" y="484733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0/9/2018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9" name="OTLSHAPE_T_0667c8a5a6bd46ca80ed3f68007d2f5f_Title"/>
          <p:cNvSpPr txBox="1"/>
          <p:nvPr>
            <p:custDataLst>
              <p:tags r:id="rId61"/>
            </p:custDataLst>
          </p:nvPr>
        </p:nvSpPr>
        <p:spPr>
          <a:xfrm>
            <a:off x="127000" y="4754330"/>
            <a:ext cx="1739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DI: MEBT controls integration completed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0" name="OTLSHAPE_T_0bd32d06ddd646b58f68b045d16306ee_Shape"/>
          <p:cNvSpPr/>
          <p:nvPr>
            <p:custDataLst>
              <p:tags r:id="rId62"/>
            </p:custDataLst>
          </p:nvPr>
        </p:nvSpPr>
        <p:spPr>
          <a:xfrm>
            <a:off x="2260491" y="5227786"/>
            <a:ext cx="50800" cy="2032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1" name="OTLSHAPE_T_0bd32d06ddd646b58f68b045d16306ee_ShapePercentage" hidden="1"/>
          <p:cNvSpPr/>
          <p:nvPr>
            <p:custDataLst>
              <p:tags r:id="rId63"/>
            </p:custDataLst>
          </p:nvPr>
        </p:nvSpPr>
        <p:spPr>
          <a:xfrm>
            <a:off x="2260491" y="522778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2" name="OTLSHAPE_T_0bd32d06ddd646b58f68b045d16306ee_Duration" hidden="1"/>
          <p:cNvSpPr txBox="1"/>
          <p:nvPr>
            <p:custDataLst>
              <p:tags r:id="rId64"/>
            </p:custDataLst>
          </p:nvPr>
        </p:nvSpPr>
        <p:spPr>
          <a:xfrm>
            <a:off x="0" y="51588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03" name="OTLSHAPE_T_0bd32d06ddd646b58f68b045d16306ee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53138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04" name="OTLSHAPE_T_0bd32d06ddd646b58f68b045d16306ee_StartDate" hidden="1"/>
          <p:cNvSpPr txBox="1"/>
          <p:nvPr>
            <p:custDataLst>
              <p:tags r:id="rId66"/>
            </p:custDataLst>
          </p:nvPr>
        </p:nvSpPr>
        <p:spPr>
          <a:xfrm>
            <a:off x="0" y="53138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05" name="OTLSHAPE_T_0bd32d06ddd646b58f68b045d16306ee_EndDate" hidden="1"/>
          <p:cNvSpPr txBox="1"/>
          <p:nvPr>
            <p:custDataLst>
              <p:tags r:id="rId67"/>
            </p:custDataLst>
          </p:nvPr>
        </p:nvSpPr>
        <p:spPr>
          <a:xfrm>
            <a:off x="0" y="53138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06" name="OTLSHAPE_T_0bd32d06ddd646b58f68b045d16306ee_JoinedDate"/>
          <p:cNvSpPr txBox="1"/>
          <p:nvPr>
            <p:custDataLst>
              <p:tags r:id="rId68"/>
            </p:custDataLst>
          </p:nvPr>
        </p:nvSpPr>
        <p:spPr>
          <a:xfrm>
            <a:off x="2362091" y="525187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0/11/2018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07" name="OTLSHAPE_T_0bd32d06ddd646b58f68b045d16306ee_Title"/>
          <p:cNvSpPr txBox="1"/>
          <p:nvPr>
            <p:custDataLst>
              <p:tags r:id="rId69"/>
            </p:custDataLst>
          </p:nvPr>
        </p:nvSpPr>
        <p:spPr>
          <a:xfrm>
            <a:off x="127000" y="5158867"/>
            <a:ext cx="1638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DI: RFQ controls integration completed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8" name="OTLSHAPE_T_3c87f69a0a7449c0ad6c74348e9828b1_Shape"/>
          <p:cNvSpPr/>
          <p:nvPr>
            <p:custDataLst>
              <p:tags r:id="rId70"/>
            </p:custDataLst>
          </p:nvPr>
        </p:nvSpPr>
        <p:spPr>
          <a:xfrm>
            <a:off x="2384037" y="5632323"/>
            <a:ext cx="114300" cy="2032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9" name="OTLSHAPE_T_3c87f69a0a7449c0ad6c74348e9828b1_ShapePercentage" hidden="1"/>
          <p:cNvSpPr/>
          <p:nvPr>
            <p:custDataLst>
              <p:tags r:id="rId71"/>
            </p:custDataLst>
          </p:nvPr>
        </p:nvSpPr>
        <p:spPr>
          <a:xfrm>
            <a:off x="2384037" y="563232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0" name="OTLSHAPE_T_3c87f69a0a7449c0ad6c74348e9828b1_Duration" hidden="1"/>
          <p:cNvSpPr txBox="1"/>
          <p:nvPr>
            <p:custDataLst>
              <p:tags r:id="rId72"/>
            </p:custDataLst>
          </p:nvPr>
        </p:nvSpPr>
        <p:spPr>
          <a:xfrm>
            <a:off x="0" y="556340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26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11" name="OTLSHAPE_T_3c87f69a0a7449c0ad6c74348e9828b1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5718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12" name="OTLSHAPE_T_3c87f69a0a7449c0ad6c74348e9828b1_StartDate" hidden="1"/>
          <p:cNvSpPr txBox="1"/>
          <p:nvPr>
            <p:custDataLst>
              <p:tags r:id="rId74"/>
            </p:custDataLst>
          </p:nvPr>
        </p:nvSpPr>
        <p:spPr>
          <a:xfrm>
            <a:off x="0" y="5718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13" name="OTLSHAPE_T_3c87f69a0a7449c0ad6c74348e9828b1_EndDate" hidden="1"/>
          <p:cNvSpPr txBox="1"/>
          <p:nvPr>
            <p:custDataLst>
              <p:tags r:id="rId75"/>
            </p:custDataLst>
          </p:nvPr>
        </p:nvSpPr>
        <p:spPr>
          <a:xfrm>
            <a:off x="0" y="5718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14" name="OTLSHAPE_T_3c87f69a0a7449c0ad6c74348e9828b1_JoinedDate"/>
          <p:cNvSpPr txBox="1"/>
          <p:nvPr>
            <p:custDataLst>
              <p:tags r:id="rId76"/>
            </p:custDataLst>
          </p:nvPr>
        </p:nvSpPr>
        <p:spPr>
          <a:xfrm>
            <a:off x="2538453" y="565641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31/12/2018 - 25/1/2019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15" name="OTLSHAPE_T_3c87f69a0a7449c0ad6c74348e9828b1_Title"/>
          <p:cNvSpPr txBox="1"/>
          <p:nvPr>
            <p:custDataLst>
              <p:tags r:id="rId77"/>
            </p:custDataLst>
          </p:nvPr>
        </p:nvSpPr>
        <p:spPr>
          <a:xfrm>
            <a:off x="127000" y="5563404"/>
            <a:ext cx="217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I: Timing System sequencer and BIS programmed integrated for ISrc+LEBT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6" name="OTLSHAPE_T_b2ede02d51ad42f29a03f5cb225d2bbc_Shape"/>
          <p:cNvSpPr/>
          <p:nvPr>
            <p:custDataLst>
              <p:tags r:id="rId78"/>
            </p:custDataLst>
          </p:nvPr>
        </p:nvSpPr>
        <p:spPr>
          <a:xfrm>
            <a:off x="2746705" y="5967942"/>
            <a:ext cx="50800" cy="2032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7" name="OTLSHAPE_T_b2ede02d51ad42f29a03f5cb225d2bbc_ShapePercentage" hidden="1"/>
          <p:cNvSpPr/>
          <p:nvPr>
            <p:custDataLst>
              <p:tags r:id="rId79"/>
            </p:custDataLst>
          </p:nvPr>
        </p:nvSpPr>
        <p:spPr>
          <a:xfrm>
            <a:off x="2746705" y="596794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8" name="OTLSHAPE_T_b2ede02d51ad42f29a03f5cb225d2bbc_Duration" hidden="1"/>
          <p:cNvSpPr txBox="1"/>
          <p:nvPr>
            <p:custDataLst>
              <p:tags r:id="rId80"/>
            </p:custDataLst>
          </p:nvPr>
        </p:nvSpPr>
        <p:spPr>
          <a:xfrm>
            <a:off x="0" y="596794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19" name="OTLSHAPE_T_b2ede02d51ad42f29a03f5cb225d2bbc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61229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20" name="OTLSHAPE_T_b2ede02d51ad42f29a03f5cb225d2bbc_StartDate" hidden="1"/>
          <p:cNvSpPr txBox="1"/>
          <p:nvPr>
            <p:custDataLst>
              <p:tags r:id="rId82"/>
            </p:custDataLst>
          </p:nvPr>
        </p:nvSpPr>
        <p:spPr>
          <a:xfrm>
            <a:off x="0" y="61229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21" name="OTLSHAPE_T_b2ede02d51ad42f29a03f5cb225d2bbc_EndDate" hidden="1"/>
          <p:cNvSpPr txBox="1"/>
          <p:nvPr>
            <p:custDataLst>
              <p:tags r:id="rId83"/>
            </p:custDataLst>
          </p:nvPr>
        </p:nvSpPr>
        <p:spPr>
          <a:xfrm>
            <a:off x="0" y="61229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22" name="OTLSHAPE_T_b2ede02d51ad42f29a03f5cb225d2bbc_JoinedDate"/>
          <p:cNvSpPr txBox="1"/>
          <p:nvPr>
            <p:custDataLst>
              <p:tags r:id="rId84"/>
            </p:custDataLst>
          </p:nvPr>
        </p:nvSpPr>
        <p:spPr>
          <a:xfrm>
            <a:off x="2848305" y="599202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/4/2019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23" name="OTLSHAPE_T_b2ede02d51ad42f29a03f5cb225d2bbc_Title"/>
          <p:cNvSpPr txBox="1"/>
          <p:nvPr>
            <p:custDataLst>
              <p:tags r:id="rId85"/>
            </p:custDataLst>
          </p:nvPr>
        </p:nvSpPr>
        <p:spPr>
          <a:xfrm>
            <a:off x="127000" y="5984282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I: DTL controls integration completed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5" name="OTLSHAPE_T_b66e31befbba4667b686b492e264b5f2_ShapePercentage" hidden="1"/>
          <p:cNvSpPr/>
          <p:nvPr>
            <p:custDataLst>
              <p:tags r:id="rId86"/>
            </p:custDataLst>
          </p:nvPr>
        </p:nvSpPr>
        <p:spPr>
          <a:xfrm>
            <a:off x="4444469" y="623464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6" name="OTLSHAPE_T_b66e31befbba4667b686b492e264b5f2_Duration" hidden="1"/>
          <p:cNvSpPr txBox="1"/>
          <p:nvPr>
            <p:custDataLst>
              <p:tags r:id="rId87"/>
            </p:custDataLst>
          </p:nvPr>
        </p:nvSpPr>
        <p:spPr>
          <a:xfrm>
            <a:off x="0" y="62346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27" name="OTLSHAPE_T_b66e31befbba4667b686b492e264b5f2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63896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28" name="OTLSHAPE_T_b66e31befbba4667b686b492e264b5f2_StartDate" hidden="1"/>
          <p:cNvSpPr txBox="1"/>
          <p:nvPr>
            <p:custDataLst>
              <p:tags r:id="rId89"/>
            </p:custDataLst>
          </p:nvPr>
        </p:nvSpPr>
        <p:spPr>
          <a:xfrm>
            <a:off x="0" y="63896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29" name="OTLSHAPE_T_b66e31befbba4667b686b492e264b5f2_EndDate" hidden="1"/>
          <p:cNvSpPr txBox="1"/>
          <p:nvPr>
            <p:custDataLst>
              <p:tags r:id="rId90"/>
            </p:custDataLst>
          </p:nvPr>
        </p:nvSpPr>
        <p:spPr>
          <a:xfrm>
            <a:off x="0" y="63896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5" name="Rectangle 4"/>
          <p:cNvSpPr/>
          <p:nvPr/>
        </p:nvSpPr>
        <p:spPr>
          <a:xfrm>
            <a:off x="457200" y="6237312"/>
            <a:ext cx="5562600" cy="38523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963" name="OTLSHAPE_T_b66e31befbba4667b686b492e264b5f2_HorizontalConnector1"/>
          <p:cNvCxnSpPr/>
          <p:nvPr>
            <p:custDataLst>
              <p:tags r:id="rId91"/>
            </p:custDataLst>
          </p:nvPr>
        </p:nvCxnSpPr>
        <p:spPr>
          <a:xfrm>
            <a:off x="2362370" y="6336242"/>
            <a:ext cx="208209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4" name="OTLSHAPE_T_b66e31befbba4667b686b492e264b5f2_Shape"/>
          <p:cNvSpPr/>
          <p:nvPr>
            <p:custDataLst>
              <p:tags r:id="rId92"/>
            </p:custDataLst>
          </p:nvPr>
        </p:nvSpPr>
        <p:spPr>
          <a:xfrm>
            <a:off x="4444469" y="6234642"/>
            <a:ext cx="88900" cy="2032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0" name="OTLSHAPE_T_b66e31befbba4667b686b492e264b5f2_JoinedDate"/>
          <p:cNvSpPr txBox="1"/>
          <p:nvPr>
            <p:custDataLst>
              <p:tags r:id="rId93"/>
            </p:custDataLst>
          </p:nvPr>
        </p:nvSpPr>
        <p:spPr>
          <a:xfrm>
            <a:off x="4574973" y="625872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31/5/2020 - 19/6/2020</a:t>
            </a:r>
            <a:endParaRPr lang="en-GB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31" name="OTLSHAPE_T_b66e31befbba4667b686b492e264b5f2_Title"/>
          <p:cNvSpPr txBox="1"/>
          <p:nvPr>
            <p:custDataLst>
              <p:tags r:id="rId94"/>
            </p:custDataLst>
          </p:nvPr>
        </p:nvSpPr>
        <p:spPr>
          <a:xfrm>
            <a:off x="127000" y="6250982"/>
            <a:ext cx="224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I: D02 technical network in operation</a:t>
            </a:r>
            <a:endParaRPr lang="en-GB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030964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ritical/key </a:t>
            </a:r>
            <a:r>
              <a:rPr lang="en-US" dirty="0"/>
              <a:t>In-Kind </a:t>
            </a:r>
            <a:r>
              <a:rPr lang="en-US" dirty="0" smtClean="0"/>
              <a:t>Deliverie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3</a:t>
            </a:fld>
            <a:endParaRPr lang="en-GB" noProof="0"/>
          </a:p>
        </p:txBody>
      </p:sp>
      <p:graphicFrame>
        <p:nvGraphicFramePr>
          <p:cNvPr id="7" name="Object 6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228754151"/>
              </p:ext>
            </p:extLst>
          </p:nvPr>
        </p:nvGraphicFramePr>
        <p:xfrm>
          <a:off x="2057400" y="4653136"/>
          <a:ext cx="5029200" cy="14351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54" name="Worksheet" r:id="rId3" imgW="5029200" imgH="1435100" progId="Excel.Sheet.12">
                  <p:embed/>
                </p:oleObj>
              </mc:Choice>
              <mc:Fallback>
                <p:oleObj name="Worksheet" r:id="rId3" imgW="5029200" imgH="1435100" progId="Excel.Sheet.12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2057400" y="4653136"/>
                        <a:ext cx="5029200" cy="14351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958" y="1844824"/>
            <a:ext cx="6932085" cy="16412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8931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36" name="OTLSHAPE_T_0bd32d06ddd646b58f68b045d16306ee_HorizontalConnector1"/>
          <p:cNvCxnSpPr/>
          <p:nvPr>
            <p:custDataLst>
              <p:tags r:id="rId2"/>
            </p:custDataLst>
          </p:nvPr>
        </p:nvCxnSpPr>
        <p:spPr>
          <a:xfrm>
            <a:off x="2201883" y="5703104"/>
            <a:ext cx="190124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5" name="OTLSHAPE_T_27d6eeb1f5544aed9485293fb67655c2_HorizontalConnector1"/>
          <p:cNvCxnSpPr/>
          <p:nvPr>
            <p:custDataLst>
              <p:tags r:id="rId3"/>
            </p:custDataLst>
          </p:nvPr>
        </p:nvCxnSpPr>
        <p:spPr>
          <a:xfrm>
            <a:off x="1496864" y="4467733"/>
            <a:ext cx="161837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4" name="OTLSHAPE_M_29dcd6a3a34f462bb5d6347c3cd50015_Connector1"/>
          <p:cNvCxnSpPr/>
          <p:nvPr>
            <p:custDataLst>
              <p:tags r:id="rId4"/>
            </p:custDataLst>
          </p:nvPr>
        </p:nvCxnSpPr>
        <p:spPr>
          <a:xfrm>
            <a:off x="7364115" y="2396847"/>
            <a:ext cx="0" cy="651153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3" name="OTLSHAPE_M_f018024e23794a32a498724c1aab7805_Connector1"/>
          <p:cNvCxnSpPr/>
          <p:nvPr>
            <p:custDataLst>
              <p:tags r:id="rId5"/>
            </p:custDataLst>
          </p:nvPr>
        </p:nvCxnSpPr>
        <p:spPr>
          <a:xfrm>
            <a:off x="6814134" y="1645559"/>
            <a:ext cx="0" cy="1402441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2" name="OTLSHAPE_M_dbac457e2bc54858bc73d63d0f6c063e_Connector1"/>
          <p:cNvCxnSpPr/>
          <p:nvPr>
            <p:custDataLst>
              <p:tags r:id="rId6"/>
            </p:custDataLst>
          </p:nvPr>
        </p:nvCxnSpPr>
        <p:spPr>
          <a:xfrm>
            <a:off x="5184122" y="1776323"/>
            <a:ext cx="0" cy="1271677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1" name="OTLSHAPE_M_fe372e646f32449d858d34b98ad4e13e_Connector1"/>
          <p:cNvCxnSpPr/>
          <p:nvPr>
            <p:custDataLst>
              <p:tags r:id="rId7"/>
            </p:custDataLst>
          </p:nvPr>
        </p:nvCxnSpPr>
        <p:spPr>
          <a:xfrm>
            <a:off x="2350533" y="2520569"/>
            <a:ext cx="0" cy="527431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9" name="Title 74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Key integration milestones </a:t>
            </a:r>
            <a:r>
              <a:rPr lang="en-GB" sz="1800" dirty="0" smtClean="0"/>
              <a:t>(1)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B388BF-AB3F-40D8-8F8C-3BD29AC87C6D}" type="slidenum">
              <a:rPr lang="en-GB" smtClean="0"/>
              <a:t>24</a:t>
            </a:fld>
            <a:endParaRPr lang="en-GB"/>
          </a:p>
        </p:txBody>
      </p:sp>
      <p:sp>
        <p:nvSpPr>
          <p:cNvPr id="1316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17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18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9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933365" y="3352800"/>
            <a:ext cx="495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0" name="OTLSHAPE_TB_00000000000000000000000000000000_TodayMarkerShape"/>
          <p:cNvSpPr/>
          <p:nvPr>
            <p:custDataLst>
              <p:tags r:id="rId12"/>
            </p:custDataLst>
          </p:nvPr>
        </p:nvSpPr>
        <p:spPr>
          <a:xfrm>
            <a:off x="1371249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1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124554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2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9686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23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238802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4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245152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25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3842679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6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390617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27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530132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8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5364821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29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675597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6819478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37" name="OTLSHAPE_M_fe372e646f32449d858d34b98ad4e13e_Title"/>
          <p:cNvSpPr txBox="1"/>
          <p:nvPr>
            <p:custDataLst>
              <p:tags r:id="rId23"/>
            </p:custDataLst>
          </p:nvPr>
        </p:nvSpPr>
        <p:spPr>
          <a:xfrm>
            <a:off x="2572783" y="2323338"/>
            <a:ext cx="2298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MS L1: ICS components ready for initial operations independently </a:t>
            </a:r>
            <a:endParaRPr lang="en-GB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38" name="OTLSHAPE_M_fe372e646f32449d858d34b98ad4e13e_Date"/>
          <p:cNvSpPr txBox="1"/>
          <p:nvPr>
            <p:custDataLst>
              <p:tags r:id="rId24"/>
            </p:custDataLst>
          </p:nvPr>
        </p:nvSpPr>
        <p:spPr>
          <a:xfrm>
            <a:off x="2572783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1/12/2018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39" name="OTLSHAPE_M_fe372e646f32449d858d34b98ad4e13e_Shape"/>
          <p:cNvSpPr/>
          <p:nvPr>
            <p:custDataLst>
              <p:tags r:id="rId25"/>
            </p:custDataLst>
          </p:nvPr>
        </p:nvSpPr>
        <p:spPr>
          <a:xfrm rot="16200000">
            <a:off x="2375933" y="252056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40" name="OTLSHAPE_M_dbac457e2bc54858bc73d63d0f6c063e_Title"/>
          <p:cNvSpPr txBox="1"/>
          <p:nvPr>
            <p:custDataLst>
              <p:tags r:id="rId26"/>
            </p:custDataLst>
          </p:nvPr>
        </p:nvSpPr>
        <p:spPr>
          <a:xfrm>
            <a:off x="5406372" y="1493833"/>
            <a:ext cx="990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Accelerator ready for BoD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1" name="OTLSHAPE_M_dbac457e2bc54858bc73d63d0f6c063e_Date"/>
          <p:cNvSpPr txBox="1"/>
          <p:nvPr>
            <p:custDataLst>
              <p:tags r:id="rId27"/>
            </p:custDataLst>
          </p:nvPr>
        </p:nvSpPr>
        <p:spPr>
          <a:xfrm>
            <a:off x="5406372" y="20180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0/11/2020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42" name="OTLSHAPE_M_dbac457e2bc54858bc73d63d0f6c063e_Shape"/>
          <p:cNvSpPr/>
          <p:nvPr>
            <p:custDataLst>
              <p:tags r:id="rId28"/>
            </p:custDataLst>
          </p:nvPr>
        </p:nvSpPr>
        <p:spPr>
          <a:xfrm rot="16200000">
            <a:off x="5209522" y="1776323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43" name="OTLSHAPE_M_f018024e23794a32a498724c1aab7805_Title"/>
          <p:cNvSpPr txBox="1"/>
          <p:nvPr>
            <p:custDataLst>
              <p:tags r:id="rId29"/>
            </p:custDataLst>
          </p:nvPr>
        </p:nvSpPr>
        <p:spPr>
          <a:xfrm>
            <a:off x="7036384" y="1448328"/>
            <a:ext cx="194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arget ready for BoT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4" name="OTLSHAPE_M_f018024e23794a32a498724c1aab7805_Date"/>
          <p:cNvSpPr txBox="1"/>
          <p:nvPr>
            <p:custDataLst>
              <p:tags r:id="rId30"/>
            </p:custDataLst>
          </p:nvPr>
        </p:nvSpPr>
        <p:spPr>
          <a:xfrm>
            <a:off x="7036384" y="1802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3/01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45" name="OTLSHAPE_M_f018024e23794a32a498724c1aab7805_Shape"/>
          <p:cNvSpPr/>
          <p:nvPr>
            <p:custDataLst>
              <p:tags r:id="rId31"/>
            </p:custDataLst>
          </p:nvPr>
        </p:nvSpPr>
        <p:spPr>
          <a:xfrm rot="16200000">
            <a:off x="6839534" y="164555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46" name="OTLSHAPE_M_29dcd6a3a34f462bb5d6347c3cd50015_Title"/>
          <p:cNvSpPr txBox="1"/>
          <p:nvPr>
            <p:custDataLst>
              <p:tags r:id="rId32"/>
            </p:custDataLst>
          </p:nvPr>
        </p:nvSpPr>
        <p:spPr>
          <a:xfrm>
            <a:off x="7586365" y="2029097"/>
            <a:ext cx="14605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est beamline and Bunker ready for hot commissioning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7" name="OTLSHAPE_M_29dcd6a3a34f462bb5d6347c3cd50015_Date"/>
          <p:cNvSpPr txBox="1"/>
          <p:nvPr>
            <p:custDataLst>
              <p:tags r:id="rId33"/>
            </p:custDataLst>
          </p:nvPr>
        </p:nvSpPr>
        <p:spPr>
          <a:xfrm>
            <a:off x="7586365" y="272387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1/05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48" name="OTLSHAPE_M_29dcd6a3a34f462bb5d6347c3cd50015_Shape"/>
          <p:cNvSpPr/>
          <p:nvPr>
            <p:custDataLst>
              <p:tags r:id="rId34"/>
            </p:custDataLst>
          </p:nvPr>
        </p:nvSpPr>
        <p:spPr>
          <a:xfrm rot="16200000">
            <a:off x="7389515" y="2396847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49" name="OTLSHAPE_T_7590a7899b634658a341eaa25e791eca_Shape"/>
          <p:cNvSpPr/>
          <p:nvPr>
            <p:custDataLst>
              <p:tags r:id="rId35"/>
            </p:custDataLst>
          </p:nvPr>
        </p:nvSpPr>
        <p:spPr>
          <a:xfrm>
            <a:off x="1539137" y="3945255"/>
            <a:ext cx="50800" cy="203200"/>
          </a:xfrm>
          <a:prstGeom prst="roundRect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0" name="OTLSHAPE_T_7590a7899b634658a341eaa25e791eca_ShapePercentage" hidden="1"/>
          <p:cNvSpPr/>
          <p:nvPr>
            <p:custDataLst>
              <p:tags r:id="rId36"/>
            </p:custDataLst>
          </p:nvPr>
        </p:nvSpPr>
        <p:spPr>
          <a:xfrm>
            <a:off x="1539137" y="39452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1" name="OTLSHAPE_T_7590a7899b634658a341eaa25e791eca_Duration" hidden="1"/>
          <p:cNvSpPr txBox="1"/>
          <p:nvPr>
            <p:custDataLst>
              <p:tags r:id="rId37"/>
            </p:custDataLst>
          </p:nvPr>
        </p:nvSpPr>
        <p:spPr>
          <a:xfrm>
            <a:off x="0" y="3945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0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52" name="OTLSHAPE_T_7590a7899b634658a341eaa25e791eca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53" name="OTLSHAPE_T_7590a7899b634658a341eaa25e791eca_StartDate" hidden="1"/>
          <p:cNvSpPr txBox="1"/>
          <p:nvPr>
            <p:custDataLst>
              <p:tags r:id="rId3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54" name="OTLSHAPE_T_7590a7899b634658a341eaa25e791eca_EndDate" hidden="1"/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55" name="OTLSHAPE_T_7590a7899b634658a341eaa25e791eca_JoinedDate"/>
          <p:cNvSpPr txBox="1"/>
          <p:nvPr>
            <p:custDataLst>
              <p:tags r:id="rId41"/>
            </p:custDataLst>
          </p:nvPr>
        </p:nvSpPr>
        <p:spPr>
          <a:xfrm>
            <a:off x="1640737" y="39693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/6/2018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56" name="OTLSHAPE_T_7590a7899b634658a341eaa25e791eca_Title"/>
          <p:cNvSpPr txBox="1"/>
          <p:nvPr>
            <p:custDataLst>
              <p:tags r:id="rId42"/>
            </p:custDataLst>
          </p:nvPr>
        </p:nvSpPr>
        <p:spPr>
          <a:xfrm>
            <a:off x="127000" y="396159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L1b: PSS-0 complete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57" name="OTLSHAPE_T_27d6eeb1f5544aed9485293fb67655c2_Shape"/>
          <p:cNvSpPr/>
          <p:nvPr>
            <p:custDataLst>
              <p:tags r:id="rId43"/>
            </p:custDataLst>
          </p:nvPr>
        </p:nvSpPr>
        <p:spPr>
          <a:xfrm>
            <a:off x="1658701" y="4366133"/>
            <a:ext cx="266700" cy="203200"/>
          </a:xfrm>
          <a:prstGeom prst="round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8" name="OTLSHAPE_T_27d6eeb1f5544aed9485293fb67655c2_ShapePercentage" hidden="1"/>
          <p:cNvSpPr/>
          <p:nvPr>
            <p:custDataLst>
              <p:tags r:id="rId44"/>
            </p:custDataLst>
          </p:nvPr>
        </p:nvSpPr>
        <p:spPr>
          <a:xfrm>
            <a:off x="1658701" y="436613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9" name="OTLSHAPE_T_27d6eeb1f5544aed9485293fb67655c2_Duration" hidden="1"/>
          <p:cNvSpPr txBox="1"/>
          <p:nvPr>
            <p:custDataLst>
              <p:tags r:id="rId45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64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60" name="OTLSHAPE_T_27d6eeb1f5544aed9485293fb67655c2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61" name="OTLSHAPE_T_27d6eeb1f5544aed9485293fb67655c2_StartDate" hidden="1"/>
          <p:cNvSpPr txBox="1"/>
          <p:nvPr>
            <p:custDataLst>
              <p:tags r:id="rId4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62" name="OTLSHAPE_T_27d6eeb1f5544aed9485293fb67655c2_EndDate" hidden="1"/>
          <p:cNvSpPr txBox="1"/>
          <p:nvPr>
            <p:custDataLst>
              <p:tags r:id="rId4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63" name="OTLSHAPE_T_27d6eeb1f5544aed9485293fb67655c2_JoinedDate"/>
          <p:cNvSpPr txBox="1"/>
          <p:nvPr>
            <p:custDataLst>
              <p:tags r:id="rId49"/>
            </p:custDataLst>
          </p:nvPr>
        </p:nvSpPr>
        <p:spPr>
          <a:xfrm>
            <a:off x="1964561" y="4390221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2/7/2018 - 3/9/2018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64" name="OTLSHAPE_T_27d6eeb1f5544aed9485293fb67655c2_Title"/>
          <p:cNvSpPr txBox="1"/>
          <p:nvPr>
            <p:custDataLst>
              <p:tags r:id="rId50"/>
            </p:custDataLst>
          </p:nvPr>
        </p:nvSpPr>
        <p:spPr>
          <a:xfrm>
            <a:off x="127000" y="4211955"/>
            <a:ext cx="1371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L1b: H01 CUB ready for ESS Server Hall installation start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5" name="OTLSHAPE_T_0667c8a5a6bd46ca80ed3f68007d2f5f_Shape"/>
          <p:cNvSpPr/>
          <p:nvPr>
            <p:custDataLst>
              <p:tags r:id="rId51"/>
            </p:custDataLst>
          </p:nvPr>
        </p:nvSpPr>
        <p:spPr>
          <a:xfrm>
            <a:off x="2144915" y="5026448"/>
            <a:ext cx="215900" cy="203200"/>
          </a:xfrm>
          <a:prstGeom prst="round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6" name="OTLSHAPE_T_0667c8a5a6bd46ca80ed3f68007d2f5f_ShapePercentage" hidden="1"/>
          <p:cNvSpPr/>
          <p:nvPr>
            <p:custDataLst>
              <p:tags r:id="rId52"/>
            </p:custDataLst>
          </p:nvPr>
        </p:nvSpPr>
        <p:spPr>
          <a:xfrm>
            <a:off x="2144915" y="502644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7" name="OTLSHAPE_T_0667c8a5a6bd46ca80ed3f68007d2f5f_Duration" hidden="1"/>
          <p:cNvSpPr txBox="1"/>
          <p:nvPr>
            <p:custDataLst>
              <p:tags r:id="rId53"/>
            </p:custDataLst>
          </p:nvPr>
        </p:nvSpPr>
        <p:spPr>
          <a:xfrm>
            <a:off x="0" y="47870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51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68" name="OTLSHAPE_T_0667c8a5a6bd46ca80ed3f68007d2f5f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49420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69" name="OTLSHAPE_T_0667c8a5a6bd46ca80ed3f68007d2f5f_StartDate" hidden="1"/>
          <p:cNvSpPr txBox="1"/>
          <p:nvPr>
            <p:custDataLst>
              <p:tags r:id="rId55"/>
            </p:custDataLst>
          </p:nvPr>
        </p:nvSpPr>
        <p:spPr>
          <a:xfrm>
            <a:off x="0" y="49420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70" name="OTLSHAPE_T_0667c8a5a6bd46ca80ed3f68007d2f5f_EndDate" hidden="1"/>
          <p:cNvSpPr txBox="1"/>
          <p:nvPr>
            <p:custDataLst>
              <p:tags r:id="rId56"/>
            </p:custDataLst>
          </p:nvPr>
        </p:nvSpPr>
        <p:spPr>
          <a:xfrm>
            <a:off x="0" y="49420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71" name="OTLSHAPE_T_0667c8a5a6bd46ca80ed3f68007d2f5f_JoinedDate"/>
          <p:cNvSpPr txBox="1"/>
          <p:nvPr>
            <p:custDataLst>
              <p:tags r:id="rId57"/>
            </p:custDataLst>
          </p:nvPr>
        </p:nvSpPr>
        <p:spPr>
          <a:xfrm>
            <a:off x="2398966" y="5050536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/11/2018 - 21/12/2018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72" name="OTLSHAPE_T_0667c8a5a6bd46ca80ed3f68007d2f5f_Title"/>
          <p:cNvSpPr txBox="1"/>
          <p:nvPr>
            <p:custDataLst>
              <p:tags r:id="rId58"/>
            </p:custDataLst>
          </p:nvPr>
        </p:nvSpPr>
        <p:spPr>
          <a:xfrm>
            <a:off x="127000" y="4787011"/>
            <a:ext cx="17526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L1b: Electrical power information from CF available for ICS (access to the power scada in H06 clarified)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3" name="OTLSHAPE_T_0bd32d06ddd646b58f68b045d16306ee_Shape"/>
          <p:cNvSpPr/>
          <p:nvPr>
            <p:custDataLst>
              <p:tags r:id="rId59"/>
            </p:custDataLst>
          </p:nvPr>
        </p:nvSpPr>
        <p:spPr>
          <a:xfrm>
            <a:off x="2392007" y="5601504"/>
            <a:ext cx="482600" cy="203200"/>
          </a:xfrm>
          <a:prstGeom prst="roundRect">
            <a:avLst/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4" name="OTLSHAPE_T_0bd32d06ddd646b58f68b045d16306ee_ShapePercentage" hidden="1"/>
          <p:cNvSpPr/>
          <p:nvPr>
            <p:custDataLst>
              <p:tags r:id="rId60"/>
            </p:custDataLst>
          </p:nvPr>
        </p:nvSpPr>
        <p:spPr>
          <a:xfrm>
            <a:off x="2392007" y="560150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5" name="OTLSHAPE_T_0bd32d06ddd646b58f68b045d16306ee_Duration" hidden="1"/>
          <p:cNvSpPr txBox="1"/>
          <p:nvPr>
            <p:custDataLst>
              <p:tags r:id="rId61"/>
            </p:custDataLst>
          </p:nvPr>
        </p:nvSpPr>
        <p:spPr>
          <a:xfrm>
            <a:off x="0" y="553258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120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6" name="OTLSHAPE_T_0bd32d06ddd646b58f68b045d16306ee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56876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7" name="OTLSHAPE_T_0bd32d06ddd646b58f68b045d16306ee_StartDate" hidden="1"/>
          <p:cNvSpPr txBox="1"/>
          <p:nvPr>
            <p:custDataLst>
              <p:tags r:id="rId63"/>
            </p:custDataLst>
          </p:nvPr>
        </p:nvSpPr>
        <p:spPr>
          <a:xfrm>
            <a:off x="0" y="56876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78" name="OTLSHAPE_T_0bd32d06ddd646b58f68b045d16306ee_EndDate" hidden="1"/>
          <p:cNvSpPr txBox="1"/>
          <p:nvPr>
            <p:custDataLst>
              <p:tags r:id="rId64"/>
            </p:custDataLst>
          </p:nvPr>
        </p:nvSpPr>
        <p:spPr>
          <a:xfrm>
            <a:off x="0" y="56876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79" name="OTLSHAPE_T_0bd32d06ddd646b58f68b045d16306ee_JoinedDate"/>
          <p:cNvSpPr txBox="1"/>
          <p:nvPr>
            <p:custDataLst>
              <p:tags r:id="rId65"/>
            </p:custDataLst>
          </p:nvPr>
        </p:nvSpPr>
        <p:spPr>
          <a:xfrm>
            <a:off x="2921048" y="562559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2/1/2019 - 1/5/2019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0" name="OTLSHAPE_T_0bd32d06ddd646b58f68b045d16306ee_Title"/>
          <p:cNvSpPr txBox="1"/>
          <p:nvPr>
            <p:custDataLst>
              <p:tags r:id="rId66"/>
            </p:custDataLst>
          </p:nvPr>
        </p:nvSpPr>
        <p:spPr>
          <a:xfrm>
            <a:off x="127000" y="5532586"/>
            <a:ext cx="2082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L1b: IFC1410/IFC1420 test environment ready for stakeholders</a:t>
            </a:r>
            <a:endParaRPr lang="en-GB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72" name="Rectangle 71"/>
          <p:cNvSpPr/>
          <p:nvPr/>
        </p:nvSpPr>
        <p:spPr>
          <a:xfrm>
            <a:off x="107504" y="5517232"/>
            <a:ext cx="5562600" cy="38523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44634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65" name="OTLSHAPE_T_27d6eeb1f5544aed9485293fb67655c2_HorizontalConnector1"/>
          <p:cNvCxnSpPr/>
          <p:nvPr>
            <p:custDataLst>
              <p:tags r:id="rId2"/>
            </p:custDataLst>
          </p:nvPr>
        </p:nvCxnSpPr>
        <p:spPr>
          <a:xfrm>
            <a:off x="2123872" y="4653136"/>
            <a:ext cx="90000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6" name="OTLSHAPE_T_0bd32d06ddd646b58f68b045d16306ee_HorizontalConnector1"/>
          <p:cNvCxnSpPr/>
          <p:nvPr>
            <p:custDataLst>
              <p:tags r:id="rId3"/>
            </p:custDataLst>
          </p:nvPr>
        </p:nvCxnSpPr>
        <p:spPr>
          <a:xfrm>
            <a:off x="3080936" y="5138970"/>
            <a:ext cx="140027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5" name="OTLSHAPE_T_27d6eeb1f5544aed9485293fb67655c2_HorizontalConnector1"/>
          <p:cNvCxnSpPr/>
          <p:nvPr>
            <p:custDataLst>
              <p:tags r:id="rId4"/>
            </p:custDataLst>
          </p:nvPr>
        </p:nvCxnSpPr>
        <p:spPr>
          <a:xfrm>
            <a:off x="1629452" y="4313555"/>
            <a:ext cx="1424125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4" name="OTLSHAPE_M_29dcd6a3a34f462bb5d6347c3cd50015_Connector1"/>
          <p:cNvCxnSpPr/>
          <p:nvPr>
            <p:custDataLst>
              <p:tags r:id="rId5"/>
            </p:custDataLst>
          </p:nvPr>
        </p:nvCxnSpPr>
        <p:spPr>
          <a:xfrm>
            <a:off x="7364115" y="2396847"/>
            <a:ext cx="0" cy="651153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3" name="OTLSHAPE_M_f018024e23794a32a498724c1aab7805_Connector1"/>
          <p:cNvCxnSpPr/>
          <p:nvPr>
            <p:custDataLst>
              <p:tags r:id="rId6"/>
            </p:custDataLst>
          </p:nvPr>
        </p:nvCxnSpPr>
        <p:spPr>
          <a:xfrm>
            <a:off x="6814134" y="1645559"/>
            <a:ext cx="0" cy="1402441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2" name="OTLSHAPE_M_dbac457e2bc54858bc73d63d0f6c063e_Connector1"/>
          <p:cNvCxnSpPr/>
          <p:nvPr>
            <p:custDataLst>
              <p:tags r:id="rId7"/>
            </p:custDataLst>
          </p:nvPr>
        </p:nvCxnSpPr>
        <p:spPr>
          <a:xfrm>
            <a:off x="5184122" y="1776323"/>
            <a:ext cx="0" cy="1271677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1" name="OTLSHAPE_M_fe372e646f32449d858d34b98ad4e13e_Connector1"/>
          <p:cNvCxnSpPr/>
          <p:nvPr>
            <p:custDataLst>
              <p:tags r:id="rId8"/>
            </p:custDataLst>
          </p:nvPr>
        </p:nvCxnSpPr>
        <p:spPr>
          <a:xfrm>
            <a:off x="2350533" y="2520569"/>
            <a:ext cx="0" cy="527431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9" name="Title 74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Key integration milestones </a:t>
            </a:r>
            <a:r>
              <a:rPr lang="en-GB" sz="1800" dirty="0" smtClean="0"/>
              <a:t>(2)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B388BF-AB3F-40D8-8F8C-3BD29AC87C6D}" type="slidenum">
              <a:rPr lang="en-GB" smtClean="0"/>
              <a:t>25</a:t>
            </a:fld>
            <a:endParaRPr lang="en-GB"/>
          </a:p>
        </p:txBody>
      </p:sp>
      <p:sp>
        <p:nvSpPr>
          <p:cNvPr id="1416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17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18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19" name="OTLSHAPE_TB_00000000000000000000000000000000_ElapsedTime"/>
          <p:cNvSpPr/>
          <p:nvPr>
            <p:custDataLst>
              <p:tags r:id="rId12"/>
            </p:custDataLst>
          </p:nvPr>
        </p:nvSpPr>
        <p:spPr>
          <a:xfrm>
            <a:off x="933365" y="3352800"/>
            <a:ext cx="495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20" name="OTLSHAPE_TB_00000000000000000000000000000000_TodayMarkerShape"/>
          <p:cNvSpPr/>
          <p:nvPr>
            <p:custDataLst>
              <p:tags r:id="rId13"/>
            </p:custDataLst>
          </p:nvPr>
        </p:nvSpPr>
        <p:spPr>
          <a:xfrm>
            <a:off x="1371280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21" name="OTLSHAPE_TB_00000000000000000000000000000000_TodayMarkerText"/>
          <p:cNvSpPr txBox="1"/>
          <p:nvPr>
            <p:custDataLst>
              <p:tags r:id="rId14"/>
            </p:custDataLst>
          </p:nvPr>
        </p:nvSpPr>
        <p:spPr>
          <a:xfrm>
            <a:off x="1245580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22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99686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23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238802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4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245152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25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3842679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6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390617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27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530132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8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5364821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29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675597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0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6819478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37" name="OTLSHAPE_M_fe372e646f32449d858d34b98ad4e13e_Title"/>
          <p:cNvSpPr txBox="1"/>
          <p:nvPr>
            <p:custDataLst>
              <p:tags r:id="rId24"/>
            </p:custDataLst>
          </p:nvPr>
        </p:nvSpPr>
        <p:spPr>
          <a:xfrm>
            <a:off x="2572783" y="2323338"/>
            <a:ext cx="2298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components ready for initial operations independently 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38" name="OTLSHAPE_M_fe372e646f32449d858d34b98ad4e13e_Date"/>
          <p:cNvSpPr txBox="1"/>
          <p:nvPr>
            <p:custDataLst>
              <p:tags r:id="rId25"/>
            </p:custDataLst>
          </p:nvPr>
        </p:nvSpPr>
        <p:spPr>
          <a:xfrm>
            <a:off x="2572783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1/12/2018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39" name="OTLSHAPE_M_fe372e646f32449d858d34b98ad4e13e_Shape"/>
          <p:cNvSpPr/>
          <p:nvPr>
            <p:custDataLst>
              <p:tags r:id="rId26"/>
            </p:custDataLst>
          </p:nvPr>
        </p:nvSpPr>
        <p:spPr>
          <a:xfrm rot="16200000">
            <a:off x="2375933" y="252056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0" name="OTLSHAPE_M_dbac457e2bc54858bc73d63d0f6c063e_Title"/>
          <p:cNvSpPr txBox="1"/>
          <p:nvPr>
            <p:custDataLst>
              <p:tags r:id="rId27"/>
            </p:custDataLst>
          </p:nvPr>
        </p:nvSpPr>
        <p:spPr>
          <a:xfrm>
            <a:off x="5406372" y="1493833"/>
            <a:ext cx="990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Accelerator ready for </a:t>
            </a:r>
            <a:r>
              <a:rPr lang="en-GB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BoD</a:t>
            </a:r>
            <a:endParaRPr lang="en-GB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41" name="OTLSHAPE_M_dbac457e2bc54858bc73d63d0f6c063e_Date"/>
          <p:cNvSpPr txBox="1"/>
          <p:nvPr>
            <p:custDataLst>
              <p:tags r:id="rId28"/>
            </p:custDataLst>
          </p:nvPr>
        </p:nvSpPr>
        <p:spPr>
          <a:xfrm>
            <a:off x="5406372" y="20180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0/11/2020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42" name="OTLSHAPE_M_dbac457e2bc54858bc73d63d0f6c063e_Shape"/>
          <p:cNvSpPr/>
          <p:nvPr>
            <p:custDataLst>
              <p:tags r:id="rId29"/>
            </p:custDataLst>
          </p:nvPr>
        </p:nvSpPr>
        <p:spPr>
          <a:xfrm rot="16200000">
            <a:off x="5209522" y="1776323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3" name="OTLSHAPE_M_f018024e23794a32a498724c1aab7805_Title"/>
          <p:cNvSpPr txBox="1"/>
          <p:nvPr>
            <p:custDataLst>
              <p:tags r:id="rId30"/>
            </p:custDataLst>
          </p:nvPr>
        </p:nvSpPr>
        <p:spPr>
          <a:xfrm>
            <a:off x="7036384" y="1448328"/>
            <a:ext cx="194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arget ready for BoT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44" name="OTLSHAPE_M_f018024e23794a32a498724c1aab7805_Date"/>
          <p:cNvSpPr txBox="1"/>
          <p:nvPr>
            <p:custDataLst>
              <p:tags r:id="rId31"/>
            </p:custDataLst>
          </p:nvPr>
        </p:nvSpPr>
        <p:spPr>
          <a:xfrm>
            <a:off x="7036384" y="1802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3/01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45" name="OTLSHAPE_M_f018024e23794a32a498724c1aab7805_Shape"/>
          <p:cNvSpPr/>
          <p:nvPr>
            <p:custDataLst>
              <p:tags r:id="rId32"/>
            </p:custDataLst>
          </p:nvPr>
        </p:nvSpPr>
        <p:spPr>
          <a:xfrm rot="16200000">
            <a:off x="6839534" y="164555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6" name="OTLSHAPE_M_29dcd6a3a34f462bb5d6347c3cd50015_Title"/>
          <p:cNvSpPr txBox="1"/>
          <p:nvPr>
            <p:custDataLst>
              <p:tags r:id="rId33"/>
            </p:custDataLst>
          </p:nvPr>
        </p:nvSpPr>
        <p:spPr>
          <a:xfrm>
            <a:off x="7586365" y="2029097"/>
            <a:ext cx="14605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est beamline and Bunker ready for hot commissioning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47" name="OTLSHAPE_M_29dcd6a3a34f462bb5d6347c3cd50015_Date"/>
          <p:cNvSpPr txBox="1"/>
          <p:nvPr>
            <p:custDataLst>
              <p:tags r:id="rId34"/>
            </p:custDataLst>
          </p:nvPr>
        </p:nvSpPr>
        <p:spPr>
          <a:xfrm>
            <a:off x="7586365" y="272387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1/05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48" name="OTLSHAPE_M_29dcd6a3a34f462bb5d6347c3cd50015_Shape"/>
          <p:cNvSpPr/>
          <p:nvPr>
            <p:custDataLst>
              <p:tags r:id="rId35"/>
            </p:custDataLst>
          </p:nvPr>
        </p:nvSpPr>
        <p:spPr>
          <a:xfrm rot="16200000">
            <a:off x="7389515" y="2396847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9" name="OTLSHAPE_T_7590a7899b634658a341eaa25e791eca_Shape"/>
          <p:cNvSpPr/>
          <p:nvPr>
            <p:custDataLst>
              <p:tags r:id="rId36"/>
            </p:custDataLst>
          </p:nvPr>
        </p:nvSpPr>
        <p:spPr>
          <a:xfrm>
            <a:off x="2527507" y="3945255"/>
            <a:ext cx="228600" cy="203200"/>
          </a:xfrm>
          <a:prstGeom prst="roundRect">
            <a:avLst/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0" name="OTLSHAPE_T_7590a7899b634658a341eaa25e791eca_ShapePercentage" hidden="1"/>
          <p:cNvSpPr/>
          <p:nvPr>
            <p:custDataLst>
              <p:tags r:id="rId37"/>
            </p:custDataLst>
          </p:nvPr>
        </p:nvSpPr>
        <p:spPr>
          <a:xfrm>
            <a:off x="2527507" y="39452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1" name="OTLSHAPE_T_7590a7899b634658a341eaa25e791eca_Duration" hidden="1"/>
          <p:cNvSpPr txBox="1"/>
          <p:nvPr>
            <p:custDataLst>
              <p:tags r:id="rId38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56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2" name="OTLSHAPE_T_7590a7899b634658a341eaa25e791eca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3" name="OTLSHAPE_T_7590a7899b634658a341eaa25e791eca_StartDate" hidden="1"/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54" name="OTLSHAPE_T_7590a7899b634658a341eaa25e791eca_EndDate" hidden="1"/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55" name="OTLSHAPE_T_7590a7899b634658a341eaa25e791eca_JoinedDate"/>
          <p:cNvSpPr txBox="1"/>
          <p:nvPr>
            <p:custDataLst>
              <p:tags r:id="rId42"/>
            </p:custDataLst>
          </p:nvPr>
        </p:nvSpPr>
        <p:spPr>
          <a:xfrm>
            <a:off x="2801487" y="396934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4/2/2019 - 1/4/2019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56" name="OTLSHAPE_T_7590a7899b634658a341eaa25e791eca_Title"/>
          <p:cNvSpPr txBox="1"/>
          <p:nvPr>
            <p:custDataLst>
              <p:tags r:id="rId43"/>
            </p:custDataLst>
          </p:nvPr>
        </p:nvSpPr>
        <p:spPr>
          <a:xfrm>
            <a:off x="127000" y="3961596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L1b: RF Cell and LLRF Control ready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57" name="OTLSHAPE_T_27d6eeb1f5544aed9485293fb67655c2_Shape"/>
          <p:cNvSpPr/>
          <p:nvPr>
            <p:custDataLst>
              <p:tags r:id="rId44"/>
            </p:custDataLst>
          </p:nvPr>
        </p:nvSpPr>
        <p:spPr>
          <a:xfrm>
            <a:off x="3053577" y="4211955"/>
            <a:ext cx="114300" cy="203200"/>
          </a:xfrm>
          <a:prstGeom prst="roundRect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8" name="OTLSHAPE_T_27d6eeb1f5544aed9485293fb67655c2_ShapePercentage" hidden="1"/>
          <p:cNvSpPr/>
          <p:nvPr>
            <p:custDataLst>
              <p:tags r:id="rId45"/>
            </p:custDataLst>
          </p:nvPr>
        </p:nvSpPr>
        <p:spPr>
          <a:xfrm>
            <a:off x="3053577" y="42119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9" name="OTLSHAPE_T_27d6eeb1f5544aed9485293fb67655c2_Duration" hidden="1"/>
          <p:cNvSpPr txBox="1"/>
          <p:nvPr>
            <p:custDataLst>
              <p:tags r:id="rId46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26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60" name="OTLSHAPE_T_27d6eeb1f5544aed9485293fb67655c2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61" name="OTLSHAPE_T_27d6eeb1f5544aed9485293fb67655c2_StartDate" hidden="1"/>
          <p:cNvSpPr txBox="1"/>
          <p:nvPr>
            <p:custDataLst>
              <p:tags r:id="rId4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2" name="OTLSHAPE_T_27d6eeb1f5544aed9485293fb67655c2_EndDate" hidden="1"/>
          <p:cNvSpPr txBox="1"/>
          <p:nvPr>
            <p:custDataLst>
              <p:tags r:id="rId4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3" name="OTLSHAPE_T_27d6eeb1f5544aed9485293fb67655c2_JoinedDate"/>
          <p:cNvSpPr txBox="1"/>
          <p:nvPr>
            <p:custDataLst>
              <p:tags r:id="rId50"/>
            </p:custDataLst>
          </p:nvPr>
        </p:nvSpPr>
        <p:spPr>
          <a:xfrm>
            <a:off x="3207994" y="42360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7/6/2019 - 12/7/2019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4" name="OTLSHAPE_T_27d6eeb1f5544aed9485293fb67655c2_Title"/>
          <p:cNvSpPr txBox="1"/>
          <p:nvPr>
            <p:custDataLst>
              <p:tags r:id="rId51"/>
            </p:custDataLst>
          </p:nvPr>
        </p:nvSpPr>
        <p:spPr>
          <a:xfrm>
            <a:off x="127000" y="4228296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L1b: PSS-1 validation start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65" name="OTLSHAPE_T_0667c8a5a6bd46ca80ed3f68007d2f5f_Shape"/>
          <p:cNvSpPr/>
          <p:nvPr>
            <p:custDataLst>
              <p:tags r:id="rId52"/>
            </p:custDataLst>
          </p:nvPr>
        </p:nvSpPr>
        <p:spPr>
          <a:xfrm>
            <a:off x="2997782" y="4547574"/>
            <a:ext cx="254000" cy="203200"/>
          </a:xfrm>
          <a:prstGeom prst="roundRect">
            <a:avLst/>
          </a:prstGeom>
          <a:solidFill>
            <a:srgbClr val="F803AD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6" name="OTLSHAPE_T_0667c8a5a6bd46ca80ed3f68007d2f5f_ShapePercentage" hidden="1"/>
          <p:cNvSpPr/>
          <p:nvPr>
            <p:custDataLst>
              <p:tags r:id="rId53"/>
            </p:custDataLst>
          </p:nvPr>
        </p:nvSpPr>
        <p:spPr>
          <a:xfrm>
            <a:off x="2997782" y="454757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7" name="OTLSHAPE_T_0667c8a5a6bd46ca80ed3f68007d2f5f_Duration" hidden="1"/>
          <p:cNvSpPr txBox="1"/>
          <p:nvPr>
            <p:custDataLst>
              <p:tags r:id="rId54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61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68" name="OTLSHAPE_T_0667c8a5a6bd46ca80ed3f68007d2f5f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69" name="OTLSHAPE_T_0667c8a5a6bd46ca80ed3f68007d2f5f_StartDate" hidden="1"/>
          <p:cNvSpPr txBox="1"/>
          <p:nvPr>
            <p:custDataLst>
              <p:tags r:id="rId5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70" name="OTLSHAPE_T_0667c8a5a6bd46ca80ed3f68007d2f5f_EndDate" hidden="1"/>
          <p:cNvSpPr txBox="1"/>
          <p:nvPr>
            <p:custDataLst>
              <p:tags r:id="rId5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71" name="OTLSHAPE_T_0667c8a5a6bd46ca80ed3f68007d2f5f_JoinedDate"/>
          <p:cNvSpPr txBox="1"/>
          <p:nvPr>
            <p:custDataLst>
              <p:tags r:id="rId58"/>
            </p:custDataLst>
          </p:nvPr>
        </p:nvSpPr>
        <p:spPr>
          <a:xfrm>
            <a:off x="3291687" y="4571661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3/6/2019 - 2/8/2019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72" name="OTLSHAPE_T_0667c8a5a6bd46ca80ed3f68007d2f5f_Title"/>
          <p:cNvSpPr txBox="1"/>
          <p:nvPr>
            <p:custDataLst>
              <p:tags r:id="rId59"/>
            </p:custDataLst>
          </p:nvPr>
        </p:nvSpPr>
        <p:spPr>
          <a:xfrm>
            <a:off x="127000" y="4478655"/>
            <a:ext cx="1981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L1b: MP-SoS integration of design for Accelerator systems complete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3" name="OTLSHAPE_T_0bd32d06ddd646b58f68b045d16306ee_Shape"/>
          <p:cNvSpPr/>
          <p:nvPr>
            <p:custDataLst>
              <p:tags r:id="rId60"/>
            </p:custDataLst>
          </p:nvPr>
        </p:nvSpPr>
        <p:spPr>
          <a:xfrm>
            <a:off x="3220963" y="5037370"/>
            <a:ext cx="279400" cy="203200"/>
          </a:xfrm>
          <a:prstGeom prst="roundRect">
            <a:avLst/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4" name="OTLSHAPE_T_0bd32d06ddd646b58f68b045d16306ee_ShapePercentage" hidden="1"/>
          <p:cNvSpPr/>
          <p:nvPr>
            <p:custDataLst>
              <p:tags r:id="rId61"/>
            </p:custDataLst>
          </p:nvPr>
        </p:nvSpPr>
        <p:spPr>
          <a:xfrm>
            <a:off x="3220963" y="503737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5" name="OTLSHAPE_T_0bd32d06ddd646b58f68b045d16306ee_Duration" hidden="1"/>
          <p:cNvSpPr txBox="1"/>
          <p:nvPr>
            <p:custDataLst>
              <p:tags r:id="rId62"/>
            </p:custDataLst>
          </p:nvPr>
        </p:nvSpPr>
        <p:spPr>
          <a:xfrm>
            <a:off x="0" y="488319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68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76" name="OTLSHAPE_T_0bd32d06ddd646b58f68b045d16306ee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50382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77" name="OTLSHAPE_T_0bd32d06ddd646b58f68b045d16306ee_StartDate" hidden="1"/>
          <p:cNvSpPr txBox="1"/>
          <p:nvPr>
            <p:custDataLst>
              <p:tags r:id="rId64"/>
            </p:custDataLst>
          </p:nvPr>
        </p:nvSpPr>
        <p:spPr>
          <a:xfrm>
            <a:off x="0" y="50382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78" name="OTLSHAPE_T_0bd32d06ddd646b58f68b045d16306ee_EndDate" hidden="1"/>
          <p:cNvSpPr txBox="1"/>
          <p:nvPr>
            <p:custDataLst>
              <p:tags r:id="rId65"/>
            </p:custDataLst>
          </p:nvPr>
        </p:nvSpPr>
        <p:spPr>
          <a:xfrm>
            <a:off x="0" y="50382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79" name="OTLSHAPE_T_0bd32d06ddd646b58f68b045d16306ee_JoinedDate"/>
          <p:cNvSpPr txBox="1"/>
          <p:nvPr>
            <p:custDataLst>
              <p:tags r:id="rId66"/>
            </p:custDataLst>
          </p:nvPr>
        </p:nvSpPr>
        <p:spPr>
          <a:xfrm>
            <a:off x="3542764" y="506145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29/7/2019 - 4/10/2019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80" name="OTLSHAPE_T_0bd32d06ddd646b58f68b045d16306ee_Title"/>
          <p:cNvSpPr txBox="1"/>
          <p:nvPr>
            <p:custDataLst>
              <p:tags r:id="rId67"/>
            </p:custDataLst>
          </p:nvPr>
        </p:nvSpPr>
        <p:spPr>
          <a:xfrm>
            <a:off x="127000" y="4883192"/>
            <a:ext cx="29591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L1b: Controls for Cryogenic Distribution System for super-conductive linac installed and ready for operation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15264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8" name="OTLSHAPE_T_83860c7a7a9245698d08419b3c7eda07_HorizontalConnector1"/>
          <p:cNvCxnSpPr/>
          <p:nvPr>
            <p:custDataLst>
              <p:tags r:id="rId2"/>
            </p:custDataLst>
          </p:nvPr>
        </p:nvCxnSpPr>
        <p:spPr>
          <a:xfrm>
            <a:off x="2228064" y="4581128"/>
            <a:ext cx="190800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83860c7a7a9245698d08419b3c7eda07_HorizontalConnector1"/>
          <p:cNvCxnSpPr/>
          <p:nvPr>
            <p:custDataLst>
              <p:tags r:id="rId3"/>
            </p:custDataLst>
          </p:nvPr>
        </p:nvCxnSpPr>
        <p:spPr>
          <a:xfrm>
            <a:off x="2574248" y="5113655"/>
            <a:ext cx="2487952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0bd32d06ddd646b58f68b045d16306ee_HorizontalConnector1"/>
          <p:cNvCxnSpPr/>
          <p:nvPr>
            <p:custDataLst>
              <p:tags r:id="rId4"/>
            </p:custDataLst>
          </p:nvPr>
        </p:nvCxnSpPr>
        <p:spPr>
          <a:xfrm>
            <a:off x="1887516" y="4846955"/>
            <a:ext cx="2951503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27d6eeb1f5544aed9485293fb67655c2_HorizontalConnector1"/>
          <p:cNvCxnSpPr/>
          <p:nvPr>
            <p:custDataLst>
              <p:tags r:id="rId5"/>
            </p:custDataLst>
          </p:nvPr>
        </p:nvCxnSpPr>
        <p:spPr>
          <a:xfrm>
            <a:off x="1790615" y="4313555"/>
            <a:ext cx="1988298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29dcd6a3a34f462bb5d6347c3cd50015_Connector1"/>
          <p:cNvCxnSpPr/>
          <p:nvPr>
            <p:custDataLst>
              <p:tags r:id="rId6"/>
            </p:custDataLst>
          </p:nvPr>
        </p:nvCxnSpPr>
        <p:spPr>
          <a:xfrm>
            <a:off x="7364115" y="2396847"/>
            <a:ext cx="0" cy="651153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f018024e23794a32a498724c1aab7805_Connector1"/>
          <p:cNvCxnSpPr/>
          <p:nvPr>
            <p:custDataLst>
              <p:tags r:id="rId7"/>
            </p:custDataLst>
          </p:nvPr>
        </p:nvCxnSpPr>
        <p:spPr>
          <a:xfrm>
            <a:off x="6814134" y="1645559"/>
            <a:ext cx="0" cy="1402441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dbac457e2bc54858bc73d63d0f6c063e_Connector1"/>
          <p:cNvCxnSpPr/>
          <p:nvPr>
            <p:custDataLst>
              <p:tags r:id="rId8"/>
            </p:custDataLst>
          </p:nvPr>
        </p:nvCxnSpPr>
        <p:spPr>
          <a:xfrm>
            <a:off x="5184122" y="1776323"/>
            <a:ext cx="0" cy="1271677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fe372e646f32449d858d34b98ad4e13e_Connector1"/>
          <p:cNvCxnSpPr/>
          <p:nvPr>
            <p:custDataLst>
              <p:tags r:id="rId9"/>
            </p:custDataLst>
          </p:nvPr>
        </p:nvCxnSpPr>
        <p:spPr>
          <a:xfrm>
            <a:off x="2350533" y="2520569"/>
            <a:ext cx="0" cy="527431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9" name="Title 74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Key integration milestones </a:t>
            </a:r>
            <a:r>
              <a:rPr lang="en-GB" sz="1800" dirty="0" smtClean="0"/>
              <a:t>(3)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B388BF-AB3F-40D8-8F8C-3BD29AC87C6D}" type="slidenum">
              <a:rPr lang="en-GB" smtClean="0"/>
              <a:t>26</a:t>
            </a:fld>
            <a:endParaRPr lang="en-GB"/>
          </a:p>
        </p:txBody>
      </p:sp>
      <p:sp>
        <p:nvSpPr>
          <p:cNvPr id="3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933365" y="3352800"/>
            <a:ext cx="495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1371316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1245616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38802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45152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3842679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90617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530132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5364821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675597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6819478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M_fe372e646f32449d858d34b98ad4e13e_Title"/>
          <p:cNvSpPr txBox="1"/>
          <p:nvPr>
            <p:custDataLst>
              <p:tags r:id="rId25"/>
            </p:custDataLst>
          </p:nvPr>
        </p:nvSpPr>
        <p:spPr>
          <a:xfrm>
            <a:off x="2572783" y="2323338"/>
            <a:ext cx="2298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components ready for initial operations independently 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M_fe372e646f32449d858d34b98ad4e13e_Date"/>
          <p:cNvSpPr txBox="1"/>
          <p:nvPr>
            <p:custDataLst>
              <p:tags r:id="rId26"/>
            </p:custDataLst>
          </p:nvPr>
        </p:nvSpPr>
        <p:spPr>
          <a:xfrm>
            <a:off x="2572783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1/12/2018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M_fe372e646f32449d858d34b98ad4e13e_Shape"/>
          <p:cNvSpPr/>
          <p:nvPr>
            <p:custDataLst>
              <p:tags r:id="rId27"/>
            </p:custDataLst>
          </p:nvPr>
        </p:nvSpPr>
        <p:spPr>
          <a:xfrm rot="16200000">
            <a:off x="2375933" y="252056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M_dbac457e2bc54858bc73d63d0f6c063e_Title"/>
          <p:cNvSpPr txBox="1"/>
          <p:nvPr>
            <p:custDataLst>
              <p:tags r:id="rId28"/>
            </p:custDataLst>
          </p:nvPr>
        </p:nvSpPr>
        <p:spPr>
          <a:xfrm>
            <a:off x="5406372" y="1493833"/>
            <a:ext cx="990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Accelerator ready for BoD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dbac457e2bc54858bc73d63d0f6c063e_Date"/>
          <p:cNvSpPr txBox="1"/>
          <p:nvPr>
            <p:custDataLst>
              <p:tags r:id="rId29"/>
            </p:custDataLst>
          </p:nvPr>
        </p:nvSpPr>
        <p:spPr>
          <a:xfrm>
            <a:off x="5406372" y="20180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0/11/2020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M_dbac457e2bc54858bc73d63d0f6c063e_Shape"/>
          <p:cNvSpPr/>
          <p:nvPr>
            <p:custDataLst>
              <p:tags r:id="rId30"/>
            </p:custDataLst>
          </p:nvPr>
        </p:nvSpPr>
        <p:spPr>
          <a:xfrm rot="16200000">
            <a:off x="5209522" y="1776323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f018024e23794a32a498724c1aab7805_Title"/>
          <p:cNvSpPr txBox="1"/>
          <p:nvPr>
            <p:custDataLst>
              <p:tags r:id="rId31"/>
            </p:custDataLst>
          </p:nvPr>
        </p:nvSpPr>
        <p:spPr>
          <a:xfrm>
            <a:off x="7036384" y="1448328"/>
            <a:ext cx="194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arget ready for BoT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1" name="OTLSHAPE_M_f018024e23794a32a498724c1aab7805_Date"/>
          <p:cNvSpPr txBox="1"/>
          <p:nvPr>
            <p:custDataLst>
              <p:tags r:id="rId32"/>
            </p:custDataLst>
          </p:nvPr>
        </p:nvSpPr>
        <p:spPr>
          <a:xfrm>
            <a:off x="7036384" y="1802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3/01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2" name="OTLSHAPE_M_f018024e23794a32a498724c1aab7805_Shape"/>
          <p:cNvSpPr/>
          <p:nvPr>
            <p:custDataLst>
              <p:tags r:id="rId33"/>
            </p:custDataLst>
          </p:nvPr>
        </p:nvSpPr>
        <p:spPr>
          <a:xfrm rot="16200000">
            <a:off x="6839534" y="164555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83" name="OTLSHAPE_M_29dcd6a3a34f462bb5d6347c3cd50015_Title"/>
          <p:cNvSpPr txBox="1"/>
          <p:nvPr>
            <p:custDataLst>
              <p:tags r:id="rId34"/>
            </p:custDataLst>
          </p:nvPr>
        </p:nvSpPr>
        <p:spPr>
          <a:xfrm>
            <a:off x="7586365" y="2029097"/>
            <a:ext cx="14605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est beamline and Bunker ready for hot commissioning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4" name="OTLSHAPE_M_29dcd6a3a34f462bb5d6347c3cd50015_Date"/>
          <p:cNvSpPr txBox="1"/>
          <p:nvPr>
            <p:custDataLst>
              <p:tags r:id="rId35"/>
            </p:custDataLst>
          </p:nvPr>
        </p:nvSpPr>
        <p:spPr>
          <a:xfrm>
            <a:off x="7586365" y="272387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1/05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5" name="OTLSHAPE_M_29dcd6a3a34f462bb5d6347c3cd50015_Shape"/>
          <p:cNvSpPr/>
          <p:nvPr>
            <p:custDataLst>
              <p:tags r:id="rId36"/>
            </p:custDataLst>
          </p:nvPr>
        </p:nvSpPr>
        <p:spPr>
          <a:xfrm rot="16200000">
            <a:off x="7389515" y="2396847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86" name="OTLSHAPE_T_7590a7899b634658a341eaa25e791eca_Shape"/>
          <p:cNvSpPr/>
          <p:nvPr>
            <p:custDataLst>
              <p:tags r:id="rId37"/>
            </p:custDataLst>
          </p:nvPr>
        </p:nvSpPr>
        <p:spPr>
          <a:xfrm>
            <a:off x="3308638" y="3945255"/>
            <a:ext cx="215900" cy="203200"/>
          </a:xfrm>
          <a:prstGeom prst="roundRect">
            <a:avLst/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87" name="OTLSHAPE_T_7590a7899b634658a341eaa25e791eca_ShapePercentage" hidden="1"/>
          <p:cNvSpPr/>
          <p:nvPr>
            <p:custDataLst>
              <p:tags r:id="rId38"/>
            </p:custDataLst>
          </p:nvPr>
        </p:nvSpPr>
        <p:spPr>
          <a:xfrm>
            <a:off x="3308638" y="39452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88" name="OTLSHAPE_T_7590a7899b634658a341eaa25e791eca_Duration" hidden="1"/>
          <p:cNvSpPr txBox="1"/>
          <p:nvPr>
            <p:custDataLst>
              <p:tags r:id="rId39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53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89" name="OTLSHAPE_T_7590a7899b634658a341eaa25e791eca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90" name="OTLSHAPE_T_7590a7899b634658a341eaa25e791eca_StartDate" hidden="1"/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91" name="OTLSHAPE_T_7590a7899b634658a341eaa25e791eca_EndDate" hidden="1"/>
          <p:cNvSpPr txBox="1"/>
          <p:nvPr>
            <p:custDataLst>
              <p:tags r:id="rId4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92" name="OTLSHAPE_T_7590a7899b634658a341eaa25e791eca_JoinedDate"/>
          <p:cNvSpPr txBox="1"/>
          <p:nvPr>
            <p:custDataLst>
              <p:tags r:id="rId43"/>
            </p:custDataLst>
          </p:nvPr>
        </p:nvSpPr>
        <p:spPr>
          <a:xfrm>
            <a:off x="3570662" y="39693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9/8/2019 - 11/10/2019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93" name="OTLSHAPE_T_7590a7899b634658a341eaa25e791eca_Title"/>
          <p:cNvSpPr txBox="1"/>
          <p:nvPr>
            <p:custDataLst>
              <p:tags r:id="rId44"/>
            </p:custDataLst>
          </p:nvPr>
        </p:nvSpPr>
        <p:spPr>
          <a:xfrm>
            <a:off x="127000" y="3961596"/>
            <a:ext cx="299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L1b: SRR #2 - Beam through RFQ + MEBT (and DTL1)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4" name="OTLSHAPE_T_27d6eeb1f5544aed9485293fb67655c2_Shape"/>
          <p:cNvSpPr/>
          <p:nvPr>
            <p:custDataLst>
              <p:tags r:id="rId45"/>
            </p:custDataLst>
          </p:nvPr>
        </p:nvSpPr>
        <p:spPr>
          <a:xfrm>
            <a:off x="3778913" y="4211955"/>
            <a:ext cx="190500" cy="203200"/>
          </a:xfrm>
          <a:prstGeom prst="roundRect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5" name="OTLSHAPE_T_27d6eeb1f5544aed9485293fb67655c2_ShapePercentage" hidden="1"/>
          <p:cNvSpPr/>
          <p:nvPr>
            <p:custDataLst>
              <p:tags r:id="rId46"/>
            </p:custDataLst>
          </p:nvPr>
        </p:nvSpPr>
        <p:spPr>
          <a:xfrm>
            <a:off x="3778913" y="42119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6" name="OTLSHAPE_T_27d6eeb1f5544aed9485293fb67655c2_Duration" hidden="1"/>
          <p:cNvSpPr txBox="1"/>
          <p:nvPr>
            <p:custDataLst>
              <p:tags r:id="rId47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47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97" name="OTLSHAPE_T_27d6eeb1f5544aed9485293fb67655c2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98" name="OTLSHAPE_T_27d6eeb1f5544aed9485293fb67655c2_StartDate" hidden="1"/>
          <p:cNvSpPr txBox="1"/>
          <p:nvPr>
            <p:custDataLst>
              <p:tags r:id="rId4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99" name="OTLSHAPE_T_27d6eeb1f5544aed9485293fb67655c2_EndDate" hidden="1"/>
          <p:cNvSpPr txBox="1"/>
          <p:nvPr>
            <p:custDataLst>
              <p:tags r:id="rId5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00" name="OTLSHAPE_T_27d6eeb1f5544aed9485293fb67655c2_JoinedDate"/>
          <p:cNvSpPr txBox="1"/>
          <p:nvPr>
            <p:custDataLst>
              <p:tags r:id="rId51"/>
            </p:custDataLst>
          </p:nvPr>
        </p:nvSpPr>
        <p:spPr>
          <a:xfrm>
            <a:off x="4017022" y="42360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6/12/2019 - 31/1/2020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01" name="OTLSHAPE_T_27d6eeb1f5544aed9485293fb67655c2_Title"/>
          <p:cNvSpPr txBox="1"/>
          <p:nvPr>
            <p:custDataLst>
              <p:tags r:id="rId52"/>
            </p:custDataLst>
          </p:nvPr>
        </p:nvSpPr>
        <p:spPr>
          <a:xfrm>
            <a:off x="127000" y="4228296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L1b: PSS-1 re-validation start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2" name="OTLSHAPE_T_0667c8a5a6bd46ca80ed3f68007d2f5f_Shape"/>
          <p:cNvSpPr/>
          <p:nvPr>
            <p:custDataLst>
              <p:tags r:id="rId53"/>
            </p:custDataLst>
          </p:nvPr>
        </p:nvSpPr>
        <p:spPr>
          <a:xfrm>
            <a:off x="4081800" y="4478655"/>
            <a:ext cx="228600" cy="203200"/>
          </a:xfrm>
          <a:prstGeom prst="roundRect">
            <a:avLst/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3" name="OTLSHAPE_T_0667c8a5a6bd46ca80ed3f68007d2f5f_ShapePercentage" hidden="1"/>
          <p:cNvSpPr/>
          <p:nvPr>
            <p:custDataLst>
              <p:tags r:id="rId54"/>
            </p:custDataLst>
          </p:nvPr>
        </p:nvSpPr>
        <p:spPr>
          <a:xfrm>
            <a:off x="4081800" y="44786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4" name="OTLSHAPE_T_0667c8a5a6bd46ca80ed3f68007d2f5f_Duration" hidden="1"/>
          <p:cNvSpPr txBox="1"/>
          <p:nvPr>
            <p:custDataLst>
              <p:tags r:id="rId55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55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05" name="OTLSHAPE_T_0667c8a5a6bd46ca80ed3f68007d2f5f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06" name="OTLSHAPE_T_0667c8a5a6bd46ca80ed3f68007d2f5f_StartDate" hidden="1"/>
          <p:cNvSpPr txBox="1"/>
          <p:nvPr>
            <p:custDataLst>
              <p:tags r:id="rId5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07" name="OTLSHAPE_T_0667c8a5a6bd46ca80ed3f68007d2f5f_EndDate" hidden="1"/>
          <p:cNvSpPr txBox="1"/>
          <p:nvPr>
            <p:custDataLst>
              <p:tags r:id="rId5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2" name="OTLSHAPE_T_0667c8a5a6bd46ca80ed3f68007d2f5f_JoinedDate"/>
          <p:cNvSpPr txBox="1"/>
          <p:nvPr>
            <p:custDataLst>
              <p:tags r:id="rId59"/>
            </p:custDataLst>
          </p:nvPr>
        </p:nvSpPr>
        <p:spPr>
          <a:xfrm>
            <a:off x="4351793" y="45027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/3/2020 - 24/4/2020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T_0667c8a5a6bd46ca80ed3f68007d2f5f_Title"/>
          <p:cNvSpPr txBox="1"/>
          <p:nvPr>
            <p:custDataLst>
              <p:tags r:id="rId60"/>
            </p:custDataLst>
          </p:nvPr>
        </p:nvSpPr>
        <p:spPr>
          <a:xfrm>
            <a:off x="127000" y="4494996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L1b: SRR #3 - Beam through DTL1-4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0bd32d06ddd646b58f68b045d16306ee_Shape"/>
          <p:cNvSpPr/>
          <p:nvPr>
            <p:custDataLst>
              <p:tags r:id="rId61"/>
            </p:custDataLst>
          </p:nvPr>
        </p:nvSpPr>
        <p:spPr>
          <a:xfrm>
            <a:off x="4839019" y="4745355"/>
            <a:ext cx="139700" cy="203200"/>
          </a:xfrm>
          <a:prstGeom prst="roundRect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5" name="OTLSHAPE_T_0bd32d06ddd646b58f68b045d16306ee_ShapePercentage" hidden="1"/>
          <p:cNvSpPr/>
          <p:nvPr>
            <p:custDataLst>
              <p:tags r:id="rId62"/>
            </p:custDataLst>
          </p:nvPr>
        </p:nvSpPr>
        <p:spPr>
          <a:xfrm>
            <a:off x="4839019" y="47453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6" name="OTLSHAPE_T_0bd32d06ddd646b58f68b045d16306ee_Duration" hidden="1"/>
          <p:cNvSpPr txBox="1"/>
          <p:nvPr>
            <p:custDataLst>
              <p:tags r:id="rId63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33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0bd32d06ddd646b58f68b045d16306ee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0bd32d06ddd646b58f68b045d16306ee_StartDate" hidden="1"/>
          <p:cNvSpPr txBox="1"/>
          <p:nvPr>
            <p:custDataLst>
              <p:tags r:id="rId6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0bd32d06ddd646b58f68b045d16306ee_EndDate" hidden="1"/>
          <p:cNvSpPr txBox="1"/>
          <p:nvPr>
            <p:custDataLst>
              <p:tags r:id="rId66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24" name="OTLSHAPE_T_0bd32d06ddd646b58f68b045d16306ee_JoinedDate"/>
          <p:cNvSpPr txBox="1"/>
          <p:nvPr>
            <p:custDataLst>
              <p:tags r:id="rId67"/>
            </p:custDataLst>
          </p:nvPr>
        </p:nvSpPr>
        <p:spPr>
          <a:xfrm>
            <a:off x="5021333" y="4769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7/9/2020 - 9/10/2020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25" name="OTLSHAPE_T_0bd32d06ddd646b58f68b045d16306ee_Title"/>
          <p:cNvSpPr txBox="1"/>
          <p:nvPr>
            <p:custDataLst>
              <p:tags r:id="rId68"/>
            </p:custDataLst>
          </p:nvPr>
        </p:nvSpPr>
        <p:spPr>
          <a:xfrm>
            <a:off x="127000" y="4761696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L1b: PSS-Accelerator complete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6" name="OTLSHAPE_T_83860c7a7a9245698d08419b3c7eda07_Shape"/>
          <p:cNvSpPr/>
          <p:nvPr>
            <p:custDataLst>
              <p:tags r:id="rId69"/>
            </p:custDataLst>
          </p:nvPr>
        </p:nvSpPr>
        <p:spPr>
          <a:xfrm>
            <a:off x="5062200" y="5012055"/>
            <a:ext cx="165100" cy="203200"/>
          </a:xfrm>
          <a:prstGeom prst="roundRect">
            <a:avLst/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7" name="OTLSHAPE_T_83860c7a7a9245698d08419b3c7eda07_ShapePercentage" hidden="1"/>
          <p:cNvSpPr/>
          <p:nvPr>
            <p:custDataLst>
              <p:tags r:id="rId70"/>
            </p:custDataLst>
          </p:nvPr>
        </p:nvSpPr>
        <p:spPr>
          <a:xfrm>
            <a:off x="5062200" y="50120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8" name="OTLSHAPE_T_83860c7a7a9245698d08419b3c7eda07_Duration" hidden="1"/>
          <p:cNvSpPr txBox="1"/>
          <p:nvPr>
            <p:custDataLst>
              <p:tags r:id="rId71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40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83860c7a7a9245698d08419b3c7eda07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83860c7a7a9245698d08419b3c7eda07_StartDate" hidden="1"/>
          <p:cNvSpPr txBox="1"/>
          <p:nvPr>
            <p:custDataLst>
              <p:tags r:id="rId73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83860c7a7a9245698d08419b3c7eda07_EndDate" hidden="1"/>
          <p:cNvSpPr txBox="1"/>
          <p:nvPr>
            <p:custDataLst>
              <p:tags r:id="rId7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2" name="OTLSHAPE_T_83860c7a7a9245698d08419b3c7eda07_JoinedDate"/>
          <p:cNvSpPr txBox="1"/>
          <p:nvPr>
            <p:custDataLst>
              <p:tags r:id="rId75"/>
            </p:custDataLst>
          </p:nvPr>
        </p:nvSpPr>
        <p:spPr>
          <a:xfrm>
            <a:off x="5272411" y="50361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2/11/2020 - 11/12/2020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T_83860c7a7a9245698d08419b3c7eda07_Title"/>
          <p:cNvSpPr txBox="1"/>
          <p:nvPr>
            <p:custDataLst>
              <p:tags r:id="rId76"/>
            </p:custDataLst>
          </p:nvPr>
        </p:nvSpPr>
        <p:spPr>
          <a:xfrm>
            <a:off x="127000" y="5028396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L1b: SRR #4 - Beam through DTL5 to DMPL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6" name="Date Placeholder 137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1377" name="Footer Placeholder 137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206064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1" name="OTLSHAPE_T_21a9d095cc54424fb700d4f4976e8257_HorizontalConnector1"/>
          <p:cNvCxnSpPr/>
          <p:nvPr>
            <p:custDataLst>
              <p:tags r:id="rId2"/>
            </p:custDataLst>
          </p:nvPr>
        </p:nvCxnSpPr>
        <p:spPr>
          <a:xfrm>
            <a:off x="3949108" y="6759787"/>
            <a:ext cx="24402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_5f48b64f7395450dbd333bc3d0f3ae21_HorizontalConnector1"/>
          <p:cNvCxnSpPr/>
          <p:nvPr>
            <p:custDataLst>
              <p:tags r:id="rId3"/>
            </p:custDataLst>
          </p:nvPr>
        </p:nvCxnSpPr>
        <p:spPr>
          <a:xfrm>
            <a:off x="4250182" y="6493087"/>
            <a:ext cx="190002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T_c6bb85826e034c1eba318e0debe7a04f_HorizontalConnector1"/>
          <p:cNvCxnSpPr/>
          <p:nvPr>
            <p:custDataLst>
              <p:tags r:id="rId4"/>
            </p:custDataLst>
          </p:nvPr>
        </p:nvCxnSpPr>
        <p:spPr>
          <a:xfrm>
            <a:off x="4314783" y="6226387"/>
            <a:ext cx="20028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T_bf19b11093e24e1eb06a10a83dcfd45b_HorizontalConnector1"/>
          <p:cNvCxnSpPr/>
          <p:nvPr>
            <p:custDataLst>
              <p:tags r:id="rId5"/>
            </p:custDataLst>
          </p:nvPr>
        </p:nvCxnSpPr>
        <p:spPr>
          <a:xfrm>
            <a:off x="4462145" y="5959687"/>
            <a:ext cx="9627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T_83860c7a7a9245698d08419b3c7eda07_HorizontalConnector1"/>
          <p:cNvCxnSpPr/>
          <p:nvPr>
            <p:custDataLst>
              <p:tags r:id="rId6"/>
            </p:custDataLst>
          </p:nvPr>
        </p:nvCxnSpPr>
        <p:spPr>
          <a:xfrm>
            <a:off x="2066544" y="5692987"/>
            <a:ext cx="227032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T_0bd32d06ddd646b58f68b045d16306ee_HorizontalConnector1"/>
          <p:cNvCxnSpPr/>
          <p:nvPr>
            <p:custDataLst>
              <p:tags r:id="rId7"/>
            </p:custDataLst>
          </p:nvPr>
        </p:nvCxnSpPr>
        <p:spPr>
          <a:xfrm>
            <a:off x="3305259" y="5357368"/>
            <a:ext cx="8308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M_29dcd6a3a34f462bb5d6347c3cd50015_Connector1"/>
          <p:cNvCxnSpPr/>
          <p:nvPr>
            <p:custDataLst>
              <p:tags r:id="rId8"/>
            </p:custDataLst>
          </p:nvPr>
        </p:nvCxnSpPr>
        <p:spPr>
          <a:xfrm>
            <a:off x="7364115" y="2396847"/>
            <a:ext cx="0" cy="651153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M_f018024e23794a32a498724c1aab7805_Connector1"/>
          <p:cNvCxnSpPr/>
          <p:nvPr>
            <p:custDataLst>
              <p:tags r:id="rId9"/>
            </p:custDataLst>
          </p:nvPr>
        </p:nvCxnSpPr>
        <p:spPr>
          <a:xfrm>
            <a:off x="6814134" y="1645559"/>
            <a:ext cx="0" cy="1402441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M_dbac457e2bc54858bc73d63d0f6c063e_Connector1"/>
          <p:cNvCxnSpPr/>
          <p:nvPr>
            <p:custDataLst>
              <p:tags r:id="rId10"/>
            </p:custDataLst>
          </p:nvPr>
        </p:nvCxnSpPr>
        <p:spPr>
          <a:xfrm>
            <a:off x="5184122" y="1776323"/>
            <a:ext cx="0" cy="1271677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M_fe372e646f32449d858d34b98ad4e13e_Connector1"/>
          <p:cNvCxnSpPr/>
          <p:nvPr>
            <p:custDataLst>
              <p:tags r:id="rId11"/>
            </p:custDataLst>
          </p:nvPr>
        </p:nvCxnSpPr>
        <p:spPr>
          <a:xfrm>
            <a:off x="2350533" y="2520569"/>
            <a:ext cx="0" cy="527431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9" name="Title 74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Key integration milestones </a:t>
            </a:r>
            <a:r>
              <a:rPr lang="en-GB" sz="1800" dirty="0" smtClean="0"/>
              <a:t>(4)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B388BF-AB3F-40D8-8F8C-3BD29AC87C6D}" type="slidenum">
              <a:rPr lang="en-GB" smtClean="0"/>
              <a:t>27</a:t>
            </a:fld>
            <a:endParaRPr lang="en-GB"/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>
          <a:xfrm>
            <a:off x="457200" y="6140450"/>
            <a:ext cx="2133600" cy="365125"/>
          </a:xfrm>
        </p:spPr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>
          <a:xfrm>
            <a:off x="3124200" y="6140450"/>
            <a:ext cx="2895600" cy="365125"/>
          </a:xfrm>
        </p:spPr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5" name="Rectangle 4"/>
          <p:cNvSpPr/>
          <p:nvPr/>
        </p:nvSpPr>
        <p:spPr>
          <a:xfrm>
            <a:off x="457200" y="6113780"/>
            <a:ext cx="5693003" cy="41156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7" name="OTLSHAPE_TB_00000000000000000000000000000000_LeftEndCaps"/>
          <p:cNvSpPr txBox="1"/>
          <p:nvPr>
            <p:custDataLst>
              <p:tags r:id="rId12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48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49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2" name="OTLSHAPE_TB_00000000000000000000000000000000_ElapsedTime"/>
          <p:cNvSpPr/>
          <p:nvPr>
            <p:custDataLst>
              <p:tags r:id="rId15"/>
            </p:custDataLst>
          </p:nvPr>
        </p:nvSpPr>
        <p:spPr>
          <a:xfrm>
            <a:off x="933365" y="3352800"/>
            <a:ext cx="5207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3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1387233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2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1441662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99686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4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238802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5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45152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6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3842679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7" name="OTLSHAPE_TB_00000000000000000000000000000000_TimescaleInterval3"/>
          <p:cNvSpPr txBox="1"/>
          <p:nvPr>
            <p:custDataLst>
              <p:tags r:id="rId22"/>
            </p:custDataLst>
          </p:nvPr>
        </p:nvSpPr>
        <p:spPr>
          <a:xfrm>
            <a:off x="390617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8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530132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5364821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0" name="OTLSHAPE_TB_00000000000000000000000000000000_Separator4"/>
          <p:cNvCxnSpPr/>
          <p:nvPr>
            <p:custDataLst>
              <p:tags r:id="rId25"/>
            </p:custDataLst>
          </p:nvPr>
        </p:nvCxnSpPr>
        <p:spPr>
          <a:xfrm>
            <a:off x="675597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1" name="OTLSHAPE_TB_00000000000000000000000000000000_TimescaleInterval5"/>
          <p:cNvSpPr txBox="1"/>
          <p:nvPr>
            <p:custDataLst>
              <p:tags r:id="rId26"/>
            </p:custDataLst>
          </p:nvPr>
        </p:nvSpPr>
        <p:spPr>
          <a:xfrm>
            <a:off x="6819478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M_fe372e646f32449d858d34b98ad4e13e_Title"/>
          <p:cNvSpPr txBox="1"/>
          <p:nvPr>
            <p:custDataLst>
              <p:tags r:id="rId27"/>
            </p:custDataLst>
          </p:nvPr>
        </p:nvSpPr>
        <p:spPr>
          <a:xfrm>
            <a:off x="2572783" y="2323338"/>
            <a:ext cx="2298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components ready for initial operations independently 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M_fe372e646f32449d858d34b98ad4e13e_Date"/>
          <p:cNvSpPr txBox="1"/>
          <p:nvPr>
            <p:custDataLst>
              <p:tags r:id="rId28"/>
            </p:custDataLst>
          </p:nvPr>
        </p:nvSpPr>
        <p:spPr>
          <a:xfrm>
            <a:off x="2572783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1/12/2018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M_fe372e646f32449d858d34b98ad4e13e_Shape"/>
          <p:cNvSpPr/>
          <p:nvPr>
            <p:custDataLst>
              <p:tags r:id="rId29"/>
            </p:custDataLst>
          </p:nvPr>
        </p:nvSpPr>
        <p:spPr>
          <a:xfrm rot="16200000">
            <a:off x="2375933" y="252056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5" name="OTLSHAPE_M_dbac457e2bc54858bc73d63d0f6c063e_Title"/>
          <p:cNvSpPr txBox="1"/>
          <p:nvPr>
            <p:custDataLst>
              <p:tags r:id="rId30"/>
            </p:custDataLst>
          </p:nvPr>
        </p:nvSpPr>
        <p:spPr>
          <a:xfrm>
            <a:off x="5406372" y="1493833"/>
            <a:ext cx="990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Accelerator ready for BoD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M_dbac457e2bc54858bc73d63d0f6c063e_Date"/>
          <p:cNvSpPr txBox="1"/>
          <p:nvPr>
            <p:custDataLst>
              <p:tags r:id="rId31"/>
            </p:custDataLst>
          </p:nvPr>
        </p:nvSpPr>
        <p:spPr>
          <a:xfrm>
            <a:off x="5406372" y="20180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0/11/2020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M_dbac457e2bc54858bc73d63d0f6c063e_Shape"/>
          <p:cNvSpPr/>
          <p:nvPr>
            <p:custDataLst>
              <p:tags r:id="rId32"/>
            </p:custDataLst>
          </p:nvPr>
        </p:nvSpPr>
        <p:spPr>
          <a:xfrm rot="16200000">
            <a:off x="5209522" y="1776323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8" name="OTLSHAPE_M_f018024e23794a32a498724c1aab7805_Title"/>
          <p:cNvSpPr txBox="1"/>
          <p:nvPr>
            <p:custDataLst>
              <p:tags r:id="rId33"/>
            </p:custDataLst>
          </p:nvPr>
        </p:nvSpPr>
        <p:spPr>
          <a:xfrm>
            <a:off x="7036384" y="1448328"/>
            <a:ext cx="194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arget ready for BoT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M_f018024e23794a32a498724c1aab7805_Date"/>
          <p:cNvSpPr txBox="1"/>
          <p:nvPr>
            <p:custDataLst>
              <p:tags r:id="rId34"/>
            </p:custDataLst>
          </p:nvPr>
        </p:nvSpPr>
        <p:spPr>
          <a:xfrm>
            <a:off x="7036384" y="1802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3/01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M_f018024e23794a32a498724c1aab7805_Shape"/>
          <p:cNvSpPr/>
          <p:nvPr>
            <p:custDataLst>
              <p:tags r:id="rId35"/>
            </p:custDataLst>
          </p:nvPr>
        </p:nvSpPr>
        <p:spPr>
          <a:xfrm rot="16200000">
            <a:off x="6839534" y="164555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2" name="OTLSHAPE_M_29dcd6a3a34f462bb5d6347c3cd50015_Title"/>
          <p:cNvSpPr txBox="1"/>
          <p:nvPr>
            <p:custDataLst>
              <p:tags r:id="rId36"/>
            </p:custDataLst>
          </p:nvPr>
        </p:nvSpPr>
        <p:spPr>
          <a:xfrm>
            <a:off x="7586365" y="2029097"/>
            <a:ext cx="14605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est beamline and Bunker ready for hot commissioning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M_29dcd6a3a34f462bb5d6347c3cd50015_Date"/>
          <p:cNvSpPr txBox="1"/>
          <p:nvPr>
            <p:custDataLst>
              <p:tags r:id="rId37"/>
            </p:custDataLst>
          </p:nvPr>
        </p:nvSpPr>
        <p:spPr>
          <a:xfrm>
            <a:off x="7586365" y="272387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1/05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04" name="OTLSHAPE_M_29dcd6a3a34f462bb5d6347c3cd50015_Shape"/>
          <p:cNvSpPr/>
          <p:nvPr>
            <p:custDataLst>
              <p:tags r:id="rId38"/>
            </p:custDataLst>
          </p:nvPr>
        </p:nvSpPr>
        <p:spPr>
          <a:xfrm rot="16200000">
            <a:off x="7389515" y="2396847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5" name="OTLSHAPE_T_7590a7899b634658a341eaa25e791eca_Shape"/>
          <p:cNvSpPr/>
          <p:nvPr>
            <p:custDataLst>
              <p:tags r:id="rId39"/>
            </p:custDataLst>
          </p:nvPr>
        </p:nvSpPr>
        <p:spPr>
          <a:xfrm>
            <a:off x="1658698" y="3871637"/>
            <a:ext cx="558800" cy="2032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6" name="OTLSHAPE_T_7590a7899b634658a341eaa25e791eca_ShapePercentage" hidden="1"/>
          <p:cNvSpPr/>
          <p:nvPr>
            <p:custDataLst>
              <p:tags r:id="rId40"/>
            </p:custDataLst>
          </p:nvPr>
        </p:nvSpPr>
        <p:spPr>
          <a:xfrm>
            <a:off x="1658698" y="38716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7" name="OTLSHAPE_T_7590a7899b634658a341eaa25e791eca_Duration" hidden="1"/>
          <p:cNvSpPr txBox="1"/>
          <p:nvPr>
            <p:custDataLst>
              <p:tags r:id="rId41"/>
            </p:custDataLst>
          </p:nvPr>
        </p:nvSpPr>
        <p:spPr>
          <a:xfrm>
            <a:off x="0" y="36322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138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08" name="OTLSHAPE_T_7590a7899b634658a341eaa25e791eca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09" name="OTLSHAPE_T_7590a7899b634658a341eaa25e791eca_StartDate" hidden="1"/>
          <p:cNvSpPr txBox="1"/>
          <p:nvPr>
            <p:custDataLst>
              <p:tags r:id="rId43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10" name="OTLSHAPE_T_7590a7899b634658a341eaa25e791eca_EndDate" hidden="1"/>
          <p:cNvSpPr txBox="1"/>
          <p:nvPr>
            <p:custDataLst>
              <p:tags r:id="rId44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11" name="OTLSHAPE_T_7590a7899b634658a341eaa25e791eca_JoinedDate"/>
          <p:cNvSpPr txBox="1"/>
          <p:nvPr>
            <p:custDataLst>
              <p:tags r:id="rId45"/>
            </p:custDataLst>
          </p:nvPr>
        </p:nvSpPr>
        <p:spPr>
          <a:xfrm>
            <a:off x="2259478" y="389572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/7/2018 - 16/11/2018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12" name="OTLSHAPE_T_7590a7899b634658a341eaa25e791eca_Title"/>
          <p:cNvSpPr txBox="1"/>
          <p:nvPr>
            <p:custDataLst>
              <p:tags r:id="rId46"/>
            </p:custDataLst>
          </p:nvPr>
        </p:nvSpPr>
        <p:spPr>
          <a:xfrm>
            <a:off x="127000" y="3632200"/>
            <a:ext cx="13843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L1b: Target cryoplant (Helium) installation complete and ready for ICS installation start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3" name="OTLSHAPE_T_27d6eeb1f5544aed9485293fb67655c2_Shape"/>
          <p:cNvSpPr/>
          <p:nvPr>
            <p:custDataLst>
              <p:tags r:id="rId47"/>
            </p:custDataLst>
          </p:nvPr>
        </p:nvSpPr>
        <p:spPr>
          <a:xfrm>
            <a:off x="3499938" y="4446693"/>
            <a:ext cx="393700" cy="2032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4" name="OTLSHAPE_T_27d6eeb1f5544aed9485293fb67655c2_ShapePercentage" hidden="1"/>
          <p:cNvSpPr/>
          <p:nvPr>
            <p:custDataLst>
              <p:tags r:id="rId48"/>
            </p:custDataLst>
          </p:nvPr>
        </p:nvSpPr>
        <p:spPr>
          <a:xfrm>
            <a:off x="3499938" y="444669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5" name="OTLSHAPE_T_27d6eeb1f5544aed9485293fb67655c2_Duration" hidden="1"/>
          <p:cNvSpPr txBox="1"/>
          <p:nvPr>
            <p:custDataLst>
              <p:tags r:id="rId49"/>
            </p:custDataLst>
          </p:nvPr>
        </p:nvSpPr>
        <p:spPr>
          <a:xfrm>
            <a:off x="0" y="43777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96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16" name="OTLSHAPE_T_27d6eeb1f5544aed9485293fb67655c2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45327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17" name="OTLSHAPE_T_27d6eeb1f5544aed9485293fb67655c2_StartDate" hidden="1"/>
          <p:cNvSpPr txBox="1"/>
          <p:nvPr>
            <p:custDataLst>
              <p:tags r:id="rId51"/>
            </p:custDataLst>
          </p:nvPr>
        </p:nvSpPr>
        <p:spPr>
          <a:xfrm>
            <a:off x="0" y="45327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18" name="OTLSHAPE_T_27d6eeb1f5544aed9485293fb67655c2_EndDate" hidden="1"/>
          <p:cNvSpPr txBox="1"/>
          <p:nvPr>
            <p:custDataLst>
              <p:tags r:id="rId52"/>
            </p:custDataLst>
          </p:nvPr>
        </p:nvSpPr>
        <p:spPr>
          <a:xfrm>
            <a:off x="0" y="45327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19" name="OTLSHAPE_T_27d6eeb1f5544aed9485293fb67655c2_JoinedDate"/>
          <p:cNvSpPr txBox="1"/>
          <p:nvPr>
            <p:custDataLst>
              <p:tags r:id="rId53"/>
            </p:custDataLst>
          </p:nvPr>
        </p:nvSpPr>
        <p:spPr>
          <a:xfrm>
            <a:off x="3933330" y="447078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7/10/2019 - 10/1/2020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20" name="OTLSHAPE_T_27d6eeb1f5544aed9485293fb67655c2_Title"/>
          <p:cNvSpPr txBox="1"/>
          <p:nvPr>
            <p:custDataLst>
              <p:tags r:id="rId54"/>
            </p:custDataLst>
          </p:nvPr>
        </p:nvSpPr>
        <p:spPr>
          <a:xfrm>
            <a:off x="127000" y="4377775"/>
            <a:ext cx="337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L1b: Target ready for ICS installation start - Target cabinets ready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1" name="OTLSHAPE_T_0667c8a5a6bd46ca80ed3f68007d2f5f_Shape"/>
          <p:cNvSpPr/>
          <p:nvPr>
            <p:custDataLst>
              <p:tags r:id="rId55"/>
            </p:custDataLst>
          </p:nvPr>
        </p:nvSpPr>
        <p:spPr>
          <a:xfrm>
            <a:off x="3723118" y="4851231"/>
            <a:ext cx="190500" cy="2032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2" name="OTLSHAPE_T_0667c8a5a6bd46ca80ed3f68007d2f5f_ShapePercentage" hidden="1"/>
          <p:cNvSpPr/>
          <p:nvPr>
            <p:custDataLst>
              <p:tags r:id="rId56"/>
            </p:custDataLst>
          </p:nvPr>
        </p:nvSpPr>
        <p:spPr>
          <a:xfrm>
            <a:off x="3723118" y="485123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3" name="OTLSHAPE_T_0667c8a5a6bd46ca80ed3f68007d2f5f_Duration" hidden="1"/>
          <p:cNvSpPr txBox="1"/>
          <p:nvPr>
            <p:custDataLst>
              <p:tags r:id="rId57"/>
            </p:custDataLst>
          </p:nvPr>
        </p:nvSpPr>
        <p:spPr>
          <a:xfrm>
            <a:off x="0" y="478231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45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24" name="OTLSHAPE_T_0667c8a5a6bd46ca80ed3f68007d2f5f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9373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25" name="OTLSHAPE_T_0667c8a5a6bd46ca80ed3f68007d2f5f_StartDate" hidden="1"/>
          <p:cNvSpPr txBox="1"/>
          <p:nvPr>
            <p:custDataLst>
              <p:tags r:id="rId59"/>
            </p:custDataLst>
          </p:nvPr>
        </p:nvSpPr>
        <p:spPr>
          <a:xfrm>
            <a:off x="0" y="49373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26" name="OTLSHAPE_T_0667c8a5a6bd46ca80ed3f68007d2f5f_EndDate" hidden="1"/>
          <p:cNvSpPr txBox="1"/>
          <p:nvPr>
            <p:custDataLst>
              <p:tags r:id="rId60"/>
            </p:custDataLst>
          </p:nvPr>
        </p:nvSpPr>
        <p:spPr>
          <a:xfrm>
            <a:off x="0" y="49373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27" name="OTLSHAPE_T_0667c8a5a6bd46ca80ed3f68007d2f5f_JoinedDate"/>
          <p:cNvSpPr txBox="1"/>
          <p:nvPr>
            <p:custDataLst>
              <p:tags r:id="rId61"/>
            </p:custDataLst>
          </p:nvPr>
        </p:nvSpPr>
        <p:spPr>
          <a:xfrm>
            <a:off x="3953257" y="487531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2/12/2019 - 15/1/2020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28" name="OTLSHAPE_T_0667c8a5a6bd46ca80ed3f68007d2f5f_Title"/>
          <p:cNvSpPr txBox="1"/>
          <p:nvPr>
            <p:custDataLst>
              <p:tags r:id="rId62"/>
            </p:custDataLst>
          </p:nvPr>
        </p:nvSpPr>
        <p:spPr>
          <a:xfrm>
            <a:off x="127000" y="4782312"/>
            <a:ext cx="3149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L1b: Access to D02 building to start Technical network installation granted by Target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9" name="OTLSHAPE_T_0bd32d06ddd646b58f68b045d16306ee_Shape"/>
          <p:cNvSpPr/>
          <p:nvPr>
            <p:custDataLst>
              <p:tags r:id="rId63"/>
            </p:custDataLst>
          </p:nvPr>
        </p:nvSpPr>
        <p:spPr>
          <a:xfrm>
            <a:off x="3388348" y="5255768"/>
            <a:ext cx="520700" cy="203200"/>
          </a:xfrm>
          <a:prstGeom prst="round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0" name="OTLSHAPE_T_0bd32d06ddd646b58f68b045d16306ee_ShapePercentage" hidden="1"/>
          <p:cNvSpPr/>
          <p:nvPr>
            <p:custDataLst>
              <p:tags r:id="rId64"/>
            </p:custDataLst>
          </p:nvPr>
        </p:nvSpPr>
        <p:spPr>
          <a:xfrm>
            <a:off x="3388348" y="525576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1" name="OTLSHAPE_T_0bd32d06ddd646b58f68b045d16306ee_Duration" hidden="1"/>
          <p:cNvSpPr txBox="1"/>
          <p:nvPr>
            <p:custDataLst>
              <p:tags r:id="rId65"/>
            </p:custDataLst>
          </p:nvPr>
        </p:nvSpPr>
        <p:spPr>
          <a:xfrm>
            <a:off x="0" y="518684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129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2" name="OTLSHAPE_T_0bd32d06ddd646b58f68b045d16306ee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53418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3" name="OTLSHAPE_T_0bd32d06ddd646b58f68b045d16306ee_StartDate" hidden="1"/>
          <p:cNvSpPr txBox="1"/>
          <p:nvPr>
            <p:custDataLst>
              <p:tags r:id="rId67"/>
            </p:custDataLst>
          </p:nvPr>
        </p:nvSpPr>
        <p:spPr>
          <a:xfrm>
            <a:off x="0" y="53418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34" name="OTLSHAPE_T_0bd32d06ddd646b58f68b045d16306ee_EndDate" hidden="1"/>
          <p:cNvSpPr txBox="1"/>
          <p:nvPr>
            <p:custDataLst>
              <p:tags r:id="rId68"/>
            </p:custDataLst>
          </p:nvPr>
        </p:nvSpPr>
        <p:spPr>
          <a:xfrm>
            <a:off x="0" y="53418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35" name="OTLSHAPE_T_0bd32d06ddd646b58f68b045d16306ee_JoinedDate"/>
          <p:cNvSpPr txBox="1"/>
          <p:nvPr>
            <p:custDataLst>
              <p:tags r:id="rId69"/>
            </p:custDataLst>
          </p:nvPr>
        </p:nvSpPr>
        <p:spPr>
          <a:xfrm>
            <a:off x="3953257" y="5279856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9/9/2019 - 15/1/2020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36" name="OTLSHAPE_T_0bd32d06ddd646b58f68b045d16306ee_Title"/>
          <p:cNvSpPr txBox="1"/>
          <p:nvPr>
            <p:custDataLst>
              <p:tags r:id="rId70"/>
            </p:custDataLst>
          </p:nvPr>
        </p:nvSpPr>
        <p:spPr>
          <a:xfrm>
            <a:off x="127000" y="5186849"/>
            <a:ext cx="3187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L1b: Access to D02 building to start Main control room installation granted by CF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7" name="OTLSHAPE_T_83860c7a7a9245698d08419b3c7eda07_Shape"/>
          <p:cNvSpPr/>
          <p:nvPr>
            <p:custDataLst>
              <p:tags r:id="rId71"/>
            </p:custDataLst>
          </p:nvPr>
        </p:nvSpPr>
        <p:spPr>
          <a:xfrm>
            <a:off x="4336864" y="5591387"/>
            <a:ext cx="609600" cy="203200"/>
          </a:xfrm>
          <a:prstGeom prst="roundRect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8" name="OTLSHAPE_T_83860c7a7a9245698d08419b3c7eda07_ShapePercentage" hidden="1"/>
          <p:cNvSpPr/>
          <p:nvPr>
            <p:custDataLst>
              <p:tags r:id="rId72"/>
            </p:custDataLst>
          </p:nvPr>
        </p:nvSpPr>
        <p:spPr>
          <a:xfrm>
            <a:off x="4336864" y="559138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9" name="OTLSHAPE_T_83860c7a7a9245698d08419b3c7eda07_Duration" hidden="1"/>
          <p:cNvSpPr txBox="1"/>
          <p:nvPr>
            <p:custDataLst>
              <p:tags r:id="rId73"/>
            </p:custDataLst>
          </p:nvPr>
        </p:nvSpPr>
        <p:spPr>
          <a:xfrm>
            <a:off x="0" y="559138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152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40" name="OTLSHAPE_T_83860c7a7a9245698d08419b3c7eda07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57464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41" name="OTLSHAPE_T_83860c7a7a9245698d08419b3c7eda07_StartDate" hidden="1"/>
          <p:cNvSpPr txBox="1"/>
          <p:nvPr>
            <p:custDataLst>
              <p:tags r:id="rId75"/>
            </p:custDataLst>
          </p:nvPr>
        </p:nvSpPr>
        <p:spPr>
          <a:xfrm>
            <a:off x="0" y="57464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2" name="OTLSHAPE_T_83860c7a7a9245698d08419b3c7eda07_EndDate" hidden="1"/>
          <p:cNvSpPr txBox="1"/>
          <p:nvPr>
            <p:custDataLst>
              <p:tags r:id="rId76"/>
            </p:custDataLst>
          </p:nvPr>
        </p:nvSpPr>
        <p:spPr>
          <a:xfrm>
            <a:off x="0" y="57464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3" name="OTLSHAPE_T_83860c7a7a9245698d08419b3c7eda07_JoinedDate"/>
          <p:cNvSpPr txBox="1"/>
          <p:nvPr>
            <p:custDataLst>
              <p:tags r:id="rId77"/>
            </p:custDataLst>
          </p:nvPr>
        </p:nvSpPr>
        <p:spPr>
          <a:xfrm>
            <a:off x="4993436" y="56154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4/5/2020 - 2/10/2020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4" name="OTLSHAPE_T_83860c7a7a9245698d08419b3c7eda07_Title"/>
          <p:cNvSpPr txBox="1"/>
          <p:nvPr>
            <p:custDataLst>
              <p:tags r:id="rId78"/>
            </p:custDataLst>
          </p:nvPr>
        </p:nvSpPr>
        <p:spPr>
          <a:xfrm>
            <a:off x="127000" y="5607727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1b: PSS ODH for Target validated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5" name="OTLSHAPE_T_bf19b11093e24e1eb06a10a83dcfd45b_Shape"/>
          <p:cNvSpPr/>
          <p:nvPr>
            <p:custDataLst>
              <p:tags r:id="rId79"/>
            </p:custDataLst>
          </p:nvPr>
        </p:nvSpPr>
        <p:spPr>
          <a:xfrm>
            <a:off x="5424867" y="5858087"/>
            <a:ext cx="241300" cy="2032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46" name="OTLSHAPE_T_bf19b11093e24e1eb06a10a83dcfd45b_ShapePercentage" hidden="1"/>
          <p:cNvSpPr/>
          <p:nvPr>
            <p:custDataLst>
              <p:tags r:id="rId80"/>
            </p:custDataLst>
          </p:nvPr>
        </p:nvSpPr>
        <p:spPr>
          <a:xfrm>
            <a:off x="5424867" y="585808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47" name="OTLSHAPE_T_bf19b11093e24e1eb06a10a83dcfd45b_Duration" hidden="1"/>
          <p:cNvSpPr txBox="1"/>
          <p:nvPr>
            <p:custDataLst>
              <p:tags r:id="rId81"/>
            </p:custDataLst>
          </p:nvPr>
        </p:nvSpPr>
        <p:spPr>
          <a:xfrm>
            <a:off x="0" y="58580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60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48" name="OTLSHAPE_T_bf19b11093e24e1eb06a10a83dcfd45b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60131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49" name="OTLSHAPE_T_bf19b11093e24e1eb06a10a83dcfd45b_StartDate" hidden="1"/>
          <p:cNvSpPr txBox="1"/>
          <p:nvPr>
            <p:custDataLst>
              <p:tags r:id="rId83"/>
            </p:custDataLst>
          </p:nvPr>
        </p:nvSpPr>
        <p:spPr>
          <a:xfrm>
            <a:off x="0" y="60131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50" name="OTLSHAPE_T_bf19b11093e24e1eb06a10a83dcfd45b_EndDate" hidden="1"/>
          <p:cNvSpPr txBox="1"/>
          <p:nvPr>
            <p:custDataLst>
              <p:tags r:id="rId84"/>
            </p:custDataLst>
          </p:nvPr>
        </p:nvSpPr>
        <p:spPr>
          <a:xfrm>
            <a:off x="0" y="60131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51" name="OTLSHAPE_T_bf19b11093e24e1eb06a10a83dcfd45b_JoinedDate"/>
          <p:cNvSpPr txBox="1"/>
          <p:nvPr>
            <p:custDataLst>
              <p:tags r:id="rId85"/>
            </p:custDataLst>
          </p:nvPr>
        </p:nvSpPr>
        <p:spPr>
          <a:xfrm>
            <a:off x="5714786" y="588217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/2/2021 - 1/4/2021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52" name="OTLSHAPE_T_bf19b11093e24e1eb06a10a83dcfd45b_Title"/>
          <p:cNvSpPr txBox="1"/>
          <p:nvPr>
            <p:custDataLst>
              <p:tags r:id="rId86"/>
            </p:custDataLst>
          </p:nvPr>
        </p:nvSpPr>
        <p:spPr>
          <a:xfrm>
            <a:off x="127000" y="5874427"/>
            <a:ext cx="434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1b: Target Monolith systems WP4 - Functional/System Test -with ICS- start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3" name="OTLSHAPE_T_c6bb85826e034c1eba318e0debe7a04f_Shape"/>
          <p:cNvSpPr/>
          <p:nvPr>
            <p:custDataLst>
              <p:tags r:id="rId87"/>
            </p:custDataLst>
          </p:nvPr>
        </p:nvSpPr>
        <p:spPr>
          <a:xfrm>
            <a:off x="6317588" y="6124787"/>
            <a:ext cx="190500" cy="2032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4" name="OTLSHAPE_T_c6bb85826e034c1eba318e0debe7a04f_ShapePercentage" hidden="1"/>
          <p:cNvSpPr/>
          <p:nvPr>
            <p:custDataLst>
              <p:tags r:id="rId88"/>
            </p:custDataLst>
          </p:nvPr>
        </p:nvSpPr>
        <p:spPr>
          <a:xfrm>
            <a:off x="6317588" y="612478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5" name="OTLSHAPE_T_c6bb85826e034c1eba318e0debe7a04f_Duration" hidden="1"/>
          <p:cNvSpPr txBox="1"/>
          <p:nvPr>
            <p:custDataLst>
              <p:tags r:id="rId89"/>
            </p:custDataLst>
          </p:nvPr>
        </p:nvSpPr>
        <p:spPr>
          <a:xfrm>
            <a:off x="0" y="61247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47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56" name="OTLSHAPE_T_c6bb85826e034c1eba318e0debe7a04f_TextPercentage" hidden="1"/>
          <p:cNvSpPr txBox="1"/>
          <p:nvPr>
            <p:custDataLst>
              <p:tags r:id="rId90"/>
            </p:custDataLst>
          </p:nvPr>
        </p:nvSpPr>
        <p:spPr>
          <a:xfrm>
            <a:off x="0" y="62798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57" name="OTLSHAPE_T_c6bb85826e034c1eba318e0debe7a04f_StartDate" hidden="1"/>
          <p:cNvSpPr txBox="1"/>
          <p:nvPr>
            <p:custDataLst>
              <p:tags r:id="rId91"/>
            </p:custDataLst>
          </p:nvPr>
        </p:nvSpPr>
        <p:spPr>
          <a:xfrm>
            <a:off x="0" y="62798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58" name="OTLSHAPE_T_c6bb85826e034c1eba318e0debe7a04f_EndDate" hidden="1"/>
          <p:cNvSpPr txBox="1"/>
          <p:nvPr>
            <p:custDataLst>
              <p:tags r:id="rId92"/>
            </p:custDataLst>
          </p:nvPr>
        </p:nvSpPr>
        <p:spPr>
          <a:xfrm>
            <a:off x="0" y="62798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59" name="OTLSHAPE_T_c6bb85826e034c1eba318e0debe7a04f_JoinedDate"/>
          <p:cNvSpPr txBox="1"/>
          <p:nvPr>
            <p:custDataLst>
              <p:tags r:id="rId93"/>
            </p:custDataLst>
          </p:nvPr>
        </p:nvSpPr>
        <p:spPr>
          <a:xfrm>
            <a:off x="6555698" y="6148874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3/9/2021 - 29/10/2021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60" name="OTLSHAPE_T_c6bb85826e034c1eba318e0debe7a04f_Title"/>
          <p:cNvSpPr txBox="1"/>
          <p:nvPr>
            <p:custDataLst>
              <p:tags r:id="rId94"/>
            </p:custDataLst>
          </p:nvPr>
        </p:nvSpPr>
        <p:spPr>
          <a:xfrm>
            <a:off x="127000" y="6141127"/>
            <a:ext cx="419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L1b: Target wheel WP2 - Functional / System Test – with ICS – completed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1" name="OTLSHAPE_T_5f48b64f7395450dbd333bc3d0f3ae21_Shape"/>
          <p:cNvSpPr/>
          <p:nvPr>
            <p:custDataLst>
              <p:tags r:id="rId95"/>
            </p:custDataLst>
          </p:nvPr>
        </p:nvSpPr>
        <p:spPr>
          <a:xfrm>
            <a:off x="6150203" y="6391487"/>
            <a:ext cx="381000" cy="2032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2" name="OTLSHAPE_T_5f48b64f7395450dbd333bc3d0f3ae21_ShapePercentage" hidden="1"/>
          <p:cNvSpPr/>
          <p:nvPr>
            <p:custDataLst>
              <p:tags r:id="rId96"/>
            </p:custDataLst>
          </p:nvPr>
        </p:nvSpPr>
        <p:spPr>
          <a:xfrm>
            <a:off x="6150203" y="639148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3" name="OTLSHAPE_T_5f48b64f7395450dbd333bc3d0f3ae21_Duration" hidden="1"/>
          <p:cNvSpPr txBox="1"/>
          <p:nvPr>
            <p:custDataLst>
              <p:tags r:id="rId97"/>
            </p:custDataLst>
          </p:nvPr>
        </p:nvSpPr>
        <p:spPr>
          <a:xfrm>
            <a:off x="0" y="63914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93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64" name="OTLSHAPE_T_5f48b64f7395450dbd333bc3d0f3ae21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65465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65" name="OTLSHAPE_T_5f48b64f7395450dbd333bc3d0f3ae21_StartDate" hidden="1"/>
          <p:cNvSpPr txBox="1"/>
          <p:nvPr>
            <p:custDataLst>
              <p:tags r:id="rId99"/>
            </p:custDataLst>
          </p:nvPr>
        </p:nvSpPr>
        <p:spPr>
          <a:xfrm>
            <a:off x="0" y="65465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66" name="OTLSHAPE_T_5f48b64f7395450dbd333bc3d0f3ae21_EndDate" hidden="1"/>
          <p:cNvSpPr txBox="1"/>
          <p:nvPr>
            <p:custDataLst>
              <p:tags r:id="rId100"/>
            </p:custDataLst>
          </p:nvPr>
        </p:nvSpPr>
        <p:spPr>
          <a:xfrm>
            <a:off x="0" y="65465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67" name="OTLSHAPE_T_5f48b64f7395450dbd333bc3d0f3ae21_JoinedDate"/>
          <p:cNvSpPr txBox="1"/>
          <p:nvPr>
            <p:custDataLst>
              <p:tags r:id="rId101"/>
            </p:custDataLst>
          </p:nvPr>
        </p:nvSpPr>
        <p:spPr>
          <a:xfrm>
            <a:off x="6571639" y="64155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2/8/2021 - 2/11/2021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68" name="OTLSHAPE_T_5f48b64f7395450dbd333bc3d0f3ae21_Title"/>
          <p:cNvSpPr txBox="1"/>
          <p:nvPr>
            <p:custDataLst>
              <p:tags r:id="rId102"/>
            </p:custDataLst>
          </p:nvPr>
        </p:nvSpPr>
        <p:spPr>
          <a:xfrm>
            <a:off x="127000" y="6407827"/>
            <a:ext cx="412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L1b: Target cryogenic cooling (He+LH2) system tests with ICS completed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9" name="OTLSHAPE_T_21a9d095cc54424fb700d4f4976e8257_Shape"/>
          <p:cNvSpPr/>
          <p:nvPr>
            <p:custDataLst>
              <p:tags r:id="rId103"/>
            </p:custDataLst>
          </p:nvPr>
        </p:nvSpPr>
        <p:spPr>
          <a:xfrm>
            <a:off x="6389325" y="6658187"/>
            <a:ext cx="139700" cy="2032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0" name="OTLSHAPE_T_21a9d095cc54424fb700d4f4976e8257_ShapePercentage" hidden="1"/>
          <p:cNvSpPr/>
          <p:nvPr>
            <p:custDataLst>
              <p:tags r:id="rId104"/>
            </p:custDataLst>
          </p:nvPr>
        </p:nvSpPr>
        <p:spPr>
          <a:xfrm>
            <a:off x="6389325" y="665818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1" name="OTLSHAPE_T_21a9d095cc54424fb700d4f4976e8257_Duration" hidden="1"/>
          <p:cNvSpPr txBox="1"/>
          <p:nvPr>
            <p:custDataLst>
              <p:tags r:id="rId105"/>
            </p:custDataLst>
          </p:nvPr>
        </p:nvSpPr>
        <p:spPr>
          <a:xfrm>
            <a:off x="0" y="66581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35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72" name="OTLSHAPE_T_21a9d095cc54424fb700d4f4976e8257_TextPercentage" hidden="1"/>
          <p:cNvSpPr txBox="1"/>
          <p:nvPr>
            <p:custDataLst>
              <p:tags r:id="rId106"/>
            </p:custDataLst>
          </p:nvPr>
        </p:nvSpPr>
        <p:spPr>
          <a:xfrm>
            <a:off x="0" y="68132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73" name="OTLSHAPE_T_21a9d095cc54424fb700d4f4976e8257_StartDate" hidden="1"/>
          <p:cNvSpPr txBox="1"/>
          <p:nvPr>
            <p:custDataLst>
              <p:tags r:id="rId107"/>
            </p:custDataLst>
          </p:nvPr>
        </p:nvSpPr>
        <p:spPr>
          <a:xfrm>
            <a:off x="0" y="68132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74" name="OTLSHAPE_T_21a9d095cc54424fb700d4f4976e8257_EndDate" hidden="1"/>
          <p:cNvSpPr txBox="1"/>
          <p:nvPr>
            <p:custDataLst>
              <p:tags r:id="rId108"/>
            </p:custDataLst>
          </p:nvPr>
        </p:nvSpPr>
        <p:spPr>
          <a:xfrm>
            <a:off x="0" y="68132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75" name="OTLSHAPE_T_21a9d095cc54424fb700d4f4976e8257_JoinedDate"/>
          <p:cNvSpPr txBox="1"/>
          <p:nvPr>
            <p:custDataLst>
              <p:tags r:id="rId109"/>
            </p:custDataLst>
          </p:nvPr>
        </p:nvSpPr>
        <p:spPr>
          <a:xfrm>
            <a:off x="6579609" y="66822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/10/2021 - 4/11/2021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76" name="OTLSHAPE_T_21a9d095cc54424fb700d4f4976e8257_Title"/>
          <p:cNvSpPr txBox="1"/>
          <p:nvPr>
            <p:custDataLst>
              <p:tags r:id="rId110"/>
            </p:custDataLst>
          </p:nvPr>
        </p:nvSpPr>
        <p:spPr>
          <a:xfrm>
            <a:off x="127000" y="6674527"/>
            <a:ext cx="382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1b: Target Station start integrated system test w/o beam with ICS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338051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31" name="OTLSHAPE_T_0bd32d06ddd646b58f68b045d16306ee_HorizontalConnector1"/>
          <p:cNvCxnSpPr/>
          <p:nvPr>
            <p:custDataLst>
              <p:tags r:id="rId2"/>
            </p:custDataLst>
          </p:nvPr>
        </p:nvCxnSpPr>
        <p:spPr>
          <a:xfrm>
            <a:off x="3265273" y="4077072"/>
            <a:ext cx="284400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_0bd32d06ddd646b58f68b045d16306ee_HorizontalConnector1"/>
          <p:cNvCxnSpPr/>
          <p:nvPr>
            <p:custDataLst>
              <p:tags r:id="rId3"/>
            </p:custDataLst>
          </p:nvPr>
        </p:nvCxnSpPr>
        <p:spPr>
          <a:xfrm>
            <a:off x="3059832" y="4293096"/>
            <a:ext cx="302400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_0bd32d06ddd646b58f68b045d16306ee_HorizontalConnector1"/>
          <p:cNvCxnSpPr/>
          <p:nvPr>
            <p:custDataLst>
              <p:tags r:id="rId4"/>
            </p:custDataLst>
          </p:nvPr>
        </p:nvCxnSpPr>
        <p:spPr>
          <a:xfrm>
            <a:off x="4428320" y="4581128"/>
            <a:ext cx="226800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" name="OTLSHAPE_T_83860c7a7a9245698d08419b3c7eda07_HorizontalConnector1"/>
          <p:cNvCxnSpPr/>
          <p:nvPr>
            <p:custDataLst>
              <p:tags r:id="rId5"/>
            </p:custDataLst>
          </p:nvPr>
        </p:nvCxnSpPr>
        <p:spPr>
          <a:xfrm>
            <a:off x="2553589" y="5113655"/>
            <a:ext cx="4664691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T_0bd32d06ddd646b58f68b045d16306ee_HorizontalConnector1"/>
          <p:cNvCxnSpPr/>
          <p:nvPr>
            <p:custDataLst>
              <p:tags r:id="rId6"/>
            </p:custDataLst>
          </p:nvPr>
        </p:nvCxnSpPr>
        <p:spPr>
          <a:xfrm>
            <a:off x="2815209" y="4846955"/>
            <a:ext cx="4403071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M_29dcd6a3a34f462bb5d6347c3cd50015_Connector1"/>
          <p:cNvCxnSpPr/>
          <p:nvPr>
            <p:custDataLst>
              <p:tags r:id="rId7"/>
            </p:custDataLst>
          </p:nvPr>
        </p:nvCxnSpPr>
        <p:spPr>
          <a:xfrm>
            <a:off x="7364115" y="2396847"/>
            <a:ext cx="0" cy="651153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M_f018024e23794a32a498724c1aab7805_Connector1"/>
          <p:cNvCxnSpPr/>
          <p:nvPr>
            <p:custDataLst>
              <p:tags r:id="rId8"/>
            </p:custDataLst>
          </p:nvPr>
        </p:nvCxnSpPr>
        <p:spPr>
          <a:xfrm>
            <a:off x="6814134" y="1645559"/>
            <a:ext cx="0" cy="1402441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M_dbac457e2bc54858bc73d63d0f6c063e_Connector1"/>
          <p:cNvCxnSpPr/>
          <p:nvPr>
            <p:custDataLst>
              <p:tags r:id="rId9"/>
            </p:custDataLst>
          </p:nvPr>
        </p:nvCxnSpPr>
        <p:spPr>
          <a:xfrm>
            <a:off x="5184122" y="1776323"/>
            <a:ext cx="0" cy="1271677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M_fe372e646f32449d858d34b98ad4e13e_Connector1"/>
          <p:cNvCxnSpPr/>
          <p:nvPr>
            <p:custDataLst>
              <p:tags r:id="rId10"/>
            </p:custDataLst>
          </p:nvPr>
        </p:nvCxnSpPr>
        <p:spPr>
          <a:xfrm>
            <a:off x="2350533" y="2520569"/>
            <a:ext cx="0" cy="527431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9" name="Title 74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Key integration milestones </a:t>
            </a:r>
            <a:r>
              <a:rPr lang="en-GB" sz="1800" dirty="0" smtClean="0"/>
              <a:t>(5)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B388BF-AB3F-40D8-8F8C-3BD29AC87C6D}" type="slidenum">
              <a:rPr lang="en-GB" smtClean="0"/>
              <a:t>28</a:t>
            </a:fld>
            <a:endParaRPr lang="en-GB"/>
          </a:p>
        </p:txBody>
      </p:sp>
      <p:sp>
        <p:nvSpPr>
          <p:cNvPr id="1047" name="OTLSHAPE_TB_00000000000000000000000000000000_LeftEndCaps"/>
          <p:cNvSpPr txBox="1"/>
          <p:nvPr>
            <p:custDataLst>
              <p:tags r:id="rId11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48" name="OTLSHAPE_TB_00000000000000000000000000000000_RightEndCaps"/>
          <p:cNvSpPr txBox="1"/>
          <p:nvPr>
            <p:custDataLst>
              <p:tags r:id="rId12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  <a:endParaRPr lang="en-GB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49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0" name="OTLSHAPE_TB_00000000000000000000000000000000_ElapsedTime"/>
          <p:cNvSpPr/>
          <p:nvPr>
            <p:custDataLst>
              <p:tags r:id="rId14"/>
            </p:custDataLst>
          </p:nvPr>
        </p:nvSpPr>
        <p:spPr>
          <a:xfrm>
            <a:off x="933365" y="3352800"/>
            <a:ext cx="495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1" name="OTLSHAPE_TB_00000000000000000000000000000000_TodayMarkerShape"/>
          <p:cNvSpPr/>
          <p:nvPr>
            <p:custDataLst>
              <p:tags r:id="rId15"/>
            </p:custDataLst>
          </p:nvPr>
        </p:nvSpPr>
        <p:spPr>
          <a:xfrm>
            <a:off x="1371495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2" name="OTLSHAPE_TB_00000000000000000000000000000000_TodayMarkerText"/>
          <p:cNvSpPr txBox="1"/>
          <p:nvPr>
            <p:custDataLst>
              <p:tags r:id="rId16"/>
            </p:custDataLst>
          </p:nvPr>
        </p:nvSpPr>
        <p:spPr>
          <a:xfrm>
            <a:off x="1245795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3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99686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54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238802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55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245152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0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3842679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90617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2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530132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5364821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4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675597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6819478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M_fe372e646f32449d858d34b98ad4e13e_Title"/>
          <p:cNvSpPr txBox="1"/>
          <p:nvPr>
            <p:custDataLst>
              <p:tags r:id="rId26"/>
            </p:custDataLst>
          </p:nvPr>
        </p:nvSpPr>
        <p:spPr>
          <a:xfrm>
            <a:off x="2572783" y="2323338"/>
            <a:ext cx="2298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components ready for initial operations independently 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M_fe372e646f32449d858d34b98ad4e13e_Date"/>
          <p:cNvSpPr txBox="1"/>
          <p:nvPr>
            <p:custDataLst>
              <p:tags r:id="rId27"/>
            </p:custDataLst>
          </p:nvPr>
        </p:nvSpPr>
        <p:spPr>
          <a:xfrm>
            <a:off x="2572783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1/12/2018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M_fe372e646f32449d858d34b98ad4e13e_Shape"/>
          <p:cNvSpPr/>
          <p:nvPr>
            <p:custDataLst>
              <p:tags r:id="rId28"/>
            </p:custDataLst>
          </p:nvPr>
        </p:nvSpPr>
        <p:spPr>
          <a:xfrm rot="16200000">
            <a:off x="2375933" y="252056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M_dbac457e2bc54858bc73d63d0f6c063e_Title"/>
          <p:cNvSpPr txBox="1"/>
          <p:nvPr>
            <p:custDataLst>
              <p:tags r:id="rId29"/>
            </p:custDataLst>
          </p:nvPr>
        </p:nvSpPr>
        <p:spPr>
          <a:xfrm>
            <a:off x="5406372" y="1493833"/>
            <a:ext cx="990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Accelerator ready for BoD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M_dbac457e2bc54858bc73d63d0f6c063e_Date"/>
          <p:cNvSpPr txBox="1"/>
          <p:nvPr>
            <p:custDataLst>
              <p:tags r:id="rId30"/>
            </p:custDataLst>
          </p:nvPr>
        </p:nvSpPr>
        <p:spPr>
          <a:xfrm>
            <a:off x="5406372" y="20180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0/11/2020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M_dbac457e2bc54858bc73d63d0f6c063e_Shape"/>
          <p:cNvSpPr/>
          <p:nvPr>
            <p:custDataLst>
              <p:tags r:id="rId31"/>
            </p:custDataLst>
          </p:nvPr>
        </p:nvSpPr>
        <p:spPr>
          <a:xfrm rot="16200000">
            <a:off x="5209522" y="1776323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8" name="OTLSHAPE_M_f018024e23794a32a498724c1aab7805_Title"/>
          <p:cNvSpPr txBox="1"/>
          <p:nvPr>
            <p:custDataLst>
              <p:tags r:id="rId32"/>
            </p:custDataLst>
          </p:nvPr>
        </p:nvSpPr>
        <p:spPr>
          <a:xfrm>
            <a:off x="7036384" y="1448328"/>
            <a:ext cx="194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arget ready for </a:t>
            </a:r>
            <a:r>
              <a:rPr lang="en-GB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BoT</a:t>
            </a:r>
            <a:endParaRPr lang="en-GB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M_f018024e23794a32a498724c1aab7805_Date"/>
          <p:cNvSpPr txBox="1"/>
          <p:nvPr>
            <p:custDataLst>
              <p:tags r:id="rId33"/>
            </p:custDataLst>
          </p:nvPr>
        </p:nvSpPr>
        <p:spPr>
          <a:xfrm>
            <a:off x="7036384" y="1802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3/01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M_f018024e23794a32a498724c1aab7805_Shape"/>
          <p:cNvSpPr/>
          <p:nvPr>
            <p:custDataLst>
              <p:tags r:id="rId34"/>
            </p:custDataLst>
          </p:nvPr>
        </p:nvSpPr>
        <p:spPr>
          <a:xfrm rot="16200000">
            <a:off x="6839534" y="1645559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1" name="OTLSHAPE_M_29dcd6a3a34f462bb5d6347c3cd50015_Title"/>
          <p:cNvSpPr txBox="1"/>
          <p:nvPr>
            <p:custDataLst>
              <p:tags r:id="rId35"/>
            </p:custDataLst>
          </p:nvPr>
        </p:nvSpPr>
        <p:spPr>
          <a:xfrm>
            <a:off x="7586365" y="2029097"/>
            <a:ext cx="14605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MS L1: ICS ready for Test beamline and Bunker ready for hot commissioning</a:t>
            </a:r>
            <a:endParaRPr lang="en-GB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OTLSHAPE_M_29dcd6a3a34f462bb5d6347c3cd50015_Date"/>
          <p:cNvSpPr txBox="1"/>
          <p:nvPr>
            <p:custDataLst>
              <p:tags r:id="rId36"/>
            </p:custDataLst>
          </p:nvPr>
        </p:nvSpPr>
        <p:spPr>
          <a:xfrm>
            <a:off x="7586365" y="272387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1/05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M_29dcd6a3a34f462bb5d6347c3cd50015_Shape"/>
          <p:cNvSpPr/>
          <p:nvPr>
            <p:custDataLst>
              <p:tags r:id="rId37"/>
            </p:custDataLst>
          </p:nvPr>
        </p:nvSpPr>
        <p:spPr>
          <a:xfrm rot="16200000">
            <a:off x="7389515" y="2396847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T_7590a7899b634658a341eaa25e791eca_Shape"/>
          <p:cNvSpPr/>
          <p:nvPr>
            <p:custDataLst>
              <p:tags r:id="rId38"/>
            </p:custDataLst>
          </p:nvPr>
        </p:nvSpPr>
        <p:spPr>
          <a:xfrm>
            <a:off x="6042596" y="3945255"/>
            <a:ext cx="368300" cy="203200"/>
          </a:xfrm>
          <a:prstGeom prst="roundRect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T_7590a7899b634658a341eaa25e791eca_ShapePercentage" hidden="1"/>
          <p:cNvSpPr/>
          <p:nvPr>
            <p:custDataLst>
              <p:tags r:id="rId39"/>
            </p:custDataLst>
          </p:nvPr>
        </p:nvSpPr>
        <p:spPr>
          <a:xfrm>
            <a:off x="6042596" y="39452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6" name="OTLSHAPE_T_7590a7899b634658a341eaa25e791eca_Duration" hidden="1"/>
          <p:cNvSpPr txBox="1"/>
          <p:nvPr>
            <p:custDataLst>
              <p:tags r:id="rId40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92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T_7590a7899b634658a341eaa25e791eca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T_7590a7899b634658a341eaa25e791eca_StartDate" hidden="1"/>
          <p:cNvSpPr txBox="1"/>
          <p:nvPr>
            <p:custDataLst>
              <p:tags r:id="rId4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T_7590a7899b634658a341eaa25e791eca_EndDate" hidden="1"/>
          <p:cNvSpPr txBox="1"/>
          <p:nvPr>
            <p:custDataLst>
              <p:tags r:id="rId43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T_7590a7899b634658a341eaa25e791eca_JoinedDate"/>
          <p:cNvSpPr txBox="1"/>
          <p:nvPr>
            <p:custDataLst>
              <p:tags r:id="rId44"/>
            </p:custDataLst>
          </p:nvPr>
        </p:nvSpPr>
        <p:spPr>
          <a:xfrm>
            <a:off x="6460049" y="3969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5/7/2021 - 5/10/2021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98" name="OTLSHAPE_T_7590a7899b634658a341eaa25e791eca_Title"/>
          <p:cNvSpPr txBox="1"/>
          <p:nvPr>
            <p:custDataLst>
              <p:tags r:id="rId45"/>
            </p:custDataLst>
          </p:nvPr>
        </p:nvSpPr>
        <p:spPr>
          <a:xfrm>
            <a:off x="127000" y="3961596"/>
            <a:ext cx="308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L1b: Test beamline ready for ICS controls installations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T_27d6eeb1f5544aed9485293fb67655c2_Shape"/>
          <p:cNvSpPr/>
          <p:nvPr>
            <p:custDataLst>
              <p:tags r:id="rId46"/>
            </p:custDataLst>
          </p:nvPr>
        </p:nvSpPr>
        <p:spPr>
          <a:xfrm>
            <a:off x="6094408" y="4211955"/>
            <a:ext cx="355600" cy="203200"/>
          </a:xfrm>
          <a:prstGeom prst="roundRect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0" name="OTLSHAPE_T_27d6eeb1f5544aed9485293fb67655c2_ShapePercentage" hidden="1"/>
          <p:cNvSpPr/>
          <p:nvPr>
            <p:custDataLst>
              <p:tags r:id="rId47"/>
            </p:custDataLst>
          </p:nvPr>
        </p:nvSpPr>
        <p:spPr>
          <a:xfrm>
            <a:off x="6094408" y="42119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1" name="OTLSHAPE_T_27d6eeb1f5544aed9485293fb67655c2_Duration" hidden="1"/>
          <p:cNvSpPr txBox="1"/>
          <p:nvPr>
            <p:custDataLst>
              <p:tags r:id="rId48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89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T_27d6eeb1f5544aed9485293fb67655c2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T_27d6eeb1f5544aed9485293fb67655c2_StartDate" hidden="1"/>
          <p:cNvSpPr txBox="1"/>
          <p:nvPr>
            <p:custDataLst>
              <p:tags r:id="rId5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_27d6eeb1f5544aed9485293fb67655c2_EndDate" hidden="1"/>
          <p:cNvSpPr txBox="1"/>
          <p:nvPr>
            <p:custDataLst>
              <p:tags r:id="rId51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T_27d6eeb1f5544aed9485293fb67655c2_JoinedDate"/>
          <p:cNvSpPr txBox="1"/>
          <p:nvPr>
            <p:custDataLst>
              <p:tags r:id="rId52"/>
            </p:custDataLst>
          </p:nvPr>
        </p:nvSpPr>
        <p:spPr>
          <a:xfrm>
            <a:off x="6499902" y="42360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9/7/2021 - 15/10/2021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06" name="OTLSHAPE_T_27d6eeb1f5544aed9485293fb67655c2_Title"/>
          <p:cNvSpPr txBox="1"/>
          <p:nvPr>
            <p:custDataLst>
              <p:tags r:id="rId53"/>
            </p:custDataLst>
          </p:nvPr>
        </p:nvSpPr>
        <p:spPr>
          <a:xfrm>
            <a:off x="127000" y="4228296"/>
            <a:ext cx="281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L1b: Test beamline ready for ICS PSS installations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T_0667c8a5a6bd46ca80ed3f68007d2f5f_Shape"/>
          <p:cNvSpPr/>
          <p:nvPr>
            <p:custDataLst>
              <p:tags r:id="rId54"/>
            </p:custDataLst>
          </p:nvPr>
        </p:nvSpPr>
        <p:spPr>
          <a:xfrm>
            <a:off x="6680256" y="4478655"/>
            <a:ext cx="317500" cy="203200"/>
          </a:xfrm>
          <a:prstGeom prst="roundRect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8" name="OTLSHAPE_T_0667c8a5a6bd46ca80ed3f68007d2f5f_ShapePercentage" hidden="1"/>
          <p:cNvSpPr/>
          <p:nvPr>
            <p:custDataLst>
              <p:tags r:id="rId55"/>
            </p:custDataLst>
          </p:nvPr>
        </p:nvSpPr>
        <p:spPr>
          <a:xfrm>
            <a:off x="6680256" y="44786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9" name="OTLSHAPE_T_0667c8a5a6bd46ca80ed3f68007d2f5f_Duration" hidden="1"/>
          <p:cNvSpPr txBox="1"/>
          <p:nvPr>
            <p:custDataLst>
              <p:tags r:id="rId56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78 days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T_0667c8a5a6bd46ca80ed3f68007d2f5f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T_0667c8a5a6bd46ca80ed3f68007d2f5f_StartDate" hidden="1"/>
          <p:cNvSpPr txBox="1"/>
          <p:nvPr>
            <p:custDataLst>
              <p:tags r:id="rId5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T_0667c8a5a6bd46ca80ed3f68007d2f5f_EndDate" hidden="1"/>
          <p:cNvSpPr txBox="1"/>
          <p:nvPr>
            <p:custDataLst>
              <p:tags r:id="rId59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T_0667c8a5a6bd46ca80ed3f68007d2f5f_JoinedDate"/>
          <p:cNvSpPr txBox="1"/>
          <p:nvPr>
            <p:custDataLst>
              <p:tags r:id="rId60"/>
            </p:custDataLst>
          </p:nvPr>
        </p:nvSpPr>
        <p:spPr>
          <a:xfrm>
            <a:off x="7041911" y="45027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3/12/2021 - 28/2/2022</a:t>
            </a:r>
            <a:endParaRPr lang="en-GB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T_0667c8a5a6bd46ca80ed3f68007d2f5f_Title"/>
          <p:cNvSpPr txBox="1"/>
          <p:nvPr>
            <p:custDataLst>
              <p:tags r:id="rId61"/>
            </p:custDataLst>
          </p:nvPr>
        </p:nvSpPr>
        <p:spPr>
          <a:xfrm>
            <a:off x="127000" y="4494996"/>
            <a:ext cx="422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L1b: Test beamline assembled and ready for ICS (PSS) commissioning test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T_0bd32d06ddd646b58f68b045d16306ee_Shape"/>
          <p:cNvSpPr/>
          <p:nvPr>
            <p:custDataLst>
              <p:tags r:id="rId62"/>
            </p:custDataLst>
          </p:nvPr>
        </p:nvSpPr>
        <p:spPr>
          <a:xfrm>
            <a:off x="7218280" y="4745355"/>
            <a:ext cx="50800" cy="203200"/>
          </a:xfrm>
          <a:prstGeom prst="roundRect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6" name="OTLSHAPE_T_0bd32d06ddd646b58f68b045d16306ee_ShapePercentage" hidden="1"/>
          <p:cNvSpPr/>
          <p:nvPr>
            <p:custDataLst>
              <p:tags r:id="rId63"/>
            </p:custDataLst>
          </p:nvPr>
        </p:nvSpPr>
        <p:spPr>
          <a:xfrm>
            <a:off x="7218280" y="47453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7" name="OTLSHAPE_T_0bd32d06ddd646b58f68b045d16306ee_Duration" hidden="1"/>
          <p:cNvSpPr txBox="1"/>
          <p:nvPr>
            <p:custDataLst>
              <p:tags r:id="rId64"/>
            </p:custDataLst>
          </p:nvPr>
        </p:nvSpPr>
        <p:spPr>
          <a:xfrm>
            <a:off x="0" y="47453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T_0bd32d06ddd646b58f68b045d16306ee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T_0bd32d06ddd646b58f68b045d16306ee_StartDate" hidden="1"/>
          <p:cNvSpPr txBox="1"/>
          <p:nvPr>
            <p:custDataLst>
              <p:tags r:id="rId66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T_0bd32d06ddd646b58f68b045d16306ee_EndDate" hidden="1"/>
          <p:cNvSpPr txBox="1"/>
          <p:nvPr>
            <p:custDataLst>
              <p:tags r:id="rId67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T_0bd32d06ddd646b58f68b045d16306ee_JoinedDate"/>
          <p:cNvSpPr txBox="1"/>
          <p:nvPr>
            <p:custDataLst>
              <p:tags r:id="rId68"/>
            </p:custDataLst>
          </p:nvPr>
        </p:nvSpPr>
        <p:spPr>
          <a:xfrm>
            <a:off x="7319880" y="47694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7/4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2" name="OTLSHAPE_T_0bd32d06ddd646b58f68b045d16306ee_Title"/>
          <p:cNvSpPr txBox="1"/>
          <p:nvPr>
            <p:custDataLst>
              <p:tags r:id="rId69"/>
            </p:custDataLst>
          </p:nvPr>
        </p:nvSpPr>
        <p:spPr>
          <a:xfrm>
            <a:off x="127000" y="4761696"/>
            <a:ext cx="269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L1b: Bunker ready for ICS controls installations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T_83860c7a7a9245698d08419b3c7eda07_Shape"/>
          <p:cNvSpPr/>
          <p:nvPr>
            <p:custDataLst>
              <p:tags r:id="rId70"/>
            </p:custDataLst>
          </p:nvPr>
        </p:nvSpPr>
        <p:spPr>
          <a:xfrm>
            <a:off x="7218280" y="5012055"/>
            <a:ext cx="50800" cy="203200"/>
          </a:xfrm>
          <a:prstGeom prst="roundRect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6" name="OTLSHAPE_T_83860c7a7a9245698d08419b3c7eda07_ShapePercentage" hidden="1"/>
          <p:cNvSpPr/>
          <p:nvPr>
            <p:custDataLst>
              <p:tags r:id="rId71"/>
            </p:custDataLst>
          </p:nvPr>
        </p:nvSpPr>
        <p:spPr>
          <a:xfrm>
            <a:off x="7218280" y="50120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7" name="OTLSHAPE_T_83860c7a7a9245698d08419b3c7eda07_Duration" hidden="1"/>
          <p:cNvSpPr txBox="1"/>
          <p:nvPr>
            <p:custDataLst>
              <p:tags r:id="rId72"/>
            </p:custDataLst>
          </p:nvPr>
        </p:nvSpPr>
        <p:spPr>
          <a:xfrm>
            <a:off x="0" y="50120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8" name="OTLSHAPE_T_83860c7a7a9245698d08419b3c7eda07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9" name="OTLSHAPE_T_83860c7a7a9245698d08419b3c7eda07_StartDate" hidden="1"/>
          <p:cNvSpPr txBox="1"/>
          <p:nvPr>
            <p:custDataLst>
              <p:tags r:id="rId7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0" name="OTLSHAPE_T_83860c7a7a9245698d08419b3c7eda07_EndDate" hidden="1"/>
          <p:cNvSpPr txBox="1"/>
          <p:nvPr>
            <p:custDataLst>
              <p:tags r:id="rId75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1" name="OTLSHAPE_T_83860c7a7a9245698d08419b3c7eda07_JoinedDate"/>
          <p:cNvSpPr txBox="1"/>
          <p:nvPr>
            <p:custDataLst>
              <p:tags r:id="rId76"/>
            </p:custDataLst>
          </p:nvPr>
        </p:nvSpPr>
        <p:spPr>
          <a:xfrm>
            <a:off x="7319880" y="50361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7/4/2022</a:t>
            </a:r>
            <a:endParaRPr lang="en-GB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2" name="OTLSHAPE_T_83860c7a7a9245698d08419b3c7eda07_Title"/>
          <p:cNvSpPr txBox="1"/>
          <p:nvPr>
            <p:custDataLst>
              <p:tags r:id="rId77"/>
            </p:custDataLst>
          </p:nvPr>
        </p:nvSpPr>
        <p:spPr>
          <a:xfrm>
            <a:off x="127000" y="5028396"/>
            <a:ext cx="243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L1b: Bunker ready for ICS PSS installations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746452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5536" y="188640"/>
            <a:ext cx="7139136" cy="1063229"/>
          </a:xfrm>
        </p:spPr>
        <p:txBody>
          <a:bodyPr>
            <a:normAutofit/>
          </a:bodyPr>
          <a:lstStyle/>
          <a:p>
            <a:r>
              <a:rPr lang="en-US" b="1" dirty="0"/>
              <a:t>ICS </a:t>
            </a:r>
            <a:r>
              <a:rPr lang="en-US" b="1" dirty="0" smtClean="0"/>
              <a:t>– Top 5 Risk </a:t>
            </a:r>
            <a:r>
              <a:rPr lang="en-US" b="1" dirty="0"/>
              <a:t>Mitigation Status </a:t>
            </a:r>
            <a:r>
              <a:rPr lang="en-US" sz="1200" dirty="0"/>
              <a:t>(data from </a:t>
            </a:r>
            <a:r>
              <a:rPr lang="en-US" sz="1200" dirty="0" err="1"/>
              <a:t>Exonaut</a:t>
            </a:r>
            <a:r>
              <a:rPr lang="en-US" sz="1200" dirty="0" smtClean="0"/>
              <a:t>)</a:t>
            </a:r>
            <a:endParaRPr lang="en-US" sz="1200" i="1" dirty="0">
              <a:solidFill>
                <a:srgbClr val="FF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29</a:t>
            </a:fld>
            <a:endParaRPr lang="sv-SE"/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46022883"/>
              </p:ext>
            </p:extLst>
          </p:nvPr>
        </p:nvGraphicFramePr>
        <p:xfrm>
          <a:off x="0" y="1412776"/>
          <a:ext cx="9144000" cy="4442319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468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1320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188000">
                  <a:extLst>
                    <a:ext uri="{9D8B030D-6E8A-4147-A177-3AD203B41FA5}">
                      <a16:colId xmlns:a16="http://schemas.microsoft.com/office/drawing/2014/main" val="2191788970"/>
                    </a:ext>
                  </a:extLst>
                </a:gridCol>
                <a:gridCol w="50400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3024416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827584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</a:tblGrid>
              <a:tr h="388620"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 smtClean="0"/>
                        <a:t>Risk ID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 smtClean="0"/>
                        <a:t>Event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 smtClean="0"/>
                        <a:t>Potential Impact</a:t>
                      </a:r>
                    </a:p>
                    <a:p>
                      <a:pPr marL="0" algn="l" defTabSz="685783" rtl="0" eaLnBrk="1" latinLnBrk="0" hangingPunct="1"/>
                      <a:r>
                        <a:rPr lang="en-US" sz="800" b="1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 – Cost</a:t>
                      </a:r>
                    </a:p>
                    <a:p>
                      <a:pPr marL="0" algn="l" defTabSz="685783" rtl="0" eaLnBrk="1" latinLnBrk="0" hangingPunct="1"/>
                      <a:r>
                        <a:rPr lang="en-US" sz="800" b="1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 – Schedule</a:t>
                      </a:r>
                    </a:p>
                    <a:p>
                      <a:pPr marL="0" algn="l" defTabSz="685783" rtl="0" eaLnBrk="1" latinLnBrk="0" hangingPunct="1"/>
                      <a:r>
                        <a:rPr lang="en-US" sz="800" b="1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Q – Quality and Function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 err="1" smtClean="0"/>
                        <a:t>Proba-bility</a:t>
                      </a:r>
                      <a:endParaRPr lang="en-US" sz="1100" b="1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 smtClean="0"/>
                        <a:t>Mitigation measures</a:t>
                      </a:r>
                      <a:endParaRPr lang="en-US" sz="1100" b="1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 smtClean="0"/>
                        <a:t> </a:t>
                      </a:r>
                    </a:p>
                    <a:p>
                      <a:pPr algn="ctr"/>
                      <a:r>
                        <a:rPr lang="en-US" sz="1100" b="1" dirty="0" smtClean="0"/>
                        <a:t>Treatment</a:t>
                      </a:r>
                    </a:p>
                    <a:p>
                      <a:pPr algn="ctr"/>
                      <a:r>
                        <a:rPr lang="en-US" sz="1100" b="1" dirty="0" smtClean="0"/>
                        <a:t>Due date</a:t>
                      </a:r>
                      <a:endParaRPr lang="en-US" sz="1100" b="1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50148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/>
                        <a:t>98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ICS unable to support accelerator or target systems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 smtClean="0"/>
                        <a:t>C:</a:t>
                      </a:r>
                      <a:r>
                        <a:rPr lang="en-US" sz="1100" baseline="0" dirty="0" smtClean="0"/>
                        <a:t> 3.5</a:t>
                      </a:r>
                      <a:r>
                        <a:rPr lang="en-US" sz="1100" dirty="0" smtClean="0"/>
                        <a:t> M€</a:t>
                      </a:r>
                    </a:p>
                    <a:p>
                      <a:r>
                        <a:rPr lang="en-US" sz="1100" dirty="0" smtClean="0"/>
                        <a:t>S: 7-9</a:t>
                      </a:r>
                      <a:r>
                        <a:rPr lang="en-US" sz="1100" baseline="0" dirty="0" smtClean="0"/>
                        <a:t> M</a:t>
                      </a:r>
                      <a:endParaRPr lang="en-US" sz="1100" dirty="0" smtClean="0"/>
                    </a:p>
                    <a:p>
                      <a:r>
                        <a:rPr lang="en-US" sz="1100" dirty="0" smtClean="0"/>
                        <a:t>Q: Several req.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strike="noStrike" baseline="0" dirty="0" smtClean="0">
                          <a:solidFill>
                            <a:schemeClr val="tx1"/>
                          </a:solidFill>
                        </a:rPr>
                        <a:t>65%</a:t>
                      </a:r>
                    </a:p>
                    <a:p>
                      <a:pPr algn="ctr"/>
                      <a:r>
                        <a:rPr lang="en-US" sz="1100" strike="noStrike" baseline="0" dirty="0" smtClean="0">
                          <a:solidFill>
                            <a:schemeClr val="tx1"/>
                          </a:solidFill>
                        </a:rPr>
                        <a:t>(4)</a:t>
                      </a:r>
                      <a:endParaRPr lang="en-US" sz="1100" strike="noStrike" baseline="0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>
                        <a:buFont typeface="+mj-lt"/>
                        <a:buNone/>
                      </a:pP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[Prevent by] S</a:t>
                      </a:r>
                      <a:r>
                        <a:rPr lang="en-US" sz="1100" baseline="0" dirty="0" smtClean="0">
                          <a:solidFill>
                            <a:schemeClr val="tx1"/>
                          </a:solidFill>
                        </a:rPr>
                        <a:t>taff the integration packages according to plan (including forecast). Use FWA for integration services to bring in consultants</a:t>
                      </a:r>
                      <a:endParaRPr lang="en-US" sz="1100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 algn="l" defTabSz="914400" rtl="0" eaLnBrk="1" latinLnBrk="0" hangingPunct="1">
                        <a:buFont typeface="+mj-lt"/>
                        <a:buNone/>
                      </a:pPr>
                      <a:r>
                        <a:rPr lang="en-US" sz="11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1221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548640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113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37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Higher integration time </a:t>
                      </a: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needed for ICS </a:t>
                      </a:r>
                      <a:r>
                        <a:rPr lang="en-US" sz="1100" smtClean="0">
                          <a:solidFill>
                            <a:schemeClr val="tx1"/>
                          </a:solidFill>
                        </a:rPr>
                        <a:t>local team </a:t>
                      </a: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(main potential issues with: ESS Bilbao,</a:t>
                      </a:r>
                      <a:r>
                        <a:rPr lang="en-US" sz="1100" baseline="0" dirty="0" smtClean="0">
                          <a:solidFill>
                            <a:schemeClr val="tx1"/>
                          </a:solidFill>
                        </a:rPr>
                        <a:t> PSI, CEA </a:t>
                      </a:r>
                      <a:r>
                        <a:rPr lang="en-US" sz="1100" baseline="0" dirty="0" err="1" smtClean="0">
                          <a:solidFill>
                            <a:schemeClr val="tx1"/>
                          </a:solidFill>
                        </a:rPr>
                        <a:t>Saclay</a:t>
                      </a: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)</a:t>
                      </a:r>
                      <a:endParaRPr lang="sv-SE" sz="1100" dirty="0" smtClean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 smtClean="0"/>
                        <a:t>C:</a:t>
                      </a:r>
                      <a:r>
                        <a:rPr lang="en-US" sz="1100" baseline="0" dirty="0" smtClean="0"/>
                        <a:t> 0,5</a:t>
                      </a:r>
                      <a:r>
                        <a:rPr lang="en-US" sz="1100" dirty="0" smtClean="0"/>
                        <a:t> M€</a:t>
                      </a:r>
                    </a:p>
                    <a:p>
                      <a:r>
                        <a:rPr lang="en-US" sz="1100" dirty="0" smtClean="0"/>
                        <a:t>S: 0-3</a:t>
                      </a:r>
                      <a:r>
                        <a:rPr lang="en-US" sz="1100" baseline="0" dirty="0" smtClean="0"/>
                        <a:t> </a:t>
                      </a:r>
                      <a:r>
                        <a:rPr lang="en-US" sz="1100" dirty="0" smtClean="0"/>
                        <a:t>M</a:t>
                      </a:r>
                    </a:p>
                    <a:p>
                      <a:r>
                        <a:rPr lang="en-US" sz="1100" dirty="0" smtClean="0"/>
                        <a:t>Q: Several req.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strike="noStrike" baseline="0" dirty="0" smtClean="0">
                          <a:solidFill>
                            <a:schemeClr val="tx1"/>
                          </a:solidFill>
                        </a:rPr>
                        <a:t>65%</a:t>
                      </a:r>
                    </a:p>
                    <a:p>
                      <a:pPr algn="ctr"/>
                      <a:r>
                        <a:rPr lang="en-US" sz="1100" strike="noStrike" baseline="0" dirty="0" smtClean="0">
                          <a:solidFill>
                            <a:schemeClr val="tx1"/>
                          </a:solidFill>
                        </a:rPr>
                        <a:t>(4)</a:t>
                      </a:r>
                      <a:endParaRPr lang="en-US" sz="1100" strike="noStrike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[Prevent by] Strengthen</a:t>
                      </a:r>
                      <a:r>
                        <a:rPr lang="en-US" sz="1100" baseline="0" dirty="0" smtClean="0">
                          <a:solidFill>
                            <a:schemeClr val="tx1"/>
                          </a:solidFill>
                        </a:rPr>
                        <a:t> the collaboration between labs by increasing the contact events</a:t>
                      </a: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.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 algn="l" defTabSz="914400" rtl="0" eaLnBrk="1" latinLnBrk="0" hangingPunct="1">
                        <a:buFont typeface="+mj-lt"/>
                        <a:buNone/>
                      </a:pPr>
                      <a:r>
                        <a:rPr lang="en-US" sz="11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90628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60731615"/>
                  </a:ext>
                </a:extLst>
              </a:tr>
              <a:tr h="548640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53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Synergies with partners</a:t>
                      </a:r>
                      <a:r>
                        <a:rPr lang="en-US" sz="1100" baseline="0" dirty="0" smtClean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to grant</a:t>
                      </a:r>
                      <a:r>
                        <a:rPr lang="en-US" sz="1100" baseline="0" dirty="0" smtClean="0">
                          <a:solidFill>
                            <a:schemeClr val="tx1"/>
                          </a:solidFill>
                        </a:rPr>
                        <a:t> success of </a:t>
                      </a: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MTCAv4 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 smtClean="0"/>
                        <a:t>C: 0,3 M€</a:t>
                      </a:r>
                    </a:p>
                    <a:p>
                      <a:r>
                        <a:rPr lang="en-US" sz="1100" dirty="0" smtClean="0"/>
                        <a:t>S: -</a:t>
                      </a:r>
                    </a:p>
                    <a:p>
                      <a:r>
                        <a:rPr lang="en-US" sz="1100" dirty="0" smtClean="0"/>
                        <a:t>Q: -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37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strike="noStrike" kern="1200" baseline="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,5%</a:t>
                      </a:r>
                    </a:p>
                    <a:p>
                      <a:pPr marL="0" marR="0" lvl="0" indent="0" algn="ctr" defTabSz="91437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strike="noStrike" kern="1200" baseline="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(2)</a:t>
                      </a:r>
                      <a:endParaRPr lang="en-US" sz="1100" strike="noStrike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[Limit by] Procurement for MTCAv4 technologies involving several research facilities and industry. Partially financed by Brightness.</a:t>
                      </a:r>
                      <a:endParaRPr lang="en-US" sz="1100" kern="1200" dirty="0" smtClean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 algn="l" defTabSz="914400" rtl="0" eaLnBrk="1" latinLnBrk="0" hangingPunct="1">
                        <a:buFont typeface="+mj-lt"/>
                        <a:buNone/>
                      </a:pPr>
                      <a:r>
                        <a:rPr lang="en-US" sz="11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90628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00721592"/>
                  </a:ext>
                </a:extLst>
              </a:tr>
              <a:tr h="563840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77</a:t>
                      </a:r>
                      <a:endParaRPr lang="sv-SE" sz="1100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Low level software (E3, drivers) is not enough</a:t>
                      </a:r>
                      <a:r>
                        <a:rPr lang="en-US" sz="1100" baseline="0" dirty="0" smtClean="0">
                          <a:solidFill>
                            <a:schemeClr val="tx1"/>
                          </a:solidFill>
                        </a:rPr>
                        <a:t> or of the desired quality</a:t>
                      </a:r>
                      <a:endParaRPr lang="en-US" sz="1100" dirty="0" smtClean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 smtClean="0"/>
                        <a:t>C: 0,2 M€</a:t>
                      </a:r>
                    </a:p>
                    <a:p>
                      <a:r>
                        <a:rPr lang="en-US" sz="1100" dirty="0" smtClean="0"/>
                        <a:t>S: 0-3</a:t>
                      </a:r>
                      <a:r>
                        <a:rPr lang="en-US" sz="1100" baseline="0" dirty="0" smtClean="0"/>
                        <a:t> M</a:t>
                      </a:r>
                      <a:endParaRPr lang="en-US" sz="1100" dirty="0" smtClean="0"/>
                    </a:p>
                    <a:p>
                      <a:r>
                        <a:rPr lang="en-US" sz="1100" dirty="0" smtClean="0"/>
                        <a:t>Q: Several</a:t>
                      </a:r>
                      <a:r>
                        <a:rPr lang="en-US" sz="1100" baseline="0" dirty="0" smtClean="0"/>
                        <a:t> req.</a:t>
                      </a:r>
                      <a:endParaRPr lang="en-US" sz="1100" dirty="0" smtClean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strike="noStrike" baseline="0" dirty="0" smtClean="0">
                          <a:solidFill>
                            <a:schemeClr val="tx1"/>
                          </a:solidFill>
                        </a:rPr>
                        <a:t>65%</a:t>
                      </a:r>
                    </a:p>
                    <a:p>
                      <a:pPr algn="ctr"/>
                      <a:r>
                        <a:rPr lang="en-US" sz="1100" strike="noStrike" baseline="0" dirty="0" smtClean="0">
                          <a:solidFill>
                            <a:schemeClr val="tx1"/>
                          </a:solidFill>
                        </a:rPr>
                        <a:t>(4)</a:t>
                      </a:r>
                      <a:endParaRPr lang="en-US" sz="1100" strike="noStrike" baseline="0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[Prevent by] Collaboration</a:t>
                      </a:r>
                      <a:r>
                        <a:rPr lang="en-US" sz="1100" baseline="0" dirty="0" smtClean="0">
                          <a:solidFill>
                            <a:schemeClr val="tx1"/>
                          </a:solidFill>
                        </a:rPr>
                        <a:t> between groups within ICS for software processes and QA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en-US" sz="1100" baseline="0" dirty="0" smtClean="0">
                          <a:solidFill>
                            <a:schemeClr val="tx1"/>
                          </a:solidFill>
                        </a:rPr>
                        <a:t>E3 initiative tested and ready for deployment</a:t>
                      </a:r>
                      <a:endParaRPr lang="en-US" sz="1100" dirty="0" smtClean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 algn="l" defTabSz="914400" rtl="0" eaLnBrk="1" latinLnBrk="0" hangingPunct="1">
                        <a:buFont typeface="+mj-lt"/>
                        <a:buNone/>
                      </a:pPr>
                      <a:r>
                        <a:rPr lang="en-US" sz="11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1214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1405978"/>
                  </a:ext>
                </a:extLst>
              </a:tr>
              <a:tr h="548640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96</a:t>
                      </a:r>
                      <a:endParaRPr lang="sv-SE" sz="1100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37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 smtClean="0">
                          <a:solidFill>
                            <a:schemeClr val="tx1"/>
                          </a:solidFill>
                        </a:rPr>
                        <a:t>Entire planned budget from instruments integration gets forgotten with Value Engineering or Staged approach to End of Construction</a:t>
                      </a:r>
                      <a:endParaRPr lang="sv-SE" sz="1100" dirty="0" smtClean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 smtClean="0"/>
                        <a:t>C: 0 M€</a:t>
                      </a:r>
                    </a:p>
                    <a:p>
                      <a:r>
                        <a:rPr lang="en-US" sz="1100" dirty="0" smtClean="0"/>
                        <a:t>S: -</a:t>
                      </a:r>
                    </a:p>
                    <a:p>
                      <a:r>
                        <a:rPr lang="en-US" sz="1100" dirty="0" smtClean="0"/>
                        <a:t>Q: One top-level</a:t>
                      </a:r>
                      <a:r>
                        <a:rPr lang="en-US" sz="1100" baseline="0" dirty="0" smtClean="0"/>
                        <a:t> req.</a:t>
                      </a:r>
                      <a:endParaRPr lang="en-US" sz="1100" dirty="0" smtClean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/>
                      <a:r>
                        <a:rPr lang="en-US" sz="1100" strike="noStrike" kern="1200" baseline="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35%</a:t>
                      </a:r>
                    </a:p>
                    <a:p>
                      <a:pPr marL="0" algn="ctr" defTabSz="914377" rtl="0" eaLnBrk="1" latinLnBrk="0" hangingPunct="1"/>
                      <a:r>
                        <a:rPr lang="en-US" sz="1100" strike="noStrike" kern="1200" baseline="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(3)</a:t>
                      </a:r>
                      <a:endParaRPr lang="en-US" sz="1100" strike="noStrike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sv-SE" sz="11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[</a:t>
                      </a:r>
                      <a:r>
                        <a:rPr lang="sv-SE" sz="1100" kern="1200" dirty="0" err="1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void</a:t>
                      </a:r>
                      <a:r>
                        <a:rPr lang="sv-SE" sz="11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] </a:t>
                      </a:r>
                      <a:r>
                        <a:rPr lang="en-US" sz="11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Use of archiving in CHESS to keep trace of all this knowledge, and of sandboxes in Primavera to be able to refine it in the future.</a:t>
                      </a:r>
                      <a:endParaRPr lang="sv-SE" sz="1100" kern="1200" dirty="0" smtClean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 algn="l" defTabSz="914400" rtl="0" eaLnBrk="1" latinLnBrk="0" hangingPunct="1">
                        <a:buFont typeface="+mj-lt"/>
                        <a:buNone/>
                      </a:pPr>
                      <a:r>
                        <a:rPr lang="en-US" sz="11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70616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62258350"/>
                  </a:ext>
                </a:extLst>
              </a:tr>
              <a:tr h="106539">
                <a:tc gridSpan="6">
                  <a:txBody>
                    <a:bodyPr/>
                    <a:lstStyle/>
                    <a:p>
                      <a:endParaRPr lang="en-US" sz="2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sv-S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US" sz="1400" strike="sngStrike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88620">
                <a:tc gridSpan="2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aseline="0" dirty="0" smtClean="0"/>
                        <a:t>Mitigation actions performed since last report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400" baseline="0" dirty="0" smtClean="0"/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4">
                  <a:txBody>
                    <a:bodyPr/>
                    <a:lstStyle/>
                    <a:p>
                      <a:r>
                        <a:rPr lang="sv-SE" sz="1400" dirty="0" err="1" smtClean="0"/>
                        <a:t>Revisited</a:t>
                      </a:r>
                      <a:r>
                        <a:rPr lang="sv-SE" sz="1400" dirty="0" smtClean="0"/>
                        <a:t> </a:t>
                      </a:r>
                      <a:r>
                        <a:rPr lang="sv-SE" sz="1400" dirty="0" err="1" smtClean="0"/>
                        <a:t>schedule</a:t>
                      </a:r>
                      <a:r>
                        <a:rPr lang="sv-SE" sz="1400" baseline="0" dirty="0" smtClean="0"/>
                        <a:t> </a:t>
                      </a:r>
                      <a:r>
                        <a:rPr lang="sv-SE" sz="1400" baseline="0" dirty="0" err="1" smtClean="0"/>
                        <a:t>related</a:t>
                      </a:r>
                      <a:r>
                        <a:rPr lang="sv-SE" sz="1400" baseline="0" dirty="0" smtClean="0"/>
                        <a:t> risks</a:t>
                      </a:r>
                    </a:p>
                    <a:p>
                      <a:r>
                        <a:rPr lang="sv-SE" sz="1400" baseline="0" dirty="0" smtClean="0"/>
                        <a:t>ICS </a:t>
                      </a:r>
                      <a:r>
                        <a:rPr lang="sv-SE" sz="1400" baseline="0" dirty="0" err="1" smtClean="0"/>
                        <a:t>procurement</a:t>
                      </a:r>
                      <a:r>
                        <a:rPr lang="sv-SE" sz="1400" baseline="0" dirty="0" smtClean="0"/>
                        <a:t> plan </a:t>
                      </a:r>
                      <a:r>
                        <a:rPr lang="sv-SE" sz="1400" baseline="0" dirty="0" err="1" smtClean="0"/>
                        <a:t>updated</a:t>
                      </a:r>
                      <a:r>
                        <a:rPr lang="sv-SE" sz="1400" baseline="0" dirty="0" smtClean="0"/>
                        <a:t> (</a:t>
                      </a:r>
                      <a:r>
                        <a:rPr lang="sv-SE" sz="1400" baseline="0" dirty="0" smtClean="0">
                          <a:hlinkClick r:id="rId3"/>
                        </a:rPr>
                        <a:t>ESS-0291029</a:t>
                      </a:r>
                      <a:r>
                        <a:rPr lang="sv-SE" sz="1400" baseline="0" dirty="0" smtClean="0"/>
                        <a:t>)</a:t>
                      </a:r>
                      <a:endParaRPr lang="sv-SE" sz="1400" dirty="0" smtClean="0"/>
                    </a:p>
                    <a:p>
                      <a:r>
                        <a:rPr lang="sv-SE" sz="1400" dirty="0" smtClean="0"/>
                        <a:t>[98, 113, 77] New </a:t>
                      </a:r>
                      <a:r>
                        <a:rPr lang="sv-SE" sz="1400" dirty="0" err="1" smtClean="0"/>
                        <a:t>work</a:t>
                      </a:r>
                      <a:r>
                        <a:rPr lang="sv-SE" sz="1400" dirty="0" smtClean="0"/>
                        <a:t> </a:t>
                      </a:r>
                      <a:r>
                        <a:rPr lang="sv-SE" sz="1400" dirty="0" err="1" smtClean="0"/>
                        <a:t>package</a:t>
                      </a:r>
                      <a:r>
                        <a:rPr lang="sv-SE" sz="1400" dirty="0" smtClean="0"/>
                        <a:t> managers</a:t>
                      </a:r>
                      <a:r>
                        <a:rPr lang="sv-SE" sz="1400" baseline="0" dirty="0" smtClean="0"/>
                        <a:t> </a:t>
                      </a:r>
                      <a:r>
                        <a:rPr lang="sv-SE" sz="1400" baseline="0" dirty="0" err="1" smtClean="0"/>
                        <a:t>appointed</a:t>
                      </a:r>
                      <a:endParaRPr lang="sv-SE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400" strike="sngStrike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6" name="TextBox 5"/>
          <p:cNvSpPr txBox="1"/>
          <p:nvPr/>
        </p:nvSpPr>
        <p:spPr>
          <a:xfrm>
            <a:off x="179512" y="6093296"/>
            <a:ext cx="8784976" cy="646331"/>
          </a:xfrm>
          <a:prstGeom prst="rect">
            <a:avLst/>
          </a:prstGeom>
          <a:solidFill>
            <a:schemeClr val="bg1"/>
          </a:solidFill>
          <a:ln w="38100" cmpd="dbl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prstClr val="black"/>
                </a:solidFill>
              </a:rPr>
              <a:t>Expected value of ICS cost </a:t>
            </a:r>
            <a:r>
              <a:rPr lang="en-US" dirty="0">
                <a:solidFill>
                  <a:prstClr val="black"/>
                </a:solidFill>
              </a:rPr>
              <a:t>r</a:t>
            </a:r>
            <a:r>
              <a:rPr lang="en-US" dirty="0" smtClean="0">
                <a:solidFill>
                  <a:prstClr val="black"/>
                </a:solidFill>
              </a:rPr>
              <a:t>isk = 6.5</a:t>
            </a:r>
            <a:r>
              <a:rPr lang="en-US" dirty="0" smtClean="0"/>
              <a:t> M€ (5.9 M€ last month) </a:t>
            </a:r>
            <a:r>
              <a:rPr lang="en-US" sz="1100" dirty="0" smtClean="0"/>
              <a:t>(whole assignments </a:t>
            </a:r>
            <a:r>
              <a:rPr lang="en-US" sz="1100" dirty="0"/>
              <a:t>and future)</a:t>
            </a:r>
            <a:endParaRPr lang="en-US" dirty="0"/>
          </a:p>
          <a:p>
            <a:r>
              <a:rPr lang="en-US" dirty="0" smtClean="0"/>
              <a:t>Latest </a:t>
            </a:r>
            <a:r>
              <a:rPr lang="en-US" dirty="0"/>
              <a:t>risk workshop: </a:t>
            </a:r>
            <a:r>
              <a:rPr lang="en-US" dirty="0" smtClean="0"/>
              <a:t> 2018-04-11; Next workshop scheduled for: 2018-09-2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451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CBD5F6-3982-6C45-8D42-A12FFC5FD3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1A9772D-802A-AE47-8F8F-7B8EDA5B87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dirty="0" smtClean="0"/>
              <a:t>ICS goals and scope </a:t>
            </a:r>
          </a:p>
          <a:p>
            <a:r>
              <a:rPr lang="en-GB" dirty="0" smtClean="0"/>
              <a:t>ICS organization</a:t>
            </a:r>
            <a:endParaRPr lang="en-GB" dirty="0"/>
          </a:p>
          <a:p>
            <a:r>
              <a:rPr lang="en-GB" dirty="0" smtClean="0"/>
              <a:t>ICS in-kind contributions</a:t>
            </a:r>
            <a:endParaRPr lang="en-GB" dirty="0"/>
          </a:p>
          <a:p>
            <a:r>
              <a:rPr lang="en-GB" dirty="0" smtClean="0"/>
              <a:t>ICS project status</a:t>
            </a:r>
          </a:p>
          <a:p>
            <a:r>
              <a:rPr lang="en-GB" dirty="0"/>
              <a:t>ICS project </a:t>
            </a:r>
            <a:r>
              <a:rPr lang="en-GB" dirty="0" smtClean="0"/>
              <a:t>status illustrated</a:t>
            </a:r>
            <a:endParaRPr lang="en-GB" dirty="0"/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5B7F937-95B1-EF40-A7C1-9E45988017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</a:t>
            </a:fld>
            <a:endParaRPr lang="en-GB" noProof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2624705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ents on Schedule - risk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7504" y="1412776"/>
            <a:ext cx="9001000" cy="5112568"/>
          </a:xfrm>
        </p:spPr>
        <p:txBody>
          <a:bodyPr>
            <a:noAutofit/>
          </a:bodyPr>
          <a:lstStyle/>
          <a:p>
            <a:r>
              <a:rPr lang="en-US" sz="1800" dirty="0" smtClean="0"/>
              <a:t>[#112] Several stakeholder critical </a:t>
            </a:r>
            <a:r>
              <a:rPr lang="en-US" sz="1800" dirty="0"/>
              <a:t>paths to manage </a:t>
            </a:r>
            <a:r>
              <a:rPr lang="en-US" sz="1800" dirty="0" smtClean="0"/>
              <a:t>adds </a:t>
            </a:r>
            <a:r>
              <a:rPr lang="en-US" sz="1800" dirty="0"/>
              <a:t>complexity to schedule management </a:t>
            </a:r>
          </a:p>
          <a:p>
            <a:r>
              <a:rPr lang="en-US" sz="1800" dirty="0" smtClean="0"/>
              <a:t>[#098] </a:t>
            </a:r>
            <a:r>
              <a:rPr lang="en-US" sz="1800" dirty="0"/>
              <a:t>Overlap of integration activities (for example, between </a:t>
            </a:r>
            <a:r>
              <a:rPr lang="en-US" sz="1800" dirty="0" smtClean="0"/>
              <a:t>Accelerator, NSS and </a:t>
            </a:r>
            <a:r>
              <a:rPr lang="en-US" sz="1800" dirty="0"/>
              <a:t>Target) due to the new schedule results in a challenge for ICS to secure the availability of skillful resources </a:t>
            </a:r>
          </a:p>
          <a:p>
            <a:endParaRPr lang="en-US" sz="1800" dirty="0" smtClean="0"/>
          </a:p>
          <a:p>
            <a:r>
              <a:rPr lang="en-US" sz="1800" dirty="0"/>
              <a:t>[#</a:t>
            </a:r>
            <a:r>
              <a:rPr lang="en-US" sz="1800" dirty="0" smtClean="0"/>
              <a:t>113] </a:t>
            </a:r>
            <a:r>
              <a:rPr lang="en-US" sz="1800" dirty="0"/>
              <a:t>Dependency on in-kind partners </a:t>
            </a:r>
            <a:r>
              <a:rPr lang="en-US" sz="1800" dirty="0" smtClean="0"/>
              <a:t>(main potential </a:t>
            </a:r>
            <a:r>
              <a:rPr lang="en-US" sz="1800" dirty="0"/>
              <a:t>issues </a:t>
            </a:r>
            <a:r>
              <a:rPr lang="en-US" sz="1800" dirty="0" smtClean="0"/>
              <a:t>with: ESS Bilbao, PSI, CEA </a:t>
            </a:r>
            <a:r>
              <a:rPr lang="en-US" sz="1800" dirty="0" err="1" smtClean="0"/>
              <a:t>Saclay</a:t>
            </a:r>
            <a:r>
              <a:rPr lang="en-US" sz="1800" dirty="0" smtClean="0"/>
              <a:t>) </a:t>
            </a:r>
            <a:endParaRPr lang="en-US" sz="1800" dirty="0"/>
          </a:p>
          <a:p>
            <a:r>
              <a:rPr lang="en-US" sz="1800" dirty="0"/>
              <a:t>[#</a:t>
            </a:r>
            <a:r>
              <a:rPr lang="en-US" sz="1800" dirty="0" smtClean="0"/>
              <a:t>114] </a:t>
            </a:r>
            <a:r>
              <a:rPr lang="en-US" sz="1800" dirty="0"/>
              <a:t>System testing time underestimated by stakeholders impacting ICS' assumptions</a:t>
            </a:r>
          </a:p>
          <a:p>
            <a:r>
              <a:rPr lang="en-US" sz="1800" dirty="0"/>
              <a:t>[#</a:t>
            </a:r>
            <a:r>
              <a:rPr lang="en-US" sz="1800" dirty="0" smtClean="0"/>
              <a:t>088</a:t>
            </a:r>
            <a:r>
              <a:rPr lang="en-US" sz="1800" dirty="0"/>
              <a:t>] Uncertainty </a:t>
            </a:r>
            <a:r>
              <a:rPr lang="en-US" sz="1800" dirty="0" smtClean="0"/>
              <a:t>in the effort needed for commissioning </a:t>
            </a:r>
            <a:r>
              <a:rPr lang="en-US" sz="1800" dirty="0"/>
              <a:t>support </a:t>
            </a:r>
            <a:r>
              <a:rPr lang="en-US" sz="1800" dirty="0" smtClean="0"/>
              <a:t>from </a:t>
            </a:r>
            <a:r>
              <a:rPr lang="en-US" sz="1800" dirty="0"/>
              <a:t>ICS teams</a:t>
            </a:r>
          </a:p>
          <a:p>
            <a:r>
              <a:rPr lang="en-US" sz="1800" dirty="0"/>
              <a:t>[#</a:t>
            </a:r>
            <a:r>
              <a:rPr lang="en-US" sz="1800" dirty="0" smtClean="0"/>
              <a:t>100] </a:t>
            </a:r>
            <a:r>
              <a:rPr lang="en-US" sz="1800" dirty="0"/>
              <a:t>Uncertainty </a:t>
            </a:r>
            <a:r>
              <a:rPr lang="en-US" sz="1800" dirty="0" smtClean="0"/>
              <a:t>in the coordination </a:t>
            </a:r>
            <a:r>
              <a:rPr lang="en-US" sz="1800" dirty="0"/>
              <a:t>efforts for ICS installation teams due to cumbersome ESS site processes or involved organizations and </a:t>
            </a:r>
            <a:r>
              <a:rPr lang="en-US" sz="1800" dirty="0" smtClean="0"/>
              <a:t>suppliers</a:t>
            </a:r>
          </a:p>
          <a:p>
            <a:endParaRPr lang="en-US" sz="1800" dirty="0"/>
          </a:p>
          <a:p>
            <a:endParaRPr lang="en-US" sz="1800" dirty="0" smtClean="0"/>
          </a:p>
          <a:p>
            <a:endParaRPr lang="en-US" sz="1800" dirty="0"/>
          </a:p>
          <a:p>
            <a:pPr marL="0" indent="0">
              <a:buNone/>
            </a:pPr>
            <a:r>
              <a:rPr lang="en-US" sz="1100" dirty="0" smtClean="0"/>
              <a:t>[from </a:t>
            </a:r>
            <a:r>
              <a:rPr lang="en-US" sz="1100" dirty="0" err="1" smtClean="0"/>
              <a:t>Exonaut</a:t>
            </a:r>
            <a:r>
              <a:rPr lang="en-US" sz="1100" dirty="0" smtClean="0"/>
              <a:t>; ESS risk management tool]</a:t>
            </a:r>
            <a:endParaRPr lang="en-US" sz="11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0</a:t>
            </a:fld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5513911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CBD5F6-3982-6C45-8D42-A12FFC5FD3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1A9772D-802A-AE47-8F8F-7B8EDA5B87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goals and scope </a:t>
            </a:r>
          </a:p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organization</a:t>
            </a:r>
            <a:endParaRPr lang="en-GB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in-kind contributions</a:t>
            </a:r>
            <a:endParaRPr lang="en-GB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project status</a:t>
            </a:r>
          </a:p>
          <a:p>
            <a:r>
              <a:rPr lang="en-GB" dirty="0"/>
              <a:t>ICS project </a:t>
            </a:r>
            <a:r>
              <a:rPr lang="en-GB" dirty="0" smtClean="0"/>
              <a:t>status illustrated</a:t>
            </a:r>
            <a:endParaRPr lang="en-GB" dirty="0"/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5B7F937-95B1-EF40-A7C1-9E45988017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1</a:t>
            </a:fld>
            <a:endParaRPr lang="en-GB" noProof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4822651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512" y="274638"/>
            <a:ext cx="7416824" cy="1143000"/>
          </a:xfrm>
        </p:spPr>
        <p:txBody>
          <a:bodyPr/>
          <a:lstStyle/>
          <a:p>
            <a:r>
              <a:rPr lang="sv-SE" dirty="0" smtClean="0"/>
              <a:t>Installation of control system infrastructure</a:t>
            </a:r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-54986" y="3946343"/>
            <a:ext cx="5563090" cy="2337123"/>
          </a:xfrm>
        </p:spPr>
        <p:txBody>
          <a:bodyPr>
            <a:normAutofit/>
          </a:bodyPr>
          <a:lstStyle/>
          <a:p>
            <a:r>
              <a:rPr lang="sv-SE" sz="2000" dirty="0" smtClean="0"/>
              <a:t>Installation and deployment of control system infrastructure is progressing according to plan</a:t>
            </a:r>
          </a:p>
          <a:p>
            <a:endParaRPr lang="sv-SE" sz="2000" dirty="0"/>
          </a:p>
          <a:p>
            <a:r>
              <a:rPr lang="sv-SE" sz="2000" dirty="0" smtClean="0"/>
              <a:t>Fibre, cabling, switches, routers, patch panels etc. are installed and commissioned</a:t>
            </a:r>
            <a:endParaRPr lang="sv-SE" sz="2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2</a:t>
            </a:fld>
            <a:endParaRPr lang="en-GB" noProof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77824" y="1412776"/>
            <a:ext cx="3566176" cy="18002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77824" y="3212975"/>
            <a:ext cx="3566176" cy="3070491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16803" y="1412776"/>
            <a:ext cx="3751996" cy="2376264"/>
          </a:xfrm>
          <a:prstGeom prst="rect">
            <a:avLst/>
          </a:prstGeom>
        </p:spPr>
      </p:pic>
      <p:pic>
        <p:nvPicPr>
          <p:cNvPr id="3074" name="Picture 2" descr="G:\Machines Directorate\Integrated Control System division\Public Read Write\Peter Holgersson\ESS\Klystron Gallery\FEB-020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5400000">
            <a:off x="-279731" y="1692510"/>
            <a:ext cx="2376263" cy="18168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2733975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smtClean="0"/>
              <a:t>Installation of Personnel safety systems</a:t>
            </a:r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79512" y="2636912"/>
            <a:ext cx="4999232" cy="3600400"/>
          </a:xfrm>
        </p:spPr>
        <p:txBody>
          <a:bodyPr>
            <a:normAutofit/>
          </a:bodyPr>
          <a:lstStyle/>
          <a:p>
            <a:r>
              <a:rPr lang="sv-SE" sz="2000" dirty="0" smtClean="0"/>
              <a:t>ESS personnel safety </a:t>
            </a:r>
            <a:br>
              <a:rPr lang="sv-SE" sz="2000" dirty="0" smtClean="0"/>
            </a:br>
            <a:r>
              <a:rPr lang="sv-SE" sz="2000" dirty="0" smtClean="0"/>
              <a:t>systems are among the </a:t>
            </a:r>
            <a:br>
              <a:rPr lang="sv-SE" sz="2000" dirty="0" smtClean="0"/>
            </a:br>
            <a:r>
              <a:rPr lang="sv-SE" sz="2000" dirty="0" smtClean="0"/>
              <a:t>earliest systems that need to be in </a:t>
            </a:r>
            <a:br>
              <a:rPr lang="sv-SE" sz="2000" dirty="0" smtClean="0"/>
            </a:br>
            <a:r>
              <a:rPr lang="sv-SE" sz="2000" dirty="0" smtClean="0"/>
              <a:t>place before operating equipment</a:t>
            </a:r>
          </a:p>
          <a:p>
            <a:endParaRPr lang="sv-SE" sz="2000" dirty="0" smtClean="0"/>
          </a:p>
          <a:p>
            <a:r>
              <a:rPr lang="sv-SE" sz="2000" dirty="0" smtClean="0"/>
              <a:t>A lot of installation is ongoing, in </a:t>
            </a:r>
            <a:br>
              <a:rPr lang="sv-SE" sz="2000" dirty="0" smtClean="0"/>
            </a:br>
            <a:r>
              <a:rPr lang="sv-SE" sz="2000" dirty="0" smtClean="0"/>
              <a:t>particular for Oxygen deficiency hazard monitor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3</a:t>
            </a:fld>
            <a:endParaRPr lang="en-GB" noProof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4975731" y="3047588"/>
            <a:ext cx="1558154" cy="2141128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9976" y="1453716"/>
            <a:ext cx="3135327" cy="1885358"/>
          </a:xfrm>
          <a:prstGeom prst="rect">
            <a:avLst/>
          </a:prstGeom>
        </p:spPr>
      </p:pic>
      <p:pic>
        <p:nvPicPr>
          <p:cNvPr id="12" name="Picture 11" descr="IMG_2845.JP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3987" y="3339074"/>
            <a:ext cx="1168613" cy="1558153"/>
          </a:xfrm>
          <a:prstGeom prst="rect">
            <a:avLst/>
          </a:prstGeom>
        </p:spPr>
      </p:pic>
      <p:pic>
        <p:nvPicPr>
          <p:cNvPr id="13" name="Picture 12" descr="IMG_2841.JP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25371" y="3339074"/>
            <a:ext cx="1168615" cy="1558153"/>
          </a:xfrm>
          <a:prstGeom prst="rect">
            <a:avLst/>
          </a:prstGeom>
        </p:spPr>
      </p:pic>
      <p:pic>
        <p:nvPicPr>
          <p:cNvPr id="15" name="Picture 14" descr="IMG_2852.JPG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96136" y="4904972"/>
            <a:ext cx="1360733" cy="1814311"/>
          </a:xfrm>
          <a:prstGeom prst="rect">
            <a:avLst/>
          </a:prstGeom>
        </p:spPr>
      </p:pic>
      <p:pic>
        <p:nvPicPr>
          <p:cNvPr id="16" name="Picture 15" descr="IMG_2854.JPG"/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671" r="26478" b="8834"/>
          <a:stretch/>
        </p:blipFill>
        <p:spPr>
          <a:xfrm>
            <a:off x="7079247" y="4897227"/>
            <a:ext cx="2047774" cy="1813742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97002" y="1454345"/>
            <a:ext cx="2512974" cy="1884729"/>
          </a:xfrm>
          <a:prstGeom prst="rect">
            <a:avLst/>
          </a:prstGeom>
        </p:spPr>
      </p:pic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5549638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sv-SE" sz="2800" dirty="0" smtClean="0"/>
              <a:t>Controlling systems from the local control room</a:t>
            </a:r>
            <a:endParaRPr lang="sv-SE" sz="28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-46856" y="4509120"/>
            <a:ext cx="4978896" cy="1549276"/>
          </a:xfrm>
        </p:spPr>
        <p:txBody>
          <a:bodyPr>
            <a:normAutofit/>
          </a:bodyPr>
          <a:lstStyle/>
          <a:p>
            <a:r>
              <a:rPr lang="sv-SE" sz="1800" dirty="0" smtClean="0"/>
              <a:t>Recent achievements include controlling the pure Helium storage and parts of the ion source and LEBT from the local control room</a:t>
            </a:r>
            <a:endParaRPr lang="sv-SE" sz="24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4</a:t>
            </a:fld>
            <a:endParaRPr lang="en-GB" noProof="0"/>
          </a:p>
        </p:txBody>
      </p:sp>
      <p:pic>
        <p:nvPicPr>
          <p:cNvPr id="1026" name="F49F4D4A-7EDB-4722-8EFC-16B24A8A0A1E" descr="C542BCCA-C56E-4932-8703-952142B1DC3C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96544" y="1456488"/>
            <a:ext cx="5544616" cy="31409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7" name="06E014FD-8423-4490-A104-A5CC8B5135CA" descr="5B5CF5BD-A625-4882-9BB2-321D0EE6D41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452247"/>
            <a:ext cx="3635895" cy="31099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9" name="Picture 5" descr="https://confluence.esss.lu.se/download/attachments/262408054/phs_3_s.jpg?version=1&amp;modificationDate=1521736311426&amp;api=v2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36096" y="4545366"/>
            <a:ext cx="3707904" cy="23464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880320" y="5345833"/>
            <a:ext cx="2555776" cy="1512168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5356380"/>
            <a:ext cx="2880320" cy="1512168"/>
          </a:xfrm>
          <a:prstGeom prst="rect">
            <a:avLst/>
          </a:prstGeom>
        </p:spPr>
      </p:pic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502588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Temporary Control Room and controls hardware are materializing…</a:t>
            </a:r>
            <a:endParaRPr lang="en-GB" dirty="0"/>
          </a:p>
        </p:txBody>
      </p:sp>
      <p:pic>
        <p:nvPicPr>
          <p:cNvPr id="5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5050" y="1446585"/>
            <a:ext cx="8523189" cy="54110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6" name="Straight Arrow Connector 5"/>
          <p:cNvCxnSpPr/>
          <p:nvPr/>
        </p:nvCxnSpPr>
        <p:spPr>
          <a:xfrm flipH="1">
            <a:off x="4971011" y="2540159"/>
            <a:ext cx="2293389" cy="1628587"/>
          </a:xfrm>
          <a:prstGeom prst="straightConnector1">
            <a:avLst/>
          </a:prstGeom>
          <a:ln w="317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/>
        </p:nvSpPr>
        <p:spPr>
          <a:xfrm>
            <a:off x="7215268" y="1893828"/>
            <a:ext cx="1593668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GB" dirty="0" smtClean="0"/>
              <a:t>Local control room</a:t>
            </a:r>
            <a:endParaRPr lang="en-GB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687" y="1597896"/>
            <a:ext cx="6620454" cy="4965341"/>
          </a:xfrm>
          <a:prstGeom prst="rect">
            <a:avLst/>
          </a:prstGeom>
        </p:spPr>
      </p:pic>
      <p:grpSp>
        <p:nvGrpSpPr>
          <p:cNvPr id="11" name="Group 10"/>
          <p:cNvGrpSpPr/>
          <p:nvPr/>
        </p:nvGrpSpPr>
        <p:grpSpPr>
          <a:xfrm>
            <a:off x="-70291" y="2750141"/>
            <a:ext cx="1902830" cy="4103344"/>
            <a:chOff x="-70291" y="2750141"/>
            <a:chExt cx="1902830" cy="4103344"/>
          </a:xfrm>
        </p:grpSpPr>
        <p:pic>
          <p:nvPicPr>
            <p:cNvPr id="9" name="Picture 2"/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-1438" y="2750141"/>
              <a:ext cx="1765125" cy="41033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4" name="TextBox 3"/>
            <p:cNvSpPr txBox="1"/>
            <p:nvPr/>
          </p:nvSpPr>
          <p:spPr>
            <a:xfrm>
              <a:off x="-70291" y="5951412"/>
              <a:ext cx="1902830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dirty="0" smtClean="0"/>
                <a:t>Oxygen </a:t>
              </a:r>
              <a:r>
                <a:rPr lang="en-GB" dirty="0" err="1" smtClean="0"/>
                <a:t>Deficency</a:t>
              </a:r>
              <a:endParaRPr lang="en-GB" dirty="0"/>
            </a:p>
            <a:p>
              <a:pPr algn="ctr"/>
              <a:r>
                <a:rPr lang="en-GB" dirty="0" smtClean="0"/>
                <a:t>Hazard System</a:t>
              </a:r>
              <a:endParaRPr lang="en-GB" dirty="0"/>
            </a:p>
          </p:txBody>
        </p:sp>
      </p:grpSp>
      <p:grpSp>
        <p:nvGrpSpPr>
          <p:cNvPr id="14" name="Group 13"/>
          <p:cNvGrpSpPr/>
          <p:nvPr/>
        </p:nvGrpSpPr>
        <p:grpSpPr>
          <a:xfrm>
            <a:off x="4835320" y="2754657"/>
            <a:ext cx="4308680" cy="4103343"/>
            <a:chOff x="4826690" y="2750139"/>
            <a:chExt cx="4308680" cy="4103343"/>
          </a:xfrm>
        </p:grpSpPr>
        <p:pic>
          <p:nvPicPr>
            <p:cNvPr id="12" name="Picture 3" descr="C:\work\temp\Weeklies\w1750\IFC1410_FMC_2.JPG"/>
            <p:cNvPicPr>
              <a:picLocks noChangeAspect="1" noChangeArrowheads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26690" y="2750139"/>
              <a:ext cx="4308680" cy="41033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3" name="TextBox 12"/>
            <p:cNvSpPr txBox="1"/>
            <p:nvPr/>
          </p:nvSpPr>
          <p:spPr>
            <a:xfrm>
              <a:off x="4826690" y="6207151"/>
              <a:ext cx="1880578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dirty="0" smtClean="0"/>
                <a:t>High performance</a:t>
              </a:r>
            </a:p>
            <a:p>
              <a:pPr algn="ctr"/>
              <a:r>
                <a:rPr lang="en-GB" dirty="0" smtClean="0"/>
                <a:t>platform (MTCA4)</a:t>
              </a:r>
              <a:endParaRPr lang="en-GB" dirty="0"/>
            </a:p>
          </p:txBody>
        </p:sp>
      </p:grp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10" name="Footer Placeholder 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15" name="Slide Number Placeholder 1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5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8613928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smtClean="0"/>
              <a:t>Building control systems</a:t>
            </a:r>
            <a:endParaRPr lang="sv-SE" dirty="0"/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1692" y="1462261"/>
            <a:ext cx="2451720" cy="3268960"/>
          </a:xfr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6</a:t>
            </a:fld>
            <a:endParaRPr lang="en-GB" noProof="0"/>
          </a:p>
        </p:txBody>
      </p:sp>
      <p:pic>
        <p:nvPicPr>
          <p:cNvPr id="2050" name="Picture 2" descr="G:\Machines Directorate\Integrated Control System division\Public Read Write\Viktor Fred\MPSoS\Procurements\Patch panel prototype\20180323_083207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08105" y="4725144"/>
            <a:ext cx="3635896" cy="20451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1" name="Picture 3" descr="G:\Machines Directorate\Integrated Control System division\Public Read Write\Peter Holgersson\ESS\Jamboree\Cable db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4725144"/>
            <a:ext cx="4167560" cy="20902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G:\Machines Directorate\Integrated Control System division\Public Read Write\Peter Holgersson\ESS\Jamboree\Naming Service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462261"/>
            <a:ext cx="4167560" cy="1750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3" name="Picture 5" descr="G:\Machines Directorate\Integrated Control System division\Public Read Write\JP\IMG_8142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61783" y="1462261"/>
            <a:ext cx="2518061" cy="16787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Content Placeholder 2"/>
          <p:cNvSpPr txBox="1">
            <a:spLocks/>
          </p:cNvSpPr>
          <p:nvPr/>
        </p:nvSpPr>
        <p:spPr>
          <a:xfrm>
            <a:off x="179512" y="3284984"/>
            <a:ext cx="6408712" cy="1476164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sv-SE" sz="1800" dirty="0" smtClean="0"/>
              <a:t>Many components are being assembled into ICS subsystems and readied for installation</a:t>
            </a:r>
          </a:p>
          <a:p>
            <a:endParaRPr lang="sv-SE" sz="1800" dirty="0" smtClean="0"/>
          </a:p>
          <a:p>
            <a:r>
              <a:rPr lang="sv-SE" sz="1800" dirty="0" smtClean="0"/>
              <a:t>Meanwhile, work is continuing with maintaining and developing the ICS and EPICS software solutions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3815238" y="5172529"/>
            <a:ext cx="2045189" cy="1150419"/>
          </a:xfrm>
          <a:prstGeom prst="rect">
            <a:avLst/>
          </a:prstGeom>
        </p:spPr>
      </p:pic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5111526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ctr"/>
            <a:r>
              <a:rPr lang="en-GB" dirty="0" smtClean="0"/>
              <a:t>Questions?</a:t>
            </a:r>
            <a:endParaRPr lang="en-GB" dirty="0"/>
          </a:p>
        </p:txBody>
      </p:sp>
      <p:sp>
        <p:nvSpPr>
          <p:cNvPr id="8" name="Subtitle 7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>
                <a:solidFill>
                  <a:schemeClr val="bg1"/>
                </a:solidFill>
              </a:rPr>
              <a:t>Thank you</a:t>
            </a:r>
            <a:endParaRPr lang="en-GB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29695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CBD5F6-3982-6C45-8D42-A12FFC5FD3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1A9772D-802A-AE47-8F8F-7B8EDA5B87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dirty="0" smtClean="0"/>
              <a:t>ICS goals and scope </a:t>
            </a:r>
          </a:p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organization</a:t>
            </a:r>
            <a:endParaRPr lang="en-GB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in-kind contributions</a:t>
            </a:r>
            <a:endParaRPr lang="en-GB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project status</a:t>
            </a:r>
          </a:p>
          <a:p>
            <a:r>
              <a:rPr lang="en-GB" dirty="0">
                <a:solidFill>
                  <a:schemeClr val="tx1">
                    <a:lumMod val="50000"/>
                    <a:lumOff val="50000"/>
                  </a:schemeClr>
                </a:solidFill>
              </a:rPr>
              <a:t>ICS project </a:t>
            </a:r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status illustrated</a:t>
            </a:r>
            <a:endParaRPr lang="en-GB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5B7F937-95B1-EF40-A7C1-9E45988017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4</a:t>
            </a:fld>
            <a:endParaRPr lang="en-GB" noProof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9390594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smtClean="0"/>
              <a:t>The ESS integrated control system</a:t>
            </a:r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7504" y="1435038"/>
            <a:ext cx="8856984" cy="5257800"/>
          </a:xfrm>
        </p:spPr>
        <p:txBody>
          <a:bodyPr>
            <a:normAutofit/>
          </a:bodyPr>
          <a:lstStyle/>
          <a:p>
            <a:pPr>
              <a:spcBef>
                <a:spcPts val="200"/>
              </a:spcBef>
            </a:pPr>
            <a:r>
              <a:rPr lang="sv-SE" sz="1800" dirty="0" smtClean="0">
                <a:solidFill>
                  <a:schemeClr val="tx1"/>
                </a:solidFill>
              </a:rPr>
              <a:t>The ESS facility is a large and complex machine with very much and diverse equipment that needs to work in synchronization  and with well-known configurations</a:t>
            </a:r>
          </a:p>
          <a:p>
            <a:pPr>
              <a:spcBef>
                <a:spcPts val="200"/>
              </a:spcBef>
            </a:pPr>
            <a:endParaRPr lang="sv-SE" sz="1800" dirty="0" smtClean="0">
              <a:solidFill>
                <a:schemeClr val="tx1"/>
              </a:solidFill>
            </a:endParaRPr>
          </a:p>
          <a:p>
            <a:pPr>
              <a:spcBef>
                <a:spcPts val="200"/>
              </a:spcBef>
            </a:pPr>
            <a:r>
              <a:rPr lang="en-US" sz="1800" dirty="0"/>
              <a:t>The Integrated Control System Division (ICS division) is responsible for the control systems within the ESS facility including controls for </a:t>
            </a:r>
            <a:endParaRPr lang="en-US" sz="1800" dirty="0" smtClean="0"/>
          </a:p>
          <a:p>
            <a:pPr lvl="1">
              <a:spcBef>
                <a:spcPts val="200"/>
              </a:spcBef>
            </a:pPr>
            <a:r>
              <a:rPr lang="en-US" sz="1600" b="1" dirty="0" smtClean="0"/>
              <a:t>Linear Accelerator</a:t>
            </a:r>
          </a:p>
          <a:p>
            <a:pPr lvl="1">
              <a:spcBef>
                <a:spcPts val="200"/>
              </a:spcBef>
            </a:pPr>
            <a:r>
              <a:rPr lang="en-US" sz="1600" b="1" dirty="0" smtClean="0"/>
              <a:t>Target Station</a:t>
            </a:r>
          </a:p>
          <a:p>
            <a:pPr lvl="1">
              <a:spcBef>
                <a:spcPts val="200"/>
              </a:spcBef>
            </a:pPr>
            <a:r>
              <a:rPr lang="en-US" sz="1600" b="1" dirty="0" smtClean="0"/>
              <a:t>Neutron Scattering </a:t>
            </a:r>
            <a:r>
              <a:rPr lang="en-US" sz="1600" b="1" dirty="0"/>
              <a:t>S</a:t>
            </a:r>
            <a:r>
              <a:rPr lang="en-US" sz="1600" b="1" dirty="0" smtClean="0"/>
              <a:t>ystems</a:t>
            </a:r>
          </a:p>
          <a:p>
            <a:pPr lvl="1">
              <a:spcBef>
                <a:spcPts val="200"/>
              </a:spcBef>
            </a:pPr>
            <a:r>
              <a:rPr lang="en-US" sz="1600" b="1" dirty="0" smtClean="0"/>
              <a:t>Conventional Facilities</a:t>
            </a:r>
            <a:endParaRPr lang="en-US" sz="1600" dirty="0" smtClean="0"/>
          </a:p>
          <a:p>
            <a:pPr>
              <a:spcBef>
                <a:spcPts val="200"/>
              </a:spcBef>
            </a:pPr>
            <a:endParaRPr lang="en-US" sz="1800" dirty="0"/>
          </a:p>
          <a:p>
            <a:pPr>
              <a:spcBef>
                <a:spcPts val="200"/>
              </a:spcBef>
            </a:pPr>
            <a:r>
              <a:rPr lang="en-US" sz="1800" dirty="0" smtClean="0"/>
              <a:t>In addition, ICS will implement</a:t>
            </a:r>
          </a:p>
          <a:p>
            <a:pPr lvl="1">
              <a:spcBef>
                <a:spcPts val="200"/>
              </a:spcBef>
            </a:pPr>
            <a:r>
              <a:rPr lang="en-US" sz="1600" b="1" dirty="0"/>
              <a:t>Machine  Protection System </a:t>
            </a:r>
          </a:p>
          <a:p>
            <a:pPr lvl="1">
              <a:spcBef>
                <a:spcPts val="200"/>
              </a:spcBef>
            </a:pPr>
            <a:r>
              <a:rPr lang="en-US" sz="1600" b="1" dirty="0"/>
              <a:t>Personnel Safety System</a:t>
            </a:r>
          </a:p>
          <a:p>
            <a:pPr lvl="1">
              <a:spcBef>
                <a:spcPts val="200"/>
              </a:spcBef>
            </a:pPr>
            <a:endParaRPr lang="sv-SE" sz="1400" dirty="0">
              <a:solidFill>
                <a:schemeClr val="tx1"/>
              </a:solidFill>
            </a:endParaRPr>
          </a:p>
          <a:p>
            <a:pPr>
              <a:spcBef>
                <a:spcPts val="200"/>
              </a:spcBef>
            </a:pPr>
            <a:r>
              <a:rPr lang="sv-SE" sz="1800" dirty="0" smtClean="0">
                <a:solidFill>
                  <a:schemeClr val="tx1"/>
                </a:solidFill>
              </a:rPr>
              <a:t>To build a distributed control</a:t>
            </a:r>
            <a:br>
              <a:rPr lang="sv-SE" sz="1800" dirty="0" smtClean="0">
                <a:solidFill>
                  <a:schemeClr val="tx1"/>
                </a:solidFill>
              </a:rPr>
            </a:br>
            <a:r>
              <a:rPr lang="sv-SE" sz="1800" dirty="0" smtClean="0">
                <a:solidFill>
                  <a:schemeClr val="tx1"/>
                </a:solidFill>
              </a:rPr>
              <a:t>system of this size is a major </a:t>
            </a:r>
            <a:br>
              <a:rPr lang="sv-SE" sz="1800" dirty="0" smtClean="0">
                <a:solidFill>
                  <a:schemeClr val="tx1"/>
                </a:solidFill>
              </a:rPr>
            </a:br>
            <a:r>
              <a:rPr lang="sv-SE" sz="1800" dirty="0" smtClean="0">
                <a:solidFill>
                  <a:schemeClr val="tx1"/>
                </a:solidFill>
              </a:rPr>
              <a:t>undertaking</a:t>
            </a:r>
            <a:endParaRPr lang="sv-SE" sz="1800" dirty="0">
              <a:solidFill>
                <a:schemeClr val="tx1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5</a:t>
            </a:fld>
            <a:endParaRPr lang="sv-SE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3779912" y="3104084"/>
            <a:ext cx="5364088" cy="37195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1375198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 smtClean="0"/>
              <a:t>ESS/ICS challenges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496" y="1384176"/>
            <a:ext cx="8507288" cy="5357192"/>
          </a:xfrm>
        </p:spPr>
        <p:txBody>
          <a:bodyPr>
            <a:noAutofit/>
          </a:bodyPr>
          <a:lstStyle/>
          <a:p>
            <a:r>
              <a:rPr lang="en-GB" dirty="0" smtClean="0">
                <a:solidFill>
                  <a:schemeClr val="tx1"/>
                </a:solidFill>
              </a:rPr>
              <a:t>The ESS control </a:t>
            </a:r>
            <a:r>
              <a:rPr lang="en-GB" dirty="0">
                <a:solidFill>
                  <a:schemeClr val="tx1"/>
                </a:solidFill>
              </a:rPr>
              <a:t>system complexity is very </a:t>
            </a:r>
            <a:r>
              <a:rPr lang="en-GB" dirty="0" smtClean="0">
                <a:solidFill>
                  <a:schemeClr val="tx1"/>
                </a:solidFill>
              </a:rPr>
              <a:t>high</a:t>
            </a:r>
          </a:p>
          <a:p>
            <a:pPr lvl="1"/>
            <a:r>
              <a:rPr lang="en-GB" sz="2000" dirty="0" smtClean="0">
                <a:solidFill>
                  <a:schemeClr val="tx1"/>
                </a:solidFill>
              </a:rPr>
              <a:t>About 1 600 000 “process values”</a:t>
            </a:r>
          </a:p>
          <a:p>
            <a:pPr lvl="1"/>
            <a:r>
              <a:rPr lang="en-US" sz="2000" dirty="0"/>
              <a:t>Ambitious approach to automation of control system configuration</a:t>
            </a:r>
          </a:p>
          <a:p>
            <a:pPr lvl="1"/>
            <a:endParaRPr lang="en-GB" sz="1000" dirty="0" smtClean="0">
              <a:solidFill>
                <a:schemeClr val="tx1"/>
              </a:solidFill>
            </a:endParaRPr>
          </a:p>
          <a:p>
            <a:r>
              <a:rPr lang="en-GB" dirty="0" smtClean="0">
                <a:solidFill>
                  <a:schemeClr val="tx1"/>
                </a:solidFill>
              </a:rPr>
              <a:t>Facility </a:t>
            </a:r>
            <a:r>
              <a:rPr lang="en-GB" dirty="0">
                <a:solidFill>
                  <a:schemeClr val="tx1"/>
                </a:solidFill>
              </a:rPr>
              <a:t>availability goals are very </a:t>
            </a:r>
            <a:r>
              <a:rPr lang="en-GB" dirty="0" smtClean="0">
                <a:solidFill>
                  <a:schemeClr val="tx1"/>
                </a:solidFill>
              </a:rPr>
              <a:t>high</a:t>
            </a:r>
          </a:p>
          <a:p>
            <a:pPr lvl="1"/>
            <a:r>
              <a:rPr lang="en-GB" sz="2000" dirty="0" smtClean="0">
                <a:solidFill>
                  <a:schemeClr val="tx1"/>
                </a:solidFill>
              </a:rPr>
              <a:t>ICS </a:t>
            </a:r>
            <a:r>
              <a:rPr lang="en-GB" sz="2000" dirty="0">
                <a:solidFill>
                  <a:schemeClr val="tx1"/>
                </a:solidFill>
              </a:rPr>
              <a:t>plays a key role </a:t>
            </a:r>
            <a:r>
              <a:rPr lang="en-GB" sz="2000" dirty="0" smtClean="0">
                <a:solidFill>
                  <a:schemeClr val="tx1"/>
                </a:solidFill>
              </a:rPr>
              <a:t>for the availability of the facility (95% availability goal)</a:t>
            </a:r>
          </a:p>
          <a:p>
            <a:pPr lvl="1"/>
            <a:r>
              <a:rPr lang="en-US" sz="2000" dirty="0" smtClean="0"/>
              <a:t>High performance, reliability and availability </a:t>
            </a:r>
            <a:r>
              <a:rPr lang="en-US" sz="2000" dirty="0"/>
              <a:t>requirements </a:t>
            </a:r>
            <a:r>
              <a:rPr lang="en-US" sz="2000" dirty="0" smtClean="0"/>
              <a:t>on equipment and software deployed</a:t>
            </a:r>
          </a:p>
          <a:p>
            <a:pPr lvl="1"/>
            <a:endParaRPr lang="en-US" sz="1000" dirty="0" smtClean="0">
              <a:solidFill>
                <a:schemeClr val="tx1"/>
              </a:solidFill>
            </a:endParaRPr>
          </a:p>
          <a:p>
            <a:r>
              <a:rPr lang="en-US" dirty="0"/>
              <a:t>Some new approaches will be implemented at ESS/ICS</a:t>
            </a:r>
          </a:p>
          <a:p>
            <a:pPr lvl="1"/>
            <a:r>
              <a:rPr lang="en-US" sz="2000" dirty="0">
                <a:solidFill>
                  <a:schemeClr val="tx1"/>
                </a:solidFill>
              </a:rPr>
              <a:t>Full scale deployment of EPICS </a:t>
            </a:r>
            <a:r>
              <a:rPr lang="en-US" sz="2000" dirty="0" smtClean="0">
                <a:solidFill>
                  <a:schemeClr val="tx1"/>
                </a:solidFill>
              </a:rPr>
              <a:t>7</a:t>
            </a:r>
          </a:p>
          <a:p>
            <a:pPr lvl="2"/>
            <a:r>
              <a:rPr lang="en-US" sz="1600" dirty="0" smtClean="0"/>
              <a:t>ESS is committed to contributing to the EPICS community</a:t>
            </a:r>
            <a:endParaRPr lang="en-US" sz="1600" dirty="0">
              <a:solidFill>
                <a:schemeClr val="tx1"/>
              </a:solidFill>
            </a:endParaRPr>
          </a:p>
          <a:p>
            <a:pPr lvl="1"/>
            <a:r>
              <a:rPr lang="en-US" sz="2000" dirty="0">
                <a:solidFill>
                  <a:schemeClr val="tx1"/>
                </a:solidFill>
              </a:rPr>
              <a:t>Full scale deployment of </a:t>
            </a:r>
            <a:r>
              <a:rPr lang="en-US" sz="2000" dirty="0" smtClean="0">
                <a:solidFill>
                  <a:schemeClr val="tx1"/>
                </a:solidFill>
              </a:rPr>
              <a:t>MicroTCA.4</a:t>
            </a:r>
          </a:p>
          <a:p>
            <a:pPr lvl="2"/>
            <a:r>
              <a:rPr lang="en-US" sz="1600" dirty="0" smtClean="0"/>
              <a:t>ESS is involved in a public procurement for innovation initiative</a:t>
            </a:r>
            <a:endParaRPr lang="en-US" sz="1600" dirty="0">
              <a:solidFill>
                <a:schemeClr val="tx1"/>
              </a:solidFill>
            </a:endParaRP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33346" y="5028621"/>
            <a:ext cx="2007206" cy="10801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8" name="Picture 4" descr="http://asis-pro.com/wp-content/uploads/2015/08/MicroTCA_Logo_Final_version_2.gif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88832" y="6123554"/>
            <a:ext cx="2051720" cy="7521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6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00388205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5" dur="500" fill="hold"/>
                                        <p:tgtEl>
                                          <p:spTgt spid="10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6" dur="500" fill="hold"/>
                                        <p:tgtEl>
                                          <p:spTgt spid="10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9" dur="500" fill="hold"/>
                                        <p:tgtEl>
                                          <p:spTgt spid="102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0" dur="500" fill="hold"/>
                                        <p:tgtEl>
                                          <p:spTgt spid="102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smtClean="0"/>
              <a:t>Control system architecture</a:t>
            </a:r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7</a:t>
            </a:fld>
            <a:endParaRPr lang="en-GB" noProof="0"/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078" y="1466854"/>
            <a:ext cx="9036496" cy="49079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F4A89FA0-E947-6545-B644-D3F1056E0648}"/>
              </a:ext>
            </a:extLst>
          </p:cNvPr>
          <p:cNvSpPr txBox="1">
            <a:spLocks/>
          </p:cNvSpPr>
          <p:nvPr/>
        </p:nvSpPr>
        <p:spPr>
          <a:xfrm>
            <a:off x="539552" y="6374810"/>
            <a:ext cx="8299648" cy="483190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>
            <a:normAutofit fontScale="92500" lnSpcReduction="1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smtClean="0"/>
              <a:t>Layered architecture based on EPIC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94082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 smtClean="0"/>
              <a:t>ICS project breakdown</a:t>
            </a:r>
            <a:endParaRPr lang="en-GB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8</a:t>
            </a:fld>
            <a:endParaRPr lang="en-GB"/>
          </a:p>
        </p:txBody>
      </p:sp>
      <p:sp>
        <p:nvSpPr>
          <p:cNvPr id="5" name="TextBox 4"/>
          <p:cNvSpPr txBox="1"/>
          <p:nvPr/>
        </p:nvSpPr>
        <p:spPr>
          <a:xfrm>
            <a:off x="251520" y="1844824"/>
            <a:ext cx="5328592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 smtClean="0"/>
              <a:t>Work </a:t>
            </a:r>
            <a:r>
              <a:rPr lang="sv-SE" dirty="0"/>
              <a:t>package 01 </a:t>
            </a:r>
            <a:r>
              <a:rPr lang="sv-SE" dirty="0" smtClean="0"/>
              <a:t>	Management </a:t>
            </a:r>
            <a:r>
              <a:rPr lang="sv-SE" dirty="0"/>
              <a:t>and administration</a:t>
            </a:r>
          </a:p>
          <a:p>
            <a:r>
              <a:rPr lang="sv-SE" dirty="0" smtClean="0"/>
              <a:t>Work </a:t>
            </a:r>
            <a:r>
              <a:rPr lang="sv-SE" dirty="0"/>
              <a:t>package 03 </a:t>
            </a:r>
            <a:r>
              <a:rPr lang="sv-SE" dirty="0" smtClean="0"/>
              <a:t>	Software </a:t>
            </a:r>
            <a:r>
              <a:rPr lang="sv-SE" dirty="0"/>
              <a:t>core </a:t>
            </a:r>
          </a:p>
          <a:p>
            <a:r>
              <a:rPr lang="sv-SE" dirty="0" smtClean="0"/>
              <a:t>Work </a:t>
            </a:r>
            <a:r>
              <a:rPr lang="sv-SE" dirty="0"/>
              <a:t>package 04 </a:t>
            </a:r>
            <a:r>
              <a:rPr lang="sv-SE" dirty="0" smtClean="0"/>
              <a:t>	Hardware </a:t>
            </a:r>
            <a:r>
              <a:rPr lang="sv-SE" dirty="0"/>
              <a:t>core</a:t>
            </a:r>
          </a:p>
          <a:p>
            <a:r>
              <a:rPr lang="sv-SE" dirty="0" smtClean="0"/>
              <a:t>Work </a:t>
            </a:r>
            <a:r>
              <a:rPr lang="sv-SE" dirty="0"/>
              <a:t>package 05 </a:t>
            </a:r>
            <a:r>
              <a:rPr lang="sv-SE" dirty="0" smtClean="0"/>
              <a:t>	Machine protection </a:t>
            </a:r>
            <a:endParaRPr lang="sv-SE" dirty="0"/>
          </a:p>
          <a:p>
            <a:r>
              <a:rPr lang="sv-SE" dirty="0" smtClean="0"/>
              <a:t>Work </a:t>
            </a:r>
            <a:r>
              <a:rPr lang="sv-SE" dirty="0"/>
              <a:t>package 06 </a:t>
            </a:r>
            <a:r>
              <a:rPr lang="sv-SE" dirty="0" smtClean="0"/>
              <a:t>	Equipment </a:t>
            </a:r>
            <a:endParaRPr lang="sv-SE" dirty="0"/>
          </a:p>
          <a:p>
            <a:r>
              <a:rPr lang="sv-SE" dirty="0" smtClean="0"/>
              <a:t>Work </a:t>
            </a:r>
            <a:r>
              <a:rPr lang="sv-SE" dirty="0"/>
              <a:t>package 07 </a:t>
            </a:r>
            <a:r>
              <a:rPr lang="sv-SE" dirty="0" smtClean="0"/>
              <a:t>	Control </a:t>
            </a:r>
            <a:r>
              <a:rPr lang="sv-SE" dirty="0"/>
              <a:t>system infrastructure</a:t>
            </a:r>
          </a:p>
          <a:p>
            <a:r>
              <a:rPr lang="sv-SE" dirty="0" smtClean="0"/>
              <a:t>Work </a:t>
            </a:r>
            <a:r>
              <a:rPr lang="sv-SE" dirty="0"/>
              <a:t>package 08 </a:t>
            </a:r>
            <a:r>
              <a:rPr lang="sv-SE" dirty="0" smtClean="0"/>
              <a:t>	Physics </a:t>
            </a:r>
            <a:endParaRPr lang="sv-SE" dirty="0"/>
          </a:p>
          <a:p>
            <a:r>
              <a:rPr lang="sv-SE" dirty="0" smtClean="0"/>
              <a:t>Work </a:t>
            </a:r>
            <a:r>
              <a:rPr lang="sv-SE" dirty="0"/>
              <a:t>package 09 </a:t>
            </a:r>
            <a:r>
              <a:rPr lang="sv-SE" dirty="0" smtClean="0"/>
              <a:t>	Personnel </a:t>
            </a:r>
            <a:r>
              <a:rPr lang="sv-SE" dirty="0"/>
              <a:t>safety </a:t>
            </a:r>
            <a:r>
              <a:rPr lang="sv-SE" dirty="0" smtClean="0"/>
              <a:t>systems</a:t>
            </a:r>
            <a:endParaRPr lang="sv-SE" dirty="0"/>
          </a:p>
          <a:p>
            <a:r>
              <a:rPr lang="sv-SE" dirty="0" smtClean="0"/>
              <a:t>Work </a:t>
            </a:r>
            <a:r>
              <a:rPr lang="sv-SE" dirty="0"/>
              <a:t>package 10 </a:t>
            </a:r>
            <a:r>
              <a:rPr lang="sv-SE" dirty="0" smtClean="0"/>
              <a:t>	Integration </a:t>
            </a:r>
            <a:r>
              <a:rPr lang="sv-SE" dirty="0"/>
              <a:t>- Accelerator</a:t>
            </a:r>
          </a:p>
          <a:p>
            <a:r>
              <a:rPr lang="sv-SE" dirty="0" smtClean="0"/>
              <a:t>Work </a:t>
            </a:r>
            <a:r>
              <a:rPr lang="sv-SE" dirty="0"/>
              <a:t>package 11 </a:t>
            </a:r>
            <a:r>
              <a:rPr lang="sv-SE" dirty="0" smtClean="0"/>
              <a:t>	Integration </a:t>
            </a:r>
            <a:r>
              <a:rPr lang="sv-SE" dirty="0"/>
              <a:t>- Target </a:t>
            </a:r>
          </a:p>
          <a:p>
            <a:r>
              <a:rPr lang="sv-SE" dirty="0" smtClean="0"/>
              <a:t>Work </a:t>
            </a:r>
            <a:r>
              <a:rPr lang="sv-SE" dirty="0"/>
              <a:t>package 12 </a:t>
            </a:r>
            <a:r>
              <a:rPr lang="sv-SE" dirty="0" smtClean="0"/>
              <a:t>	Integration </a:t>
            </a:r>
            <a:r>
              <a:rPr lang="sv-SE" dirty="0"/>
              <a:t>- Instruments </a:t>
            </a:r>
          </a:p>
          <a:p>
            <a:r>
              <a:rPr lang="sv-SE" dirty="0" smtClean="0"/>
              <a:t>Work </a:t>
            </a:r>
            <a:r>
              <a:rPr lang="sv-SE" dirty="0"/>
              <a:t>package 13 </a:t>
            </a:r>
            <a:r>
              <a:rPr lang="sv-SE" dirty="0" smtClean="0"/>
              <a:t>	Integration </a:t>
            </a:r>
            <a:r>
              <a:rPr lang="sv-SE" dirty="0"/>
              <a:t>- Conventional facilities</a:t>
            </a:r>
          </a:p>
          <a:p>
            <a:r>
              <a:rPr lang="sv-SE" dirty="0" smtClean="0"/>
              <a:t>Work </a:t>
            </a:r>
            <a:r>
              <a:rPr lang="sv-SE" dirty="0"/>
              <a:t>package 14 </a:t>
            </a:r>
            <a:r>
              <a:rPr lang="sv-SE" dirty="0" smtClean="0"/>
              <a:t>	Test Stands</a:t>
            </a:r>
          </a:p>
          <a:p>
            <a:r>
              <a:rPr lang="sv-SE" dirty="0" smtClean="0"/>
              <a:t>Work package 20	Installation</a:t>
            </a:r>
            <a:endParaRPr lang="sv-SE" dirty="0"/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55310" y="1498677"/>
            <a:ext cx="1838450" cy="12133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92280" y="3068960"/>
            <a:ext cx="1838450" cy="12248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0" name="Picture 6"/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79457" y="4691349"/>
            <a:ext cx="1844535" cy="10375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icture 7"/>
          <p:cNvPicPr>
            <a:picLocks noChangeAspect="1" noChangeArrowheads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13398" y="5569564"/>
            <a:ext cx="1844535" cy="6156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ectangle 2"/>
          <p:cNvSpPr/>
          <p:nvPr/>
        </p:nvSpPr>
        <p:spPr>
          <a:xfrm>
            <a:off x="6208075" y="2617747"/>
            <a:ext cx="1532919" cy="52322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2800" b="1" cap="none" spc="0" dirty="0" smtClean="0">
                <a:ln w="10541" cmpd="sng">
                  <a:solidFill>
                    <a:schemeClr val="accent1">
                      <a:shade val="88000"/>
                      <a:satMod val="11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1">
                        <a:tint val="40000"/>
                        <a:satMod val="250000"/>
                      </a:schemeClr>
                    </a:gs>
                    <a:gs pos="9000">
                      <a:schemeClr val="accent1">
                        <a:tint val="52000"/>
                        <a:satMod val="300000"/>
                      </a:schemeClr>
                    </a:gs>
                    <a:gs pos="50000">
                      <a:schemeClr val="accent1">
                        <a:shade val="20000"/>
                        <a:satMod val="300000"/>
                      </a:schemeClr>
                    </a:gs>
                    <a:gs pos="79000">
                      <a:schemeClr val="accent1">
                        <a:tint val="52000"/>
                        <a:satMod val="300000"/>
                      </a:schemeClr>
                    </a:gs>
                    <a:gs pos="100000">
                      <a:schemeClr val="accent1">
                        <a:tint val="40000"/>
                        <a:satMod val="250000"/>
                      </a:schemeClr>
                    </a:gs>
                  </a:gsLst>
                  <a:lin ang="5400000"/>
                </a:gradFill>
                <a:effectLst/>
              </a:rPr>
              <a:t>Software</a:t>
            </a:r>
            <a:endParaRPr lang="en-US" sz="2800" b="1" cap="none" spc="0" dirty="0">
              <a:ln w="10541" cmpd="sng">
                <a:solidFill>
                  <a:schemeClr val="accent1">
                    <a:shade val="88000"/>
                    <a:satMod val="110000"/>
                  </a:schemeClr>
                </a:solidFill>
                <a:prstDash val="solid"/>
              </a:ln>
              <a:gradFill>
                <a:gsLst>
                  <a:gs pos="0">
                    <a:schemeClr val="accent1">
                      <a:tint val="40000"/>
                      <a:satMod val="250000"/>
                    </a:schemeClr>
                  </a:gs>
                  <a:gs pos="9000">
                    <a:schemeClr val="accent1">
                      <a:tint val="52000"/>
                      <a:satMod val="300000"/>
                    </a:schemeClr>
                  </a:gs>
                  <a:gs pos="50000">
                    <a:schemeClr val="accent1">
                      <a:shade val="20000"/>
                      <a:satMod val="300000"/>
                    </a:schemeClr>
                  </a:gs>
                  <a:gs pos="79000">
                    <a:schemeClr val="accent1">
                      <a:tint val="52000"/>
                      <a:satMod val="300000"/>
                    </a:schemeClr>
                  </a:gs>
                  <a:gs pos="100000">
                    <a:schemeClr val="accent1">
                      <a:tint val="40000"/>
                      <a:satMod val="250000"/>
                    </a:schemeClr>
                  </a:gs>
                </a:gsLst>
                <a:lin ang="5400000"/>
              </a:gradFill>
              <a:effectLst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7118551" y="4201924"/>
            <a:ext cx="1794530" cy="52322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2800" b="1" cap="none" spc="0" dirty="0" smtClean="0">
                <a:ln w="10541" cmpd="sng">
                  <a:solidFill>
                    <a:schemeClr val="accent1">
                      <a:shade val="88000"/>
                      <a:satMod val="11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1">
                        <a:tint val="40000"/>
                        <a:satMod val="250000"/>
                      </a:schemeClr>
                    </a:gs>
                    <a:gs pos="9000">
                      <a:schemeClr val="accent1">
                        <a:tint val="52000"/>
                        <a:satMod val="300000"/>
                      </a:schemeClr>
                    </a:gs>
                    <a:gs pos="50000">
                      <a:schemeClr val="accent1">
                        <a:shade val="20000"/>
                        <a:satMod val="300000"/>
                      </a:schemeClr>
                    </a:gs>
                    <a:gs pos="79000">
                      <a:schemeClr val="accent1">
                        <a:tint val="52000"/>
                        <a:satMod val="300000"/>
                      </a:schemeClr>
                    </a:gs>
                    <a:gs pos="100000">
                      <a:schemeClr val="accent1">
                        <a:tint val="40000"/>
                        <a:satMod val="250000"/>
                      </a:schemeClr>
                    </a:gs>
                  </a:gsLst>
                  <a:lin ang="5400000"/>
                </a:gradFill>
                <a:effectLst/>
              </a:rPr>
              <a:t>Electronics</a:t>
            </a:r>
            <a:endParaRPr lang="en-US" sz="2800" b="1" cap="none" spc="0" dirty="0">
              <a:ln w="10541" cmpd="sng">
                <a:solidFill>
                  <a:schemeClr val="accent1">
                    <a:shade val="88000"/>
                    <a:satMod val="110000"/>
                  </a:schemeClr>
                </a:solidFill>
                <a:prstDash val="solid"/>
              </a:ln>
              <a:gradFill>
                <a:gsLst>
                  <a:gs pos="0">
                    <a:schemeClr val="accent1">
                      <a:tint val="40000"/>
                      <a:satMod val="250000"/>
                    </a:schemeClr>
                  </a:gs>
                  <a:gs pos="9000">
                    <a:schemeClr val="accent1">
                      <a:tint val="52000"/>
                      <a:satMod val="300000"/>
                    </a:schemeClr>
                  </a:gs>
                  <a:gs pos="50000">
                    <a:schemeClr val="accent1">
                      <a:shade val="20000"/>
                      <a:satMod val="300000"/>
                    </a:schemeClr>
                  </a:gs>
                  <a:gs pos="79000">
                    <a:schemeClr val="accent1">
                      <a:tint val="52000"/>
                      <a:satMod val="300000"/>
                    </a:schemeClr>
                  </a:gs>
                  <a:gs pos="100000">
                    <a:schemeClr val="accent1">
                      <a:tint val="40000"/>
                      <a:satMod val="250000"/>
                    </a:schemeClr>
                  </a:gs>
                </a:gsLst>
                <a:lin ang="5400000"/>
              </a:gradFill>
              <a:effectLst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6388874" y="5643362"/>
            <a:ext cx="2241063" cy="52322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2800" b="1" cap="none" spc="0" dirty="0" smtClean="0">
                <a:ln w="10541" cmpd="sng">
                  <a:solidFill>
                    <a:schemeClr val="accent1">
                      <a:shade val="88000"/>
                      <a:satMod val="11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1">
                        <a:tint val="40000"/>
                        <a:satMod val="250000"/>
                      </a:schemeClr>
                    </a:gs>
                    <a:gs pos="9000">
                      <a:schemeClr val="accent1">
                        <a:tint val="52000"/>
                        <a:satMod val="300000"/>
                      </a:schemeClr>
                    </a:gs>
                    <a:gs pos="50000">
                      <a:schemeClr val="accent1">
                        <a:shade val="20000"/>
                        <a:satMod val="300000"/>
                      </a:schemeClr>
                    </a:gs>
                    <a:gs pos="79000">
                      <a:schemeClr val="accent1">
                        <a:tint val="52000"/>
                        <a:satMod val="300000"/>
                      </a:schemeClr>
                    </a:gs>
                    <a:gs pos="100000">
                      <a:schemeClr val="accent1">
                        <a:tint val="40000"/>
                        <a:satMod val="250000"/>
                      </a:schemeClr>
                    </a:gs>
                  </a:gsLst>
                  <a:lin ang="5400000"/>
                </a:gradFill>
                <a:effectLst/>
              </a:rPr>
              <a:t>Infrastructure</a:t>
            </a:r>
            <a:endParaRPr lang="en-US" sz="2800" b="1" cap="none" spc="0" dirty="0">
              <a:ln w="10541" cmpd="sng">
                <a:solidFill>
                  <a:schemeClr val="accent1">
                    <a:shade val="88000"/>
                    <a:satMod val="110000"/>
                  </a:schemeClr>
                </a:solidFill>
                <a:prstDash val="solid"/>
              </a:ln>
              <a:gradFill>
                <a:gsLst>
                  <a:gs pos="0">
                    <a:schemeClr val="accent1">
                      <a:tint val="40000"/>
                      <a:satMod val="250000"/>
                    </a:schemeClr>
                  </a:gs>
                  <a:gs pos="9000">
                    <a:schemeClr val="accent1">
                      <a:tint val="52000"/>
                      <a:satMod val="300000"/>
                    </a:schemeClr>
                  </a:gs>
                  <a:gs pos="50000">
                    <a:schemeClr val="accent1">
                      <a:shade val="20000"/>
                      <a:satMod val="300000"/>
                    </a:schemeClr>
                  </a:gs>
                  <a:gs pos="79000">
                    <a:schemeClr val="accent1">
                      <a:tint val="52000"/>
                      <a:satMod val="300000"/>
                    </a:schemeClr>
                  </a:gs>
                  <a:gs pos="100000">
                    <a:schemeClr val="accent1">
                      <a:tint val="40000"/>
                      <a:satMod val="250000"/>
                    </a:schemeClr>
                  </a:gs>
                </a:gsLst>
                <a:lin ang="5400000"/>
              </a:gradFill>
              <a:effectLst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3491880" y="6146140"/>
            <a:ext cx="3087577" cy="52322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2800" b="1" cap="none" spc="0" dirty="0" smtClean="0">
                <a:ln w="10541" cmpd="sng">
                  <a:solidFill>
                    <a:schemeClr val="accent1">
                      <a:shade val="88000"/>
                      <a:satMod val="11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1">
                        <a:tint val="40000"/>
                        <a:satMod val="250000"/>
                      </a:schemeClr>
                    </a:gs>
                    <a:gs pos="9000">
                      <a:schemeClr val="accent1">
                        <a:tint val="52000"/>
                        <a:satMod val="300000"/>
                      </a:schemeClr>
                    </a:gs>
                    <a:gs pos="50000">
                      <a:schemeClr val="accent1">
                        <a:shade val="20000"/>
                        <a:satMod val="300000"/>
                      </a:schemeClr>
                    </a:gs>
                    <a:gs pos="79000">
                      <a:schemeClr val="accent1">
                        <a:tint val="52000"/>
                        <a:satMod val="300000"/>
                      </a:schemeClr>
                    </a:gs>
                    <a:gs pos="100000">
                      <a:schemeClr val="accent1">
                        <a:tint val="40000"/>
                        <a:satMod val="250000"/>
                      </a:schemeClr>
                    </a:gs>
                  </a:gsLst>
                  <a:lin ang="5400000"/>
                </a:gradFill>
                <a:effectLst/>
              </a:rPr>
              <a:t>Safety &amp; protection</a:t>
            </a:r>
            <a:endParaRPr lang="en-US" sz="2800" b="1" cap="none" spc="0" dirty="0">
              <a:ln w="10541" cmpd="sng">
                <a:solidFill>
                  <a:schemeClr val="accent1">
                    <a:shade val="88000"/>
                    <a:satMod val="110000"/>
                  </a:schemeClr>
                </a:solidFill>
                <a:prstDash val="solid"/>
              </a:ln>
              <a:gradFill>
                <a:gsLst>
                  <a:gs pos="0">
                    <a:schemeClr val="accent1">
                      <a:tint val="40000"/>
                      <a:satMod val="250000"/>
                    </a:schemeClr>
                  </a:gs>
                  <a:gs pos="9000">
                    <a:schemeClr val="accent1">
                      <a:tint val="52000"/>
                      <a:satMod val="300000"/>
                    </a:schemeClr>
                  </a:gs>
                  <a:gs pos="50000">
                    <a:schemeClr val="accent1">
                      <a:shade val="20000"/>
                      <a:satMod val="300000"/>
                    </a:schemeClr>
                  </a:gs>
                  <a:gs pos="79000">
                    <a:schemeClr val="accent1">
                      <a:tint val="52000"/>
                      <a:satMod val="300000"/>
                    </a:schemeClr>
                  </a:gs>
                  <a:gs pos="100000">
                    <a:schemeClr val="accent1">
                      <a:tint val="40000"/>
                      <a:satMod val="250000"/>
                    </a:schemeClr>
                  </a:gs>
                </a:gsLst>
                <a:lin ang="5400000"/>
              </a:gradFill>
              <a:effectLst/>
            </a:endParaRPr>
          </a:p>
        </p:txBody>
      </p:sp>
      <p:cxnSp>
        <p:nvCxnSpPr>
          <p:cNvPr id="17" name="Straight Arrow Connector 16"/>
          <p:cNvCxnSpPr/>
          <p:nvPr/>
        </p:nvCxnSpPr>
        <p:spPr>
          <a:xfrm>
            <a:off x="3526819" y="2343518"/>
            <a:ext cx="2431114" cy="85753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/>
          <p:cNvCxnSpPr/>
          <p:nvPr/>
        </p:nvCxnSpPr>
        <p:spPr>
          <a:xfrm flipV="1">
            <a:off x="2915816" y="2564904"/>
            <a:ext cx="3042117" cy="1162097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/>
          <p:nvPr/>
        </p:nvCxnSpPr>
        <p:spPr>
          <a:xfrm>
            <a:off x="3614243" y="2630333"/>
            <a:ext cx="3478037" cy="561062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/>
          <p:cNvCxnSpPr/>
          <p:nvPr/>
        </p:nvCxnSpPr>
        <p:spPr>
          <a:xfrm>
            <a:off x="4067944" y="2910864"/>
            <a:ext cx="3024336" cy="446128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/>
          <p:cNvCxnSpPr/>
          <p:nvPr/>
        </p:nvCxnSpPr>
        <p:spPr>
          <a:xfrm>
            <a:off x="4905492" y="3492595"/>
            <a:ext cx="1610724" cy="1304557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/>
          <p:cNvCxnSpPr/>
          <p:nvPr/>
        </p:nvCxnSpPr>
        <p:spPr>
          <a:xfrm flipV="1">
            <a:off x="3276415" y="4869160"/>
            <a:ext cx="3303042" cy="774202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Arrow Connector 30"/>
          <p:cNvCxnSpPr/>
          <p:nvPr/>
        </p:nvCxnSpPr>
        <p:spPr>
          <a:xfrm>
            <a:off x="4067944" y="2996952"/>
            <a:ext cx="967724" cy="2520280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Arrow Connector 32"/>
          <p:cNvCxnSpPr/>
          <p:nvPr/>
        </p:nvCxnSpPr>
        <p:spPr>
          <a:xfrm>
            <a:off x="4211960" y="4144874"/>
            <a:ext cx="693532" cy="1372358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http://esuitetools.com/sites/default/files/integration_0_1.png"/>
          <p:cNvPicPr>
            <a:picLocks noChangeAspect="1" noChangeArrowheads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62696" y="3541149"/>
            <a:ext cx="3272880" cy="14318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3" name="Straight Arrow Connector 22"/>
          <p:cNvCxnSpPr/>
          <p:nvPr/>
        </p:nvCxnSpPr>
        <p:spPr>
          <a:xfrm flipV="1">
            <a:off x="4478903" y="4201924"/>
            <a:ext cx="449033" cy="116765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/>
          <p:nvPr/>
        </p:nvCxnSpPr>
        <p:spPr>
          <a:xfrm flipV="1">
            <a:off x="3995936" y="4463534"/>
            <a:ext cx="1224136" cy="79977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/>
          <p:cNvCxnSpPr/>
          <p:nvPr/>
        </p:nvCxnSpPr>
        <p:spPr>
          <a:xfrm flipV="1">
            <a:off x="4558726" y="4653136"/>
            <a:ext cx="877370" cy="177918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Arrow Connector 31"/>
          <p:cNvCxnSpPr/>
          <p:nvPr/>
        </p:nvCxnSpPr>
        <p:spPr>
          <a:xfrm flipV="1">
            <a:off x="5353261" y="4691349"/>
            <a:ext cx="702049" cy="393835"/>
          </a:xfrm>
          <a:prstGeom prst="straightConnector1">
            <a:avLst/>
          </a:prstGeom>
          <a:ln w="50800"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5649690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10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4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6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0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4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0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2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3" dur="500"/>
                                        <p:tgtEl>
                                          <p:spTgt spid="103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6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9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3" grpId="1"/>
      <p:bldP spid="12" grpId="0"/>
      <p:bldP spid="12" grpId="1"/>
      <p:bldP spid="13" grpId="0"/>
      <p:bldP spid="13" grpId="1"/>
      <p:bldP spid="14" grpId="0"/>
      <p:bldP spid="14" grpId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CBD5F6-3982-6C45-8D42-A12FFC5FD3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1A9772D-802A-AE47-8F8F-7B8EDA5B87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goals and scope </a:t>
            </a:r>
          </a:p>
          <a:p>
            <a:r>
              <a:rPr lang="en-GB" dirty="0" smtClean="0"/>
              <a:t>ICS organization</a:t>
            </a:r>
            <a:endParaRPr lang="en-GB" dirty="0"/>
          </a:p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in-kind contributions</a:t>
            </a:r>
            <a:endParaRPr lang="en-GB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CS project status</a:t>
            </a:r>
          </a:p>
          <a:p>
            <a:r>
              <a:rPr lang="en-GB" dirty="0">
                <a:solidFill>
                  <a:schemeClr val="tx1">
                    <a:lumMod val="50000"/>
                    <a:lumOff val="50000"/>
                  </a:schemeClr>
                </a:solidFill>
              </a:rPr>
              <a:t>ICS project </a:t>
            </a:r>
            <a:r>
              <a:rPr lang="en-GB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status illustrated</a:t>
            </a:r>
            <a:endParaRPr lang="en-GB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5B7F937-95B1-EF40-A7C1-9E45988017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9</a:t>
            </a:fld>
            <a:endParaRPr lang="en-GB" noProof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noProof="0" smtClean="0"/>
              <a:t>ESS/CEA-ESSI Coordination</a:t>
            </a:r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smtClean="0"/>
              <a:t>ICS status report 2018-05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9452785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iIsIk9yaWdpbmFsQXNzZW1ibHlWZXJzaW9uIjoiMy4yMy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kL0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GlkIjoiMTc2IiwiVG9wIjowLCJMZWZ0IjowLCJSaWdodCI6MCwiQm90dG9tIjowfSwiUGFkZGluZyI6eyIkaWQiOiIxNzciLCJUb3AiOjAsIkxlZnQiOjAsIlJpZ2h0IjowLCJCb3R0b20iOjB9LCJCYWNrZ3JvdW5kIjp7IiRyZWYiOiI4MCJ9LCJJc1Zpc2libGUiOnRydWUsIldpZHRoIjowLjAsIkhlaWdodCI6MC4wLCJCb3JkZXJTdHlsZSI6eyIkaWQiOiIxNzgiLCJMaW5lQ29sb3IiOm51bGwsIkxpbmVXZWlnaHQiOjAuMCwiTGluZVR5cGUiOjAsIlBhcmVudFN0eWxlIjpudWxsfSwiUGFyZW50U3R5bGUiOm51bGx9LCJEYXRlRm9ybWF0Ijp7IiRpZCI6IjE3OS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AifSwiSXNWaXNpYmxlIjp0cnVlLCJXaWR0aCI6MC4wLCJIZWlnaHQiOjAuMCwiQm9yZGVyU3R5bGUiOnsiJGlkIjoiMjA0IiwiTGluZUNvbG9yIjpudWxsLCJMaW5lV2VpZ2h0IjowLjAsIkxpbmVUeXBlIjowLCJQYXJlbnRTdHlsZSI6bnVsbH0sIlBhcmVudFN0eWxlIjpudWxsfSwiRGF0ZUZvcm1hdCI6eyIkaWQiOiIyMDU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NzAifX0sIk1heFdpZHRoIjoyMDAuMCwiTWF4SGVpZ2h0IjoiSW5maW5pdHkiLCJTbWFydEZvcmVncm91bmRJc0FjdGl2ZSI6ZmFsc2UsIkhvcml6b250YWxBbGlnbm1lbnQiOjA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NzM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4MCJ9LCJJc1Zpc2libGUiOnRydWUsIldpZHRoIjowLjAsIkhlaWdodCI6MC4wLCJCb3JkZXJTdHlsZSI6eyIkaWQiOiIyMzAiLCJMaW5lQ29sb3IiOm51bGwsIkxpbmVXZWlnaHQiOjAuMCwiTGluZVR5cGUiOjAsIlBhcmVudFN0eWxlIjpudWxsfSwiUGFyZW50U3R5bGUiOm51bGx9LCJEYXRlRm9ybWF0Ijp7IiRpZCI6IjIzMS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MzciLCJMaW5lQ29sb3IiOm51bGwsIkxpbmVXZWlnaHQiOjAuMCwiTGluZVR5cGUiOjAsIlBhcmVudFN0eWxlIjpudWxsfSwiUGFyZW50U3R5bGUiOm51bGx9LCJEdXJhdGlvblN0eWxlIjp7IiRpZCI6IjIzOCIsIkZvbnRTZXR0aW5ncyI6eyIkaWQiOiIyMz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0MCIsIkxpbmVDb2xvciI6bnVsbCwiTGluZVdlaWdodCI6MC4wLCJMaW5lVHlwZSI6MCwiUGFyZW50U3R5bGUiOm51bGx9LCJQYXJlbnRTdHlsZSI6bnVsbH0sIkhvcml6b250YWxDb25uZWN0b3JTdHlsZSI6eyIkaWQiOiIyNDEiLCJMaW5lQ29sb3IiOnsiJHJlZiI6Ijk5In0sIkxpbmVXZWlnaHQiOjAuMCwiTGluZVR5cGUiOjAsIlBhcmVudFN0eWxlIjpudWxsfSwiVmVydGljYWxDb25uZWN0b3JTdHlsZSI6eyIkaWQiOiIyNDI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DkiLCJMaW5lQ29sb3IiOm51bGwsIkxpbmVXZWlnaHQiOjAuMCwiTGluZVR5cGUiOjAsIlBhcmVudFN0eWxlIjpudWxsfSwiUGFyZW50U3R5bGUiOm51bGx9LCJEYXRlU3R5bGUiOnsiJGlkIjoiMjUwIiwiRm9udFNldHRpbmdzIjp7IiRpZCI6IjI1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1NyIsIkxpbmVDb2xvciI6bnVsbCwiTGluZVdlaWdodCI6MC4wLCJMaW5lVHlwZSI6MCwiUGFyZW50U3R5bGUiOm51bGx9LCJQYXJlbnRTdHlsZSI6bnVsbH0sIkR1cmF0aW9uU3R5bGUiOnsiJGlkIjoiMjU4IiwiRm9udFNldHRpbmdzIjp7IiRpZCI6IjI1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YwIiwiTGluZUNvbG9yIjpudWxsLCJMaW5lV2VpZ2h0IjowLjAsIkxpbmVUeXBlIjowLCJQYXJlbnRTdHlsZSI6bnVsbH0sIlBhcmVudFN0eWxlIjpudWxsfSwiSG9yaXpvbnRhbENvbm5lY3RvclN0eWxlIjp7IiRpZCI6IjI2MSIsIkxpbmVDb2xvciI6eyIkcmVmIjoiOTkifSwiTGluZVdlaWdodCI6MS4wLCJMaW5lVHlwZSI6MCwiUGFyZW50U3R5bGUiOm51bGx9LCJWZXJ0aWNhbENvbm5lY3RvclN0eWxlIjp7IiRpZCI6IjI2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2OSIsIkxpbmVDb2xvciI6bnVsbCwiTGluZVdlaWdodCI6MC4wLCJMaW5lVHlwZSI6MCwiUGFyZW50U3R5bGUiOm51bGx9LCJQYXJlbnRTdHlsZSI6bnVsbH0sIkRhdGVTdHlsZSI6eyIkaWQiOiIyNzAiLCJGb250U2V0dGluZ3MiOnsiJGlkIjoiMjc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NzciLCJMaW5lQ29sb3IiOm51bGwsIkxpbmVXZWlnaHQiOjAuMCwiTGluZVR5cGUiOjAsIlBhcmVudFN0eWxlIjpudWxsfSwiUGFyZW50U3R5bGUiOm51bGx9LCJEdXJhdGlvblN0eWxlIjp7IiRpZCI6IjI3OCIsIkZvbnRTZXR0aW5ncyI6eyIkaWQiOiIyNz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5In0sIkxpbmVXZWlnaHQiOjEuMCwiTGluZVR5cGUiOjAsIlBhcmVudFN0eWxlIjpudWxsfSwiVmVydGljYWxDb25uZWN0b3JTdHlsZSI6eyIkaWQiOiIyODI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k3IiwiTGluZUNvbG9yIjpudWxsLCJMaW5lV2VpZ2h0IjowLjAsIkxpbmVUeXBlIjowLCJQYXJlbnRTdHlsZSI6bnVsbH0sIlBhcmVudFN0eWxlIjpudWxsfSwiRHVyYXRpb25TdHlsZSI6eyIkaWQiOiIyOTgiLCJGb250U2V0dGluZ3MiOnsiJGlkIjoiMjk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DAiLCJMaW5lQ29sb3IiOm51bGwsIkxpbmVXZWlnaHQiOjAuMCwiTGluZVR5cGUiOjAsIlBhcmVudFN0eWxlIjpudWxsfSwiUGFyZW50U3R5bGUiOm51bGx9LCJIb3Jpem9udGFsQ29ubmVjdG9yU3R5bGUiOnsiJGlkIjoiMzAxIiwiTGluZUNvbG9yIjp7IiRyZWYiOiI5OSJ9LCJMaW5lV2VpZ2h0IjoxLjAsIkxpbmVUeXBlIjowLCJQYXJlbnRTdHlsZSI6bnVsbH0sIlZlcnRpY2FsQ29ubmVjdG9yU3R5bGUiOnsiJGlkIjoiMzA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A5IiwiTGluZUNvbG9yIjpudWxsLCJMaW5lV2VpZ2h0IjowLjAsIkxpbmVUeXBlIjowLCJQYXJlbnRTdHlsZSI6bnVsbH0sIlBhcmVudFN0eWxlIjpudWxsfSwiRGF0ZVN0eWxlIjp7IiRpZCI6IjMxMCIsIkZvbnRTZXR0aW5ncyI6eyIkaWQiOiIzM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jAiLCJMaW5lQ29sb3IiOm51bGwsIkxpbmVXZWlnaHQiOjAuMCwiTGluZVR5cGUiOjAsIlBhcmVudFN0eWxlIjpudWxsfSwiUGFyZW50U3R5bGUiOm51bGx9LCJIb3Jpem9udGFsQ29ubmVjdG9yU3R5bGUiOnsiJGlkIjoiMzIxIiwiTGluZUNvbG9yIjp7IiRyZWYiOiI5OSJ9LCJMaW5lV2VpZ2h0IjoxLjAsIkxpbmVUeXBlIjowLCJQYXJlbnRTdHlsZSI6bnVsbH0sIlZlcnRpY2FsQ29ubmVjdG9yU3R5bGUiOnsiJGlkIjoiMzI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M3IiwiTGluZUNvbG9yIjpudWxsLCJMaW5lV2VpZ2h0IjowLjAsIkxpbmVUeXBlIjowLCJQYXJlbnRTdHlsZSI6bnVsbH0sIlBhcmVudFN0eWxlIjpudWxsfSwiRHVyYXRpb25TdHlsZSI6eyIkaWQiOiIzMzgiLCJGb250U2V0dGluZ3MiOnsiJGlkIjoiMzM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DAiLCJMaW5lQ29sb3IiOm51bGwsIkxpbmVXZWlnaHQiOjAuMCwiTGluZVR5cGUiOjAsIlBhcmVudFN0eWxlIjpudWxsfSwiUGFyZW50U3R5bGUiOm51bGx9LCJIb3Jpem9udGFsQ29ubmVjdG9yU3R5bGUiOnsiJGlkIjoiMzQxIiwiTGluZUNvbG9yIjp7IiRyZWYiOiI5OSJ9LCJMaW5lV2VpZ2h0IjoxLjAsIkxpbmVUeXBlIjowLCJQYXJlbnRTdHlsZSI6bnVsbH0sIlZlcnRpY2FsQ29ubmVjdG9yU3R5bGUiOnsiJGlkIjoiMzQ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0MyIsIk1hcmdpbiI6eyIkcmVmIjoiMTA1In0sIlBhZGRpbmciOnsiJHJlZiI6IjEwNiJ9LCJCYWNrZ3JvdW5kIjp7IiRpZCI6IjM0NCIsIkNvbG9yIjp7IiRpZCI6IjM0NSIsIkEiOjI1NSwiUiI6NzksIkciOjEyOSwiQiI6MTg5fX0sIklzVmlzaWJsZSI6dHJ1ZSwiV2lkdGgiOjAuMCwiSGVpZ2h0IjoxNi4wLCJCb3JkZXJTdHlsZSI6eyIkaWQiOiIzNDYiLCJMaW5lQ29sb3IiOnsiJHJlZiI6IjExMCJ9LCJMaW5lV2VpZ2h0IjowLjAsIkxpbmVUeXBlIjowLCJQYXJlbnRTdHlsZSI6bnVsbH0sIlBhcmVudFN0eWxlIjpudWxsfSwiVGl0bGVTdHlsZSI6eyIkaWQiOiIzNDciLCJGb250U2V0dGluZ3MiOnsiJGlkIjoiMzQ4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DkiLCJMaW5lQ29sb3IiOm51bGwsIkxpbmVXZWlnaHQiOjAuMCwiTGluZVR5cGUiOjAsIlBhcmVudFN0eWxlIjpudWxsfSwiUGFyZW50U3R5bGUiOm51bGx9LCJEYXRlU3R5bGUiOnsiJGlkIjoiMzUwIiwiRm9udFNldHRpbmdzIjp7IiRpZCI6IjM1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U3IiwiTGluZUNvbG9yIjpudWxsLCJMaW5lV2VpZ2h0IjowLjAsIkxpbmVUeXBlIjowLCJQYXJlbnRTdHlsZSI6bnVsbH0sIlBhcmVudFN0eWxlIjpudWxsfSwiRHVyYXRpb25TdHlsZSI6eyIkaWQiOiIzNTgiLCJGb250U2V0dGluZ3MiOnsiJGlkIjoiMzU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jAiLCJMaW5lQ29sb3IiOm51bGwsIkxpbmVXZWlnaHQiOjAuMCwiTGluZVR5cGUiOjAsIlBhcmVudFN0eWxlIjpudWxsfSwiUGFyZW50U3R5bGUiOm51bGx9LCJIb3Jpem9udGFsQ29ubmVjdG9yU3R5bGUiOnsiJGlkIjoiMzYxIiwiTGluZUNvbG9yIjp7IiRyZWYiOiI5OSJ9LCJMaW5lV2VpZ2h0IjoxLjAsIkxpbmVUeXBlIjowLCJQYXJlbnRTdHlsZSI6bnVsbH0sIlZlcnRpY2FsQ29ubmVjdG9yU3R5bGUiOnsiJGlkIjoiMzY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2MyIsIk1hcmdpbiI6eyIkcmVmIjoiMTA1In0sIlBhZGRpbmciOnsiJHJlZiI6IjEwNiJ9LCJCYWNrZ3JvdW5kIjp7IiRpZCI6IjM2NCIsIkNvbG9yIjp7IiRpZCI6IjM2NSIsIkEiOjI1NSwiUiI6NzksIkciOjEyOSwiQiI6MTg5fX0sIklzVmlzaWJsZSI6dHJ1ZSwiV2lkdGgiOjAuMCwiSGVpZ2h0IjoxNi4wLCJCb3JkZXJTdHlsZSI6eyIkaWQiOiIzNjYiLCJMaW5lQ29sb3IiOnsiJHJlZiI6IjExMCJ9LCJMaW5lV2VpZ2h0IjowLjAsIkxpbmVUeXBlIjowLCJQYXJlbnRTdHlsZSI6bnVsbH0sIlBhcmVudFN0eWxlIjpudWxsfSwiVGl0bGVTdHlsZSI6eyIkaWQiOiIzNjciLCJGb250U2V0dGluZ3MiOnsiJGlkIjoiMzY4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jkiLCJMaW5lQ29sb3IiOm51bGwsIkxpbmVXZWlnaHQiOjAuMCwiTGluZVR5cGUiOjAsIlBhcmVudFN0eWxlIjpudWxsfSwiUGFyZW50U3R5bGUiOm51bGx9LCJEYXRlU3R5bGUiOnsiJGlkIjoiMzcwIiwiRm9udFNldHRpbmdzIjp7IiRpZCI6IjM3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zc3IiwiVXNlVGltZSI6ZmFsc2UsIldvcmtEYXlTdGFydCI6IjAwOjAwOjAwIiwiV29ya0RheUVuZCI6IjIzOjU5OjAwIn0sIkxhc3RVc2VkVGVtcGxhdGVJZCI6IjczNTViNjMzLWFjNjYtNDUyOC04YjRkLTI5OWZhZWRjOWVl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iIsIk9yaWdpbmFsQXNzZW1ibHlWZXJzaW9uIjoiMy4yMy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kL0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yZWYiOiI3MCJ9fSwiTWF4V2lkdGgiOjIwMC4wLCJNYXhIZWlnaHQiOiJJbmZpbml0eSIsIlNtYXJ0Rm9yZWdyb3VuZElzQWN0aXZlIjpmYWxzZSwiSG9yaXpvbnRhbEFsaWdubWVudCI6MCwiVmVydGljYWxBbGlnbm1lbnQiOjAsIlNtYXJ0Rm9yZWdyb3VuZCI6bnVsbCwiQmFja2dyb3VuZEZpbGxUeXBlIjowLCJNYXJnaW4iOnsiJGlkIjoiMTk3IiwiVG9wIjowLCJMZWZ0IjowLCJSaWdodCI6MCwiQm90dG9tIjowfSwiUGFkZGluZyI6eyIkaWQiOiIxOTgiLCJUb3AiOjAsIkxlZnQiOjAsIlJpZ2h0IjowLCJCb3R0b20iOjB9LCJCYWNrZ3JvdW5kIjp7IiRyZWYiOiI3MyJ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GlkIjoiMjIyIiwiQ29sb3IiOnsiJHJlZiI6IjcwIn19LCJNYXhXaWR0aCI6MjAwLjAsIk1heEhlaWdodCI6IkluZmluaXR5IiwiU21hcnRGb3JlZ3JvdW5kSXNBY3RpdmUiOmZhbHNlLCJIb3Jpem9udGFsQWxpZ25tZW50IjowLCJWZXJ0aWNhbEFsaWdubWVudCI6MCwiU21hcnRGb3JlZ3JvdW5kIjpudWxsLCJCYWNrZ3JvdW5kRmlsbFR5cGUiOjAsIk1hcmdpbiI6eyIkaWQiOiIyMjMiLCJUb3AiOjAsIkxlZnQiOjAsIlJpZ2h0IjowLCJCb3R0b20iOjB9LCJQYWRkaW5nIjp7IiRpZCI6IjIyNCIsIlRvcCI6MCwiTGVmdCI6MCwiUmlnaHQiOjAsIkJvdHRvbSI6MH0sIkJhY2tncm91bmQiOnsiJHJlZiI6Ijcz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ODAifSwiSXNWaXNpYmxlIjp0cnVlLCJXaWR0aCI6MC4wLCJIZWlnaHQiOjAuMCwiQm9yZGVyU3R5bGUiOnsiJGlkIjoiMjMwIiwiTGluZUNvbG9yIjpudWxsLCJMaW5lV2VpZ2h0IjowLjAsIkxpbmVUeXBlIjowLCJQYXJlbnRTdHlsZSI6bnVsbH0sIlBhcmVudFN0eWxlIjpudWxsfSwiRGF0ZUZvcm1hdCI6eyIkaWQiOiIyMzE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M3IiwiTGluZUNvbG9yIjpudWxsLCJMaW5lV2VpZ2h0IjowLjAsIkxpbmVUeXBlIjowLCJQYXJlbnRTdHlsZSI6bnVsbH0sIlBhcmVudFN0eWxlIjpudWxsfSwiRHVyYXRpb25TdHlsZSI6eyIkaWQiOiIyMzgiLCJGb250U2V0dGluZ3MiOnsiJGlkIjoiMjM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DAiLCJMaW5lQ29sb3IiOm51bGwsIkxpbmVXZWlnaHQiOjAuMCwiTGluZVR5cGUiOjAsIlBhcmVudFN0eWxlIjpudWxsfSwiUGFyZW50U3R5bGUiOm51bGx9LCJIb3Jpem9udGFsQ29ubmVjdG9yU3R5bGUiOnsiJGlkIjoiMjQxIiwiTGluZUNvbG9yIjp7IiRyZWYiOiI5OSJ9LCJMaW5lV2VpZ2h0IjowLjAsIkxpbmVUeXBlIjowLCJQYXJlbnRTdHlsZSI6bnVsbH0sIlZlcnRpY2FsQ29ubmVjdG9yU3R5bGUiOnsiJGlkIjoiMjQ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MyIsIk1hcmdpbiI6eyIkcmVmIjoiMTA1In0sIlBhZGRpbmciOnsiJHJlZiI6IjEwNiJ9LCJCYWNrZ3JvdW5kIjp7IiRpZCI6IjI0NCIsIkNvbG9yIjp7IiRpZCI6IjI0NSIsIkEiOjI1NSwiUiI6MTE1LCJHIjoxMTUsIkIiOjExNX19LCJJc1Zpc2libGUiOnRydWUsIldpZHRoIjowLjAsIkhlaWdodCI6MTYuMCwiQm9yZGVyU3R5bGUiOnsiJGlkIjoiMjQ2IiwiTGluZUNvbG9yIjp7IiRyZWYiOiIxMTAifSwiTGluZVdlaWdodCI6MC4wLCJMaW5lVHlwZSI6MCwiUGFyZW50U3R5bGUiOm51bGx9LCJQYXJlbnRTdHlsZSI6bnVsbH0sIlRpdGxlU3R5bGUiOnsiJGlkIjoiMjQ3IiwiRm9udFNldHRpbmdzIjp7IiRpZCI6IjI0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Q5IiwiTGluZUNvbG9yIjpudWxsLCJMaW5lV2VpZ2h0IjowLjAsIkxpbmVUeXBlIjowLCJQYXJlbnRTdHlsZSI6bnVsbH0sIlBhcmVudFN0eWxlIjpudWxsfSwiRGF0ZVN0eWxlIjp7IiRpZCI6IjI1MCIsIkZvbnRTZXR0aW5ncyI6eyIkaWQiOiIyN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U3IiwiTGluZUNvbG9yIjpudWxsLCJMaW5lV2VpZ2h0IjowLjAsIkxpbmVUeXBlIjowLCJQYXJlbnRTdHlsZSI6bnVsbH0sIlBhcmVudFN0eWxlIjpudWxsfSwiRHVyYXRpb25TdHlsZSI6eyIkaWQiOiIyNTgiLCJGb250U2V0dGluZ3MiOnsiJGlkIjoiMjU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jAiLCJMaW5lQ29sb3IiOm51bGwsIkxpbmVXZWlnaHQiOjAuMCwiTGluZVR5cGUiOjAsIlBhcmVudFN0eWxlIjpudWxsfSwiUGFyZW50U3R5bGUiOm51bGx9LCJIb3Jpem9udGFsQ29ubmVjdG9yU3R5bGUiOnsiJGlkIjoiMjYxIiwiTGluZUNvbG9yIjp7IiRyZWYiOiI5OSJ9LCJMaW5lV2VpZ2h0IjoxLjAsIkxpbmVUeXBlIjowLCJQYXJlbnRTdHlsZSI6bnVsbH0sIlZlcnRpY2FsQ29ubmVjdG9yU3R5bGUiOnsiJGlkIjoiMjY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MyIsIk1hcmdpbiI6eyIkcmVmIjoiMTA1In0sIlBhZGRpbmciOnsiJHJlZiI6IjEwNiJ9LCJCYWNrZ3JvdW5kIjp7IiRpZCI6IjI2NCIsIkNvbG9yIjp7IiRpZCI6IjI2NSIsIkEiOjI1NSwiUiI6MjU0LCJHIjoxODYsIkIiOjEwfX0sIklzVmlzaWJsZSI6dHJ1ZSwiV2lkdGgiOjAuMCwiSGVpZ2h0IjoxNi4wLCJCb3JkZXJTdHlsZSI6eyIkaWQiOiIyNjYiLCJMaW5lQ29sb3IiOnsiJHJlZiI6IjExMCJ9LCJMaW5lV2VpZ2h0IjowLjAsIkxpbmVUeXBlIjowLCJQYXJlbnRTdHlsZSI6bnVsbH0sIlBhcmVudFN0eWxlIjpudWxsfSwiVGl0bGVTdHlsZSI6eyIkaWQiOiIyNjciLCJGb250U2V0dGluZ3MiOnsiJGlkIjoiMjY4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jkiLCJMaW5lQ29sb3IiOm51bGwsIkxpbmVXZWlnaHQiOjAuMCwiTGluZVR5cGUiOjAsIlBhcmVudFN0eWxlIjpudWxsfSwiUGFyZW50U3R5bGUiOm51bGx9LCJEYXRlU3R5bGUiOnsiJGlkIjoiMjcwIiwiRm9udFNldHRpbmdzIjp7IiRpZCI6IjI3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c3IiwiTGluZUNvbG9yIjpudWxsLCJMaW5lV2VpZ2h0IjowLjAsIkxpbmVUeXBlIjowLCJQYXJlbnRTdHlsZSI6bnVsbH0sIlBhcmVudFN0eWxlIjpudWxsfSwiRHVyYXRpb25TdHlsZSI6eyIkaWQiOiIyNzgiLCJGb250U2V0dGluZ3MiOnsiJGlkIjoiMjc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SJ9LCJMaW5lV2VpZ2h0IjowLjAsIkxpbmVUeXBlIjowLCJQYXJlbnRTdHlsZSI6bnVsbH0sIlZlcnRpY2FsQ29ubmVjdG9yU3R5bGUiOnsiJGlkIjoiMjg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4OSIsIkxpbmVDb2xvciI6bnVsbCwiTGluZVdlaWdodCI6MC4wLCJMaW5lVHlwZSI6MCwiUGFyZW50U3R5bGUiOm51bGx9LCJQYXJlbnRTdHlsZSI6bnVsbH0sIkRhdGVTdHlsZSI6eyIkaWQiOiIyOTAiLCJGb250U2V0dGluZ3MiOnsiJGlkIjoiMjk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TciLCJMaW5lQ29sb3IiOm51bGwsIkxpbmVXZWlnaHQiOjAuMCwiTGluZVR5cGUiOjAsIlBhcmVudFN0eWxlIjpudWxsfSwiUGFyZW50U3R5bGUiOm51bGx9LCJEdXJhdGlvblN0eWxlIjp7IiRpZCI6IjI5OCIsIkZvbnRTZXR0aW5ncyI6eyIkaWQiOiIyOT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wMCIsIkxpbmVDb2xvciI6bnVsbCwiTGluZVdlaWdodCI6MC4wLCJMaW5lVHlwZSI6MCwiUGFyZW50U3R5bGUiOm51bGx9LCJQYXJlbnRTdHlsZSI6bnVsbH0sIkhvcml6b250YWxDb25uZWN0b3JTdHlsZSI6eyIkaWQiOiIzMDEiLCJMaW5lQ29sb3IiOnsiJHJlZiI6Ijk5In0sIkxpbmVXZWlnaHQiOjEuMCwiTGluZVR5cGUiOjAsIlBhcmVudFN0eWxlIjpudWxsfSwiVmVydGljYWxDb25uZWN0b3JTdHlsZSI6eyIkaWQiOiIzMDI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A5IiwiTGluZUNvbG9yIjpudWxsLCJMaW5lV2VpZ2h0IjowLjAsIkxpbmVUeXBlIjowLCJQYXJlbnRTdHlsZSI6bnVsbH0sIlBhcmVudFN0eWxlIjpudWxsfSwiRGF0ZVN0eWxlIjp7IiRpZCI6IjMxMCIsIkZvbnRTZXR0aW5ncyI6eyIkaWQiOiIzM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xNyIsIlVzZVRpbWUiOmZhbHNlLCJXb3JrRGF5U3RhcnQiOiIwMDowMDowMCIsIldvcmtEYXlFbmQiOiIyMzo1OTowMCJ9LCJMYXN0VXNlZFRlbXBsYXRlSWQiOiI3MzU1YjYzMy1hYzY2LTQ1MjgtOGI0ZC0yOTlmYWVkYzllZTkifQ=="/>
  <p:tag name="__MASTER" val="__part_0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iIsIk9yaWdpbmFsQXNzZW1ibHlWZXJzaW9uIjoiMy4yMy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kL0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yZWYiOiI3MCJ9fSwiTWF4V2lkdGgiOjIwMC4wLCJNYXhIZWlnaHQiOiJJbmZpbml0eSIsIlNtYXJ0Rm9yZWdyb3VuZElzQWN0aXZlIjpmYWxzZSwiSG9yaXpvbnRhbEFsaWdubWVudCI6MCwiVmVydGljYWxBbGlnbm1lbnQiOjAsIlNtYXJ0Rm9yZWdyb3VuZCI6bnVsbCwiQmFja2dyb3VuZEZpbGxUeXBlIjowLCJNYXJnaW4iOnsiJGlkIjoiMTk3IiwiVG9wIjowLCJMZWZ0IjowLCJSaWdodCI6MCwiQm90dG9tIjowfSwiUGFkZGluZyI6eyIkaWQiOiIxOTgiLCJUb3AiOjAsIkxlZnQiOjAsIlJpZ2h0IjowLCJCb3R0b20iOjB9LCJCYWNrZ3JvdW5kIjp7IiRyZWYiOiI3MyJ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GlkIjoiMjIyIiwiQ29sb3IiOnsiJHJlZiI6IjcwIn19LCJNYXhXaWR0aCI6MjAwLjAsIk1heEhlaWdodCI6IkluZmluaXR5IiwiU21hcnRGb3JlZ3JvdW5kSXNBY3RpdmUiOmZhbHNlLCJIb3Jpem9udGFsQWxpZ25tZW50IjowLCJWZXJ0aWNhbEFsaWdubWVudCI6MCwiU21hcnRGb3JlZ3JvdW5kIjpudWxsLCJCYWNrZ3JvdW5kRmlsbFR5cGUiOjAsIk1hcmdpbiI6eyIkaWQiOiIyMjMiLCJUb3AiOjAsIkxlZnQiOjAsIlJpZ2h0IjowLCJCb3R0b20iOjB9LCJQYWRkaW5nIjp7IiRpZCI6IjIyNCIsIlRvcCI6MCwiTGVmdCI6MCwiUmlnaHQiOjAsIkJvdHRvbSI6MH0sIkJhY2tncm91bmQiOnsiJHJlZiI6Ijcz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ODAifSwiSXNWaXNpYmxlIjp0cnVlLCJXaWR0aCI6MC4wLCJIZWlnaHQiOjAuMCwiQm9yZGVyU3R5bGUiOnsiJGlkIjoiMjMwIiwiTGluZUNvbG9yIjpudWxsLCJMaW5lV2VpZ2h0IjowLjAsIkxpbmVUeXBlIjowLCJQYXJlbnRTdHlsZSI6bnVsbH0sIlBhcmVudFN0eWxlIjpudWxsfSwiRGF0ZUZvcm1hdCI6eyIkaWQiOiIyMzE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M3IiwiTGluZUNvbG9yIjpudWxsLCJMaW5lV2VpZ2h0IjowLjAsIkxpbmVUeXBlIjowLCJQYXJlbnRTdHlsZSI6bnVsbH0sIlBhcmVudFN0eWxlIjpudWxsfSwiRHVyYXRpb25TdHlsZSI6eyIkaWQiOiIyMzgiLCJGb250U2V0dGluZ3MiOnsiJGlkIjoiMjM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DAiLCJMaW5lQ29sb3IiOm51bGwsIkxpbmVXZWlnaHQiOjAuMCwiTGluZVR5cGUiOjAsIlBhcmVudFN0eWxlIjpudWxsfSwiUGFyZW50U3R5bGUiOm51bGx9LCJIb3Jpem9udGFsQ29ubmVjdG9yU3R5bGUiOnsiJGlkIjoiMjQxIiwiTGluZUNvbG9yIjp7IiRyZWYiOiI5OSJ9LCJMaW5lV2VpZ2h0IjowLjAsIkxpbmVUeXBlIjowLCJQYXJlbnRTdHlsZSI6bnVsbH0sIlZlcnRpY2FsQ29ubmVjdG9yU3R5bGUiOnsiJGlkIjoiMjQ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MyIsIk1hcmdpbiI6eyIkcmVmIjoiMTA1In0sIlBhZGRpbmciOnsiJHJlZiI6IjEwNiJ9LCJCYWNrZ3JvdW5kIjp7IiRpZCI6IjI0NCIsIkNvbG9yIjp7IiRpZCI6IjI0NSIsIkEiOjI1NSwiUiI6MTE1LCJHIjoxMTUsIkIiOjExNX19LCJJc1Zpc2libGUiOnRydWUsIldpZHRoIjowLjAsIkhlaWdodCI6MTYuMCwiQm9yZGVyU3R5bGUiOnsiJGlkIjoiMjQ2IiwiTGluZUNvbG9yIjp7IiRyZWYiOiIxMTAifSwiTGluZVdlaWdodCI6MC4wLCJMaW5lVHlwZSI6MCwiUGFyZW50U3R5bGUiOm51bGx9LCJQYXJlbnRTdHlsZSI6bnVsbH0sIlRpdGxlU3R5bGUiOnsiJGlkIjoiMjQ3IiwiRm9udFNldHRpbmdzIjp7IiRpZCI6IjI0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Q5IiwiTGluZUNvbG9yIjpudWxsLCJMaW5lV2VpZ2h0IjowLjAsIkxpbmVUeXBlIjowLCJQYXJlbnRTdHlsZSI6bnVsbH0sIlBhcmVudFN0eWxlIjpudWxsfSwiRGF0ZVN0eWxlIjp7IiRpZCI6IjI1MCIsIkZvbnRTZXR0aW5ncyI6eyIkaWQiOiIyN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1NyIsIkxpbmVDb2xvciI6bnVsbCwiTGluZVdlaWdodCI6MC4wLCJMaW5lVHlwZSI6MCwiUGFyZW50U3R5bGUiOm51bGx9LCJQYXJlbnRTdHlsZSI6bnVsbH0sIkR1cmF0aW9uU3R5bGUiOnsiJGlkIjoiMjU4IiwiRm9udFNldHRpbmdzIjp7IiRpZCI6IjI1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YwIiwiTGluZUNvbG9yIjpudWxsLCJMaW5lV2VpZ2h0IjowLjAsIkxpbmVUeXBlIjowLCJQYXJlbnRTdHlsZSI6bnVsbH0sIlBhcmVudFN0eWxlIjpudWxsfSwiSG9yaXpvbnRhbENvbm5lY3RvclN0eWxlIjp7IiRpZCI6IjI2MSIsIkxpbmVDb2xvciI6eyIkcmVmIjoiOTkifSwiTGluZVdlaWdodCI6MS4wLCJMaW5lVHlwZSI6MCwiUGFyZW50U3R5bGUiOm51bGx9LCJWZXJ0aWNhbENvbm5lY3RvclN0eWxlIjp7IiRpZCI6IjI2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jMiLCJNYXJnaW4iOnsiJHJlZiI6IjEwNSJ9LCJQYWRkaW5nIjp7IiRyZWYiOiIxMDYifSwiQmFja2dyb3VuZCI6eyIkaWQiOiIyNjQiLCJDb2xvciI6eyIkaWQiOiIyNjUiLCJBIjoyNTUsIlIiOjI1NCwiRyI6MTg2LCJCIjoxMH19LCJJc1Zpc2libGUiOnRydWUsIldpZHRoIjowLjAsIkhlaWdodCI6MTYuMCwiQm9yZGVyU3R5bGUiOnsiJGlkIjoiMjY2IiwiTGluZUNvbG9yIjp7IiRyZWYiOiIxMTAifSwiTGluZVdlaWdodCI6MC4wLCJMaW5lVHlwZSI6MCwiUGFyZW50U3R5bGUiOm51bGx9LCJQYXJlbnRTdHlsZSI6bnVsbH0sIlRpdGxlU3R5bGUiOnsiJGlkIjoiMjY3IiwiRm9udFNldHRpbmdzIjp7IiRpZCI6IjI2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3NyIsIkxpbmVDb2xvciI6bnVsbCwiTGluZVdlaWdodCI6MC4wLCJMaW5lVHlwZSI6MCwiUGFyZW50U3R5bGUiOm51bGx9LCJQYXJlbnRTdHlsZSI6bnVsbH0sIkR1cmF0aW9uU3R5bGUiOnsiJGlkIjoiMjc4IiwiRm9udFNldHRpbmdzIjp7IiRpZCI6IjI3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gwIiwiTGluZUNvbG9yIjpudWxsLCJMaW5lV2VpZ2h0IjowLjAsIkxpbmVUeXBlIjowLCJQYXJlbnRTdHlsZSI6bnVsbH0sIlBhcmVudFN0eWxlIjpudWxsfSwiSG9yaXpvbnRhbENvbm5lY3RvclN0eWxlIjp7IiRpZCI6IjI4MSIsIkxpbmVDb2xvciI6eyIkcmVmIjoiOTkifSwiTGluZVdlaWdodCI6MC4wLCJMaW5lVHlwZSI6MCwiUGFyZW50U3R5bGUiOm51bGx9LCJWZXJ0aWNhbENvbm5lY3RvclN0eWxlIjp7IiRpZCI6IjI4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MiLCJNYXJnaW4iOnsiJHJlZiI6IjEwNSJ9LCJQYWRkaW5nIjp7IiRyZWYiOiIxMDYifSwiQmFja2dyb3VuZCI6eyIkaWQiOiIyODQiLCJDb2xvciI6eyIkaWQiOiIyODUiLCJBIjoyNTUsIlIiOjExNSwiRyI6MTE1LCJCIjoxMTV9fSwiSXNWaXNpYmxlIjp0cnVlLCJXaWR0aCI6MC4wLCJIZWlnaHQiOjE2LjAsIkJvcmRlclN0eWxlIjp7IiRpZCI6IjI4NiIsIkxpbmVDb2xvciI6eyIkcmVmIjoiMTEwIn0sIkxpbmVXZWlnaHQiOjAuMCwiTGluZVR5cGUiOjAsIlBhcmVudFN0eWxlIjpudWxsfSwiUGFyZW50U3R5bGUiOm51bGx9LCJUaXRsZVN0eWxlIjp7IiRpZCI6IjI4NyIsIkZvbnRTZXR0aW5ncyI6eyIkaWQiOiIyODg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4OSIsIkxpbmVDb2xvciI6bnVsbCwiTGluZVdlaWdodCI6MC4wLCJMaW5lVHlwZSI6MCwiUGFyZW50U3R5bGUiOm51bGx9LCJQYXJlbnRTdHlsZSI6bnVsbH0sIkRhdGVTdHlsZSI6eyIkaWQiOiIyOTAiLCJGb250U2V0dGluZ3MiOnsiJGlkIjoiMjk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TciLCJMaW5lQ29sb3IiOm51bGwsIkxpbmVXZWlnaHQiOjAuMCwiTGluZVR5cGUiOjAsIlBhcmVudFN0eWxlIjpudWxsfSwiUGFyZW50U3R5bGUiOm51bGx9LCJEdXJhdGlvblN0eWxlIjp7IiRpZCI6IjI5OCIsIkZvbnRTZXR0aW5ncyI6eyIkaWQiOiIyOT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wMCIsIkxpbmVDb2xvciI6bnVsbCwiTGluZVdlaWdodCI6MC4wLCJMaW5lVHlwZSI6MCwiUGFyZW50U3R5bGUiOm51bGx9LCJQYXJlbnRTdHlsZSI6bnVsbH0sIkhvcml6b250YWxDb25uZWN0b3JTdHlsZSI6eyIkaWQiOiIzMDEiLCJMaW5lQ29sb3IiOnsiJHJlZiI6Ijk5In0sIkxpbmVXZWlnaHQiOjEuMCwiTGluZVR5cGUiOjAsIlBhcmVudFN0eWxlIjpudWxsfSwiVmVydGljYWxDb25uZWN0b3JTdHlsZSI6eyIkaWQiOiIzMDI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AzIiwiTWFyZ2luIjp7IiRyZWYiOiIxMDUifSwiUGFkZGluZyI6eyIkcmVmIjoiMTA2In0sIkJhY2tncm91bmQiOnsiJGlkIjoiMzA0IiwiQ29sb3IiOnsiJGlkIjoiMzA1IiwiQSI6MjU1LCJSIjoyNTQsIkciOjE4NiwiQiI6MTB9fSwiSXNWaXNpYmxlIjp0cnVlLCJXaWR0aCI6MC4wLCJIZWlnaHQiOjE2LjAsIkJvcmRlclN0eWxlIjp7IiRpZCI6IjMwNiIsIkxpbmVDb2xvciI6eyIkcmVmIjoiMTEwIn0sIkxpbmVXZWlnaHQiOjAuMCwiTGluZVR5cGUiOjAsIlBhcmVudFN0eWxlIjpudWxsfSwiUGFyZW50U3R5bGUiOm51bGx9LCJUaXRsZVN0eWxlIjp7IiRpZCI6IjMwNyIsIkZvbnRTZXR0aW5ncyI6eyIkaWQiOiIzMDg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wOSIsIkxpbmVDb2xvciI6bnVsbCwiTGluZVdlaWdodCI6MC4wLCJMaW5lVHlwZSI6MCwiUGFyZW50U3R5bGUiOm51bGx9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xNyIsIkxpbmVDb2xvciI6bnVsbCwiTGluZVdlaWdodCI6MC4wLCJMaW5lVHlwZSI6MCwiUGFyZW50U3R5bGUiOm51bGx9LCJQYXJlbnRTdHlsZSI6bnVsbH0sIkR1cmF0aW9uU3R5bGUiOnsiJGlkIjoiMzE4IiwiRm9udFNldHRpbmdzIjp7IiRpZCI6IjMx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IwIiwiTGluZUNvbG9yIjpudWxsLCJMaW5lV2VpZ2h0IjowLjAsIkxpbmVUeXBlIjowLCJQYXJlbnRTdHlsZSI6bnVsbH0sIlBhcmVudFN0eWxlIjpudWxsfSwiSG9yaXpvbnRhbENvbm5lY3RvclN0eWxlIjp7IiRpZCI6IjMyMSIsIkxpbmVDb2xvciI6eyIkcmVmIjoiOTkifSwiTGluZVdlaWdodCI6MS4wLCJMaW5lVHlwZSI6MCwiUGFyZW50U3R5bGUiOm51bGx9LCJWZXJ0aWNhbENvbm5lY3RvclN0eWxlIjp7IiRpZCI6IjMy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jMiLCJNYXJnaW4iOnsiJHJlZiI6IjEwNSJ9LCJQYWRkaW5nIjp7IiRyZWYiOiIxMDYifSwiQmFja2dyb3VuZCI6eyIkaWQiOiIzMjQiLCJDb2xvciI6eyIkaWQiOiIzMjUiLCJBIjoyNTUsIlIiOjExNSwiRyI6MTE1LCJCIjoxMTV9fSwiSXNWaXNpYmxlIjp0cnVlLCJXaWR0aCI6MC4wLCJIZWlnaHQiOjE2LjAsIkJvcmRlclN0eWxlIjp7IiRpZCI6IjMyNiIsIkxpbmVDb2xvciI6eyIkcmVmIjoiMTEwIn0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zM3IiwiVXNlVGltZSI6ZmFsc2UsIldvcmtEYXlTdGFydCI6IjAwOjAwOjAwIiwiV29ya0RheUVuZCI6IjIzOjU5OjAwIn0sIkxhc3RVc2VkVGVtcGxhdGVJZCI6IjczNTViNjMzLWFjNjYtNDUyOC04YjRkLTI5OWZhZWRjOWVlOSJ9"/>
  <p:tag name="__MASTER" val="__part_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iIsIk9yaWdpbmFsQXNzZW1ibHlWZXJzaW9uIjoiMy4yMy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w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kL0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yZWYiOiI3MCJ9fSwiTWF4V2lkdGgiOjIwMC4wLCJNYXhIZWlnaHQiOiJJbmZpbml0eSIsIlNtYXJ0Rm9yZWdyb3VuZElzQWN0aXZlIjpmYWxzZSwiSG9yaXpvbnRhbEFsaWdubWVudCI6MCwiVmVydGljYWxBbGlnbm1lbnQiOjAsIlNtYXJ0Rm9yZWdyb3VuZCI6bnVsbCwiQmFja2dyb3VuZEZpbGxUeXBlIjowLCJNYXJnaW4iOnsiJGlkIjoiMTk3IiwiVG9wIjowLCJMZWZ0IjowLCJSaWdodCI6MCwiQm90dG9tIjowfSwiUGFkZGluZyI6eyIkaWQiOiIxOTgiLCJUb3AiOjAsIkxlZnQiOjAsIlJpZ2h0IjowLCJCb3R0b20iOjB9LCJCYWNrZ3JvdW5kIjp7IiRyZWYiOiI3MyJ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GlkIjoiMjIyIiwiQ29sb3IiOnsiJHJlZiI6IjcwIn19LCJNYXhXaWR0aCI6MjAwLjAsIk1heEhlaWdodCI6IkluZmluaXR5IiwiU21hcnRGb3JlZ3JvdW5kSXNBY3RpdmUiOmZhbHNlLCJIb3Jpem9udGFsQWxpZ25tZW50IjowLCJWZXJ0aWNhbEFsaWdubWVudCI6MCwiU21hcnRGb3JlZ3JvdW5kIjpudWxsLCJCYWNrZ3JvdW5kRmlsbFR5cGUiOjAsIk1hcmdpbiI6eyIkaWQiOiIyMjMiLCJUb3AiOjAsIkxlZnQiOjAsIlJpZ2h0IjowLCJCb3R0b20iOjB9LCJQYWRkaW5nIjp7IiRpZCI6IjIyNCIsIlRvcCI6MCwiTGVmdCI6MCwiUmlnaHQiOjAsIkJvdHRvbSI6MH0sIkJhY2tncm91bmQiOnsiJHJlZiI6Ijcz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ODAifSwiSXNWaXNpYmxlIjp0cnVlLCJXaWR0aCI6MC4wLCJIZWlnaHQiOjAuMCwiQm9yZGVyU3R5bGUiOnsiJGlkIjoiMjMwIiwiTGluZUNvbG9yIjpudWxsLCJMaW5lV2VpZ2h0IjowLjAsIkxpbmVUeXBlIjowLCJQYXJlbnRTdHlsZSI6bnVsbH0sIlBhcmVudFN0eWxlIjpudWxsfSwiRGF0ZUZvcm1hdCI6eyIkaWQiOiIyMzE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M3IiwiTGluZUNvbG9yIjpudWxsLCJMaW5lV2VpZ2h0IjowLjAsIkxpbmVUeXBlIjowLCJQYXJlbnRTdHlsZSI6bnVsbH0sIlBhcmVudFN0eWxlIjpudWxsfSwiRHVyYXRpb25TdHlsZSI6eyIkaWQiOiIyMzgiLCJGb250U2V0dGluZ3MiOnsiJGlkIjoiMjM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DAiLCJMaW5lQ29sb3IiOm51bGwsIkxpbmVXZWlnaHQiOjAuMCwiTGluZVR5cGUiOjAsIlBhcmVudFN0eWxlIjpudWxsfSwiUGFyZW50U3R5bGUiOm51bGx9LCJIb3Jpem9udGFsQ29ubmVjdG9yU3R5bGUiOnsiJGlkIjoiMjQxIiwiTGluZUNvbG9yIjp7IiRyZWYiOiI5OSJ9LCJMaW5lV2VpZ2h0IjowLjAsIkxpbmVUeXBlIjowLCJQYXJlbnRTdHlsZSI6bnVsbH0sIlZlcnRpY2FsQ29ubmVjdG9yU3R5bGUiOnsiJGlkIjoiMjQ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Q5IiwiTGluZUNvbG9yIjpudWxsLCJMaW5lV2VpZ2h0IjowLjAsIkxpbmVUeXBlIjowLCJQYXJlbnRTdHlsZSI6bnVsbH0sIlBhcmVudFN0eWxlIjpudWxsfSwiRGF0ZVN0eWxlIjp7IiRpZCI6IjI1MCIsIkZvbnRTZXR0aW5ncyI6eyIkaWQiOiIyN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U3IiwiTGluZUNvbG9yIjpudWxsLCJMaW5lV2VpZ2h0IjowLjAsIkxpbmVUeXBlIjowLCJQYXJlbnRTdHlsZSI6bnVsbH0sIlBhcmVudFN0eWxlIjpudWxsfSwiRHVyYXRpb25TdHlsZSI6eyIkaWQiOiIyNTgiLCJGb250U2V0dGluZ3MiOnsiJGlkIjoiMjU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jAiLCJMaW5lQ29sb3IiOm51bGwsIkxpbmVXZWlnaHQiOjAuMCwiTGluZVR5cGUiOjAsIlBhcmVudFN0eWxlIjpudWxsfSwiUGFyZW50U3R5bGUiOm51bGx9LCJIb3Jpem9udGFsQ29ubmVjdG9yU3R5bGUiOnsiJGlkIjoiMjYxIiwiTGluZUNvbG9yIjp7IiRyZWYiOiI5OSJ9LCJMaW5lV2VpZ2h0IjowLjAsIkxpbmVUeXBlIjowLCJQYXJlbnRTdHlsZSI6bnVsbH0sIlZlcnRpY2FsQ29ubmVjdG9yU3R5bGUiOnsiJGlkIjoiMjY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c3IiwiTGluZUNvbG9yIjpudWxsLCJMaW5lV2VpZ2h0IjowLjAsIkxpbmVUeXBlIjowLCJQYXJlbnRTdHlsZSI6bnVsbH0sIlBhcmVudFN0eWxlIjpudWxsfSwiRHVyYXRpb25TdHlsZSI6eyIkaWQiOiIyNzgiLCJGb250U2V0dGluZ3MiOnsiJGlkIjoiMjc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SJ9LCJMaW5lV2VpZ2h0IjowLjAsIkxpbmVUeXBlIjowLCJQYXJlbnRTdHlsZSI6bnVsbH0sIlZlcnRpY2FsQ29ubmVjdG9yU3R5bGUiOnsiJGlkIjoiMjg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TciLCJMaW5lQ29sb3IiOm51bGwsIkxpbmVXZWlnaHQiOjAuMCwiTGluZVR5cGUiOjAsIlBhcmVudFN0eWxlIjpudWxsfSwiUGFyZW50U3R5bGUiOm51bGx9LCJEdXJhdGlvblN0eWxlIjp7IiRpZCI6IjI5OCIsIkZvbnRTZXR0aW5ncyI6eyIkaWQiOiIyOT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wMCIsIkxpbmVDb2xvciI6bnVsbCwiTGluZVdlaWdodCI6MC4wLCJMaW5lVHlwZSI6MCwiUGFyZW50U3R5bGUiOm51bGx9LCJQYXJlbnRTdHlsZSI6bnVsbH0sIkhvcml6b250YWxDb25uZWN0b3JTdHlsZSI6eyIkaWQiOiIzMDEiLCJMaW5lQ29sb3IiOnsiJHJlZiI6Ijk5In0sIkxpbmVXZWlnaHQiOjEuMCwiTGluZVR5cGUiOjAsIlBhcmVudFN0eWxlIjpudWxsfSwiVmVydGljYWxDb25uZWN0b3JTdHlsZSI6eyIkaWQiOiIzMDI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A5IiwiTGluZUNvbG9yIjpudWxsLCJMaW5lV2VpZ2h0IjowLjAsIkxpbmVUeXBlIjowLCJQYXJlbnRTdHlsZSI6bnVsbH0sIlBhcmVudFN0eWxlIjpudWxsfSwiRGF0ZVN0eWxlIjp7IiRpZCI6IjMxMCIsIkZvbnRTZXR0aW5ncyI6eyIkaWQiOiIzM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xNyIsIkxpbmVDb2xvciI6bnVsbCwiTGluZVdlaWdodCI6MC4wLCJMaW5lVHlwZSI6MCwiUGFyZW50U3R5bGUiOm51bGx9LCJQYXJlbnRTdHlsZSI6bnVsbH0sIkR1cmF0aW9uU3R5bGUiOnsiJGlkIjoiMzE4IiwiRm9udFNldHRpbmdzIjp7IiRpZCI6IjMx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IwIiwiTGluZUNvbG9yIjpudWxsLCJMaW5lV2VpZ2h0IjowLjAsIkxpbmVUeXBlIjowLCJQYXJlbnRTdHlsZSI6bnVsbH0sIlBhcmVudFN0eWxlIjpudWxsfSwiSG9yaXpvbnRhbENvbm5lY3RvclN0eWxlIjp7IiRpZCI6IjMyMSIsIkxpbmVDb2xvciI6eyIkcmVmIjoiOTkifSwiTGluZVdlaWdodCI6MS4wLCJMaW5lVHlwZSI6MCwiUGFyZW50U3R5bGUiOm51bGx9LCJWZXJ0aWNhbENvbm5lY3RvclN0eWxlIjp7IiRpZCI6IjMy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jMiLCJNYXJnaW4iOnsiJHJlZiI6IjEwNSJ9LCJQYWRkaW5nIjp7IiRyZWYiOiIxMDYifSwiQmFja2dyb3VuZCI6eyIkaWQiOiIzMjQiLCJDb2xvciI6eyIkaWQiOiIzMjUiLCJBIjoyNTUsIlIiOjI1NCwiRyI6MTg2LCJCIjoxMH19LCJJc1Zpc2libGUiOnRydWUsIldpZHRoIjowLjAsIkhlaWdodCI6MTYuMCwiQm9yZGVyU3R5bGUiOnsiJGlkIjoiMzI2IiwiTGluZUNvbG9yIjp7IiRyZWYiOiIxMTAifSwiTGluZVdlaWdodCI6MC4wLCJMaW5lVHlwZSI6MCwiUGFyZW50U3R5bGUiOm51bGx9LCJQYXJlbnRTdHlsZSI6bnVsbH0sIlRpdGxlU3R5bGUiOnsiJGlkIjoiMzI3IiwiRm9udFNldHRpbmdzIjp7IiRpZCI6IjMy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zNyIsIkxpbmVDb2xvciI6bnVsbCwiTGluZVdlaWdodCI6MC4wLCJMaW5lVHlwZSI6MCwiUGFyZW50U3R5bGUiOm51bGx9LCJQYXJlbnRTdHlsZSI6bnVsbH0sIkR1cmF0aW9uU3R5bGUiOnsiJGlkIjoiMzM4IiwiRm9udFNldHRpbmdzIjp7IiRpZCI6IjMz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QwIiwiTGluZUNvbG9yIjpudWxsLCJMaW5lV2VpZ2h0IjowLjAsIkxpbmVUeXBlIjowLCJQYXJlbnRTdHlsZSI6bnVsbH0sIlBhcmVudFN0eWxlIjpudWxsfSwiSG9yaXpvbnRhbENvbm5lY3RvclN0eWxlIjp7IiRpZCI6IjM0MSIsIkxpbmVDb2xvciI6eyIkcmVmIjoiOTkifSwiTGluZVdlaWdodCI6MS4wLCJMaW5lVHlwZSI6MCwiUGFyZW50U3R5bGUiOm51bGx9LCJWZXJ0aWNhbENvbm5lY3RvclN0eWxlIjp7IiRpZCI6IjM0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DMiLCJNYXJnaW4iOnsiJHJlZiI6IjEwNSJ9LCJQYWRkaW5nIjp7IiRyZWYiOiIxMDYifSwiQmFja2dyb3VuZCI6eyIkaWQiOiIzNDQiLCJDb2xvciI6eyIkaWQiOiIzNDUiLCJBIjoyNTUsIlIiOjExMSwiRyI6NDksIkIiOjE1Mn19LCJJc1Zpc2libGUiOnRydWUsIldpZHRoIjowLjAsIkhlaWdodCI6MTYuMCwiQm9yZGVyU3R5bGUiOnsiJGlkIjoiMzQ2IiwiTGluZUNvbG9yIjp7IiRyZWYiOiIxMTAifSwiTGluZVdlaWdodCI6MC4wLCJMaW5lVHlwZSI6MCwiUGFyZW50U3R5bGUiOm51bGx9LCJQYXJlbnRTdHlsZSI6bnVsbH0sIlRpdGxlU3R5bGUiOnsiJGlkIjoiMzQ3IiwiRm9udFNldHRpbmdzIjp7IiRpZCI6IjM0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Q5IiwiTGluZUNvbG9yIjpudWxsLCJMaW5lV2VpZ2h0IjowLjAsIkxpbmVUeXBlIjowLCJQYXJlbnRTdHlsZSI6bnVsbH0sIlBhcmVudFN0eWxlIjpudWxsfSwiRGF0ZVN0eWxlIjp7IiRpZCI6IjM1MCIsIkZvbnRTZXR0aW5ncyI6eyIkaWQiOiIzN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1NyIsIkxpbmVDb2xvciI6bnVsbCwiTGluZVdlaWdodCI6MC4wLCJMaW5lVHlwZSI6MCwiUGFyZW50U3R5bGUiOm51bGx9LCJQYXJlbnRTdHlsZSI6bnVsbH0sIkR1cmF0aW9uU3R5bGUiOnsiJGlkIjoiMzU4IiwiRm9udFNldHRpbmdzIjp7IiRpZCI6IjM1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YwIiwiTGluZUNvbG9yIjpudWxsLCJMaW5lV2VpZ2h0IjowLjAsIkxpbmVUeXBlIjowLCJQYXJlbnRTdHlsZSI6bnVsbH0sIlBhcmVudFN0eWxlIjpudWxsfSwiSG9yaXpvbnRhbENvbm5lY3RvclN0eWxlIjp7IiRpZCI6IjM2MSIsIkxpbmVDb2xvciI6eyIkcmVmIjoiOTkifSwiTGluZVdlaWdodCI6MS4wLCJMaW5lVHlwZSI6MCwiUGFyZW50U3R5bGUiOm51bGx9LCJWZXJ0aWNhbENvbm5lY3RvclN0eWxlIjp7IiRpZCI6IjM2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jMiLCJNYXJnaW4iOnsiJHJlZiI6IjEwNSJ9LCJQYWRkaW5nIjp7IiRyZWYiOiIxMDYifSwiQmFja2dyb3VuZCI6eyIkaWQiOiIzNjQiLCJDb2xvciI6eyIkaWQiOiIzNjUiLCJBIjoyNTUsIlIiOjExMSwiRyI6NDksIkIiOjE1Mn19LCJJc1Zpc2libGUiOnRydWUsIldpZHRoIjowLjAsIkhlaWdodCI6MTYuMCwiQm9yZGVyU3R5bGUiOnsiJGlkIjoiMzY2IiwiTGluZUNvbG9yIjp7IiRyZWYiOiIxMTAifSwiTGluZVdlaWdodCI6MC4wLCJMaW5lVHlwZSI6MCwiUGFyZW50U3R5bGUiOm51bGx9LCJQYXJlbnRTdHlsZSI6bnVsbH0sIlRpdGxlU3R5bGUiOnsiJGlkIjoiMzY3IiwiRm9udFNldHRpbmdzIjp7IiRpZCI6IjM2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zciLCJMaW5lQ29sb3IiOm51bGwsIkxpbmVXZWlnaHQiOjAuMCwiTGluZVR5cGUiOjAsIlBhcmVudFN0eWxlIjpudWxsfSwiUGFyZW50U3R5bGUiOm51bGx9LCJEdXJhdGlvblN0eWxlIjp7IiRpZCI6IjM3OCIsIkZvbnRTZXR0aW5ncyI6eyIkaWQiOiIzNz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4MCIsIkxpbmVDb2xvciI6bnVsbCwiTGluZVdlaWdodCI6MC4wLCJMaW5lVHlwZSI6MCwiUGFyZW50U3R5bGUiOm51bGx9LCJQYXJlbnRTdHlsZSI6bnVsbH0sIkhvcml6b250YWxDb25uZWN0b3JTdHlsZSI6eyIkaWQiOiIzODEiLCJMaW5lQ29sb3IiOnsiJHJlZiI6Ijk5In0sIkxpbmVXZWlnaHQiOjEuMCwiTGluZVR5cGUiOjAsIlBhcmVudFN0eWxlIjpudWxsfSwiVmVydGljYWxDb25uZWN0b3JTdHlsZSI6eyIkaWQiOiIzODI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gzIiwiTWFyZ2luIjp7IiRyZWYiOiIxMDUifSwiUGFkZGluZyI6eyIkcmVmIjoiMTA2In0sIkJhY2tncm91bmQiOnsiJGlkIjoiMzg0IiwiQ29sb3IiOnsiJGlkIjoiMzg1IiwiQSI6MjU1LCJSIjoxMTEsIkciOjQ5LCJCIjoxNTJ9fSwiSXNWaXNpYmxlIjp0cnVlLCJXaWR0aCI6MC4wLCJIZWlnaHQiOjE2LjAsIkJvcmRlclN0eWxlIjp7IiRpZCI6IjM4NiIsIkxpbmVDb2xvciI6eyIkcmVmIjoiMTEwIn0sIkxpbmVXZWlnaHQiOjAuMCwiTGluZVR5cGUiOjAsIlBhcmVudFN0eWxlIjpudWxsfSwiUGFyZW50U3R5bGUiOm51bGx9LCJUaXRsZVN0eWxlIjp7IiRpZCI6IjM4NyIsIkZvbnRTZXR0aW5ncyI6eyIkaWQiOiIzODg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4OSIsIkxpbmVDb2xvciI6bnVsbCwiTGluZVdlaWdodCI6MC4wLCJMaW5lVHlwZSI6MCwiUGFyZW50U3R5bGUiOm51bGx9LCJQYXJlbnRTdHlsZSI6bnVsbH0sIkRhdGVTdHlsZSI6eyIkaWQiOiIzOTAiLCJGb250U2V0dGluZ3MiOnsiJGlkIjoiMzk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5NyIsIkxpbmVDb2xvciI6bnVsbCwiTGluZVdlaWdodCI6MC4wLCJMaW5lVHlwZSI6MCwiUGFyZW50U3R5bGUiOm51bGx9LCJQYXJlbnRTdHlsZSI6bnVsbH0sIkR1cmF0aW9uU3R5bGUiOnsiJGlkIjoiMzk4IiwiRm9udFNldHRpbmdzIjp7IiRpZCI6IjM5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AwIiwiTGluZUNvbG9yIjpudWxsLCJMaW5lV2VpZ2h0IjowLjAsIkxpbmVUeXBlIjowLCJQYXJlbnRTdHlsZSI6bnVsbH0sIlBhcmVudFN0eWxlIjpudWxsfSwiSG9yaXpvbnRhbENvbm5lY3RvclN0eWxlIjp7IiRpZCI6IjQwMSIsIkxpbmVDb2xvciI6eyIkcmVmIjoiOTkifSwiTGluZVdlaWdodCI6MS4wLCJMaW5lVHlwZSI6MCwiUGFyZW50U3R5bGUiOm51bGx9LCJWZXJ0aWNhbENvbm5lY3RvclN0eWxlIjp7IiRpZCI6IjQw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DMiLCJNYXJnaW4iOnsiJHJlZiI6IjEwNSJ9LCJQYWRkaW5nIjp7IiRyZWYiOiIxMDYifSwiQmFja2dyb3VuZCI6eyIkaWQiOiI0MDQiLCJDb2xvciI6eyIkaWQiOiI0MDUiLCJBIjoyNTUsIlIiOjExMSwiRyI6NDksIkIiOjE1Mn19LCJJc1Zpc2libGUiOnRydWUsIldpZHRoIjowLjAsIkhlaWdodCI6MTYuMCwiQm9yZGVyU3R5bGUiOnsiJGlkIjoiNDA2IiwiTGluZUNvbG9yIjp7IiRyZWYiOiIxMTAifSwiTGluZVdlaWdodCI6MC4wLCJMaW5lVHlwZSI6MCwiUGFyZW50U3R5bGUiOm51bGx9LCJQYXJlbnRTdHlsZSI6bnVsbH0sIlRpdGxlU3R5bGUiOnsiJGlkIjoiNDA3IiwiRm9udFNldHRpbmdzIjp7IiRpZCI6IjQw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A5IiwiTGluZUNvbG9yIjpudWxsLCJMaW5lV2VpZ2h0IjowLjAsIkxpbmVUeXBlIjowLCJQYXJlbnRTdHlsZSI6bnVsbH0sIlBhcmVudFN0eWxlIjpudWxsfSwiRGF0ZVN0eWxlIjp7IiRpZCI6IjQxMCIsIkZvbnRTZXR0aW5ncyI6eyIkaWQiOiI0M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MTciLCJVc2VUaW1lIjpmYWxzZSwiV29ya0RheVN0YXJ0IjoiMDA6MDA6MDAiLCJXb3JrRGF5RW5kIjoiMjM6NTk6MDAifSwiTGFzdFVzZWRUZW1wbGF0ZUlkIjoiNzM1NWI2MzMtYWM2Ni00NTI4LThiNGQtMjk5ZmFlZGM5ZWU5In0="/>
  <p:tag name="__MASTER" val="__part_0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iIsIk9yaWdpbmFsQXNzZW1ibHlWZXJzaW9uIjoiMy4yMy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kL0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yZWYiOiI3MCJ9fSwiTWF4V2lkdGgiOjIwMC4wLCJNYXhIZWlnaHQiOiJJbmZpbml0eSIsIlNtYXJ0Rm9yZWdyb3VuZElzQWN0aXZlIjpmYWxzZSwiSG9yaXpvbnRhbEFsaWdubWVudCI6MCwiVmVydGljYWxBbGlnbm1lbnQiOjAsIlNtYXJ0Rm9yZWdyb3VuZCI6bnVsbCwiQmFja2dyb3VuZEZpbGxUeXBlIjowLCJNYXJnaW4iOnsiJGlkIjoiMTk3IiwiVG9wIjowLCJMZWZ0IjowLCJSaWdodCI6MCwiQm90dG9tIjowfSwiUGFkZGluZyI6eyIkaWQiOiIxOTgiLCJUb3AiOjAsIkxlZnQiOjAsIlJpZ2h0IjowLCJCb3R0b20iOjB9LCJCYWNrZ3JvdW5kIjp7IiRyZWYiOiI3MyJ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GlkIjoiMjIyIiwiQ29sb3IiOnsiJHJlZiI6IjcwIn19LCJNYXhXaWR0aCI6MjAwLjAsIk1heEhlaWdodCI6IkluZmluaXR5IiwiU21hcnRGb3JlZ3JvdW5kSXNBY3RpdmUiOmZhbHNlLCJIb3Jpem9udGFsQWxpZ25tZW50IjowLCJWZXJ0aWNhbEFsaWdubWVudCI6MCwiU21hcnRGb3JlZ3JvdW5kIjpudWxsLCJCYWNrZ3JvdW5kRmlsbFR5cGUiOjAsIk1hcmdpbiI6eyIkaWQiOiIyMjMiLCJUb3AiOjAsIkxlZnQiOjAsIlJpZ2h0IjowLCJCb3R0b20iOjB9LCJQYWRkaW5nIjp7IiRpZCI6IjIyNCIsIlRvcCI6MCwiTGVmdCI6MCwiUmlnaHQiOjAsIkJvdHRvbSI6MH0sIkJhY2tncm91bmQiOnsiJHJlZiI6Ijcz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ODAifSwiSXNWaXNpYmxlIjp0cnVlLCJXaWR0aCI6MC4wLCJIZWlnaHQiOjAuMCwiQm9yZGVyU3R5bGUiOnsiJGlkIjoiMjMwIiwiTGluZUNvbG9yIjpudWxsLCJMaW5lV2VpZ2h0IjowLjAsIkxpbmVUeXBlIjowLCJQYXJlbnRTdHlsZSI6bnVsbH0sIlBhcmVudFN0eWxlIjpudWxsfSwiRGF0ZUZvcm1hdCI6eyIkaWQiOiIyMzE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M3IiwiTGluZUNvbG9yIjpudWxsLCJMaW5lV2VpZ2h0IjowLjAsIkxpbmVUeXBlIjowLCJQYXJlbnRTdHlsZSI6bnVsbH0sIlBhcmVudFN0eWxlIjpudWxsfSwiRHVyYXRpb25TdHlsZSI6eyIkaWQiOiIyMzgiLCJGb250U2V0dGluZ3MiOnsiJGlkIjoiMjM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DAiLCJMaW5lQ29sb3IiOm51bGwsIkxpbmVXZWlnaHQiOjAuMCwiTGluZVR5cGUiOjAsIlBhcmVudFN0eWxlIjpudWxsfSwiUGFyZW50U3R5bGUiOm51bGx9LCJIb3Jpem9udGFsQ29ubmVjdG9yU3R5bGUiOnsiJGlkIjoiMjQxIiwiTGluZUNvbG9yIjp7IiRyZWYiOiI5OSJ9LCJMaW5lV2VpZ2h0IjowLjAsIkxpbmVUeXBlIjowLCJQYXJlbnRTdHlsZSI6bnVsbH0sIlZlcnRpY2FsQ29ubmVjdG9yU3R5bGUiOnsiJGlkIjoiMjQ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MyIsIk1hcmdpbiI6eyIkcmVmIjoiMTA1In0sIlBhZGRpbmciOnsiJHJlZiI6IjEwNiJ9LCJCYWNrZ3JvdW5kIjp7IiRpZCI6IjI0NCIsIkNvbG9yIjp7IiRpZCI6IjI0NSIsIkEiOjI1NSwiUiI6MiwiRyI6MTc4LCJCIjoyMzh9fSwiSXNWaXNpYmxlIjp0cnVlLCJXaWR0aCI6MC4wLCJIZWlnaHQiOjE2LjAsIkJvcmRlclN0eWxlIjp7IiRpZCI6IjI0NiIsIkxpbmVDb2xvciI6eyIkcmVmIjoiMTEwIn0sIkxpbmVXZWlnaHQiOjAuMCwiTGluZVR5cGUiOjAsIlBhcmVudFN0eWxlIjpudWxsfSwiUGFyZW50U3R5bGUiOm51bGx9LCJUaXRsZVN0eWxlIjp7IiRpZCI6IjI0NyIsIkZvbnRTZXR0aW5ncyI6eyIkaWQiOiIyNDg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U3IiwiTGluZUNvbG9yIjpudWxsLCJMaW5lV2VpZ2h0IjowLjAsIkxpbmVUeXBlIjowLCJQYXJlbnRTdHlsZSI6bnVsbH0sIlBhcmVudFN0eWxlIjpudWxsfSwiRHVyYXRpb25TdHlsZSI6eyIkaWQiOiIyNTgiLCJGb250U2V0dGluZ3MiOnsiJGlkIjoiMjU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jAiLCJMaW5lQ29sb3IiOm51bGwsIkxpbmVXZWlnaHQiOjAuMCwiTGluZVR5cGUiOjAsIlBhcmVudFN0eWxlIjpudWxsfSwiUGFyZW50U3R5bGUiOm51bGx9LCJIb3Jpem9udGFsQ29ubmVjdG9yU3R5bGUiOnsiJGlkIjoiMjYxIiwiTGluZUNvbG9yIjp7IiRyZWYiOiI5OSJ9LCJMaW5lV2VpZ2h0IjowLjAsIkxpbmVUeXBlIjowLCJQYXJlbnRTdHlsZSI6bnVsbH0sIlZlcnRpY2FsQ29ubmVjdG9yU3R5bGUiOnsiJGlkIjoiMjY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MyIsIk1hcmdpbiI6eyIkcmVmIjoiMTA1In0sIlBhZGRpbmciOnsiJHJlZiI6IjEwNiJ9LCJCYWNrZ3JvdW5kIjp7IiRpZCI6IjI2NCIsIkNvbG9yIjp7IiRpZCI6IjI2NSIsIkEiOjI1NSwiUiI6MjU0LCJHIjoxODYsIkIiOjEwfX0sIklzVmlzaWJsZSI6dHJ1ZSwiV2lkdGgiOjAuMCwiSGVpZ2h0IjoxNi4wLCJCb3JkZXJTdHlsZSI6eyIkaWQiOiIyNjYiLCJMaW5lQ29sb3IiOnsiJHJlZiI6IjExMCJ9LCJMaW5lV2VpZ2h0IjowLjAsIkxpbmVUeXBlIjowLCJQYXJlbnRTdHlsZSI6bnVsbH0sIlBhcmVudFN0eWxlIjpudWxsfSwiVGl0bGVTdHlsZSI6eyIkaWQiOiIyNjciLCJGb250U2V0dGluZ3MiOnsiJGlkIjoiMjY4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jkiLCJMaW5lQ29sb3IiOm51bGwsIkxpbmVXZWlnaHQiOjAuMCwiTGluZVR5cGUiOjAsIlBhcmVudFN0eWxlIjpudWxsfSwiUGFyZW50U3R5bGUiOm51bGx9LCJEYXRlU3R5bGUiOnsiJGlkIjoiMjcwIiwiRm9udFNldHRpbmdzIjp7IiRpZCI6IjI3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NzciLCJMaW5lQ29sb3IiOm51bGwsIkxpbmVXZWlnaHQiOjAuMCwiTGluZVR5cGUiOjAsIlBhcmVudFN0eWxlIjpudWxsfSwiUGFyZW50U3R5bGUiOm51bGx9LCJEdXJhdGlvblN0eWxlIjp7IiRpZCI6IjI3OCIsIkZvbnRTZXR0aW5ncyI6eyIkaWQiOiIyNz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5In0sIkxpbmVXZWlnaHQiOjAuMCwiTGluZVR5cGUiOjAsIlBhcmVudFN0eWxlIjpudWxsfSwiVmVydGljYWxDb25uZWN0b3JTdHlsZSI6eyIkaWQiOiIyODI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zIiwiTWFyZ2luIjp7IiRyZWYiOiIxMDUifSwiUGFkZGluZyI6eyIkcmVmIjoiMTA2In0sIkJhY2tncm91bmQiOnsiJGlkIjoiMjg0IiwiQ29sb3IiOnsiJGlkIjoiMjg1IiwiQSI6MjU1LCJSIjoyLCJHIjoxNzgsIkIiOjIzOH19LCJJc1Zpc2libGUiOnRydWUsIldpZHRoIjowLjAsIkhlaWdodCI6MTYuMCwiQm9yZGVyU3R5bGUiOnsiJGlkIjoiMjg2IiwiTGluZUNvbG9yIjp7IiRyZWYiOiIxMTAifSwiTGluZVdlaWdodCI6MC4wLCJMaW5lVHlwZSI6MCwiUGFyZW50U3R5bGUiOm51bGx9LCJQYXJlbnRTdHlsZSI6bnVsbH0sIlRpdGxlU3R5bGUiOnsiJGlkIjoiMjg3IiwiRm9udFNldHRpbmdzIjp7IiRpZCI6IjI4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k3IiwiTGluZUNvbG9yIjpudWxsLCJMaW5lV2VpZ2h0IjowLjAsIkxpbmVUeXBlIjowLCJQYXJlbnRTdHlsZSI6bnVsbH0sIlBhcmVudFN0eWxlIjpudWxsfSwiRHVyYXRpb25TdHlsZSI6eyIkaWQiOiIyOTgiLCJGb250U2V0dGluZ3MiOnsiJGlkIjoiMjk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DAiLCJMaW5lQ29sb3IiOm51bGwsIkxpbmVXZWlnaHQiOjAuMCwiTGluZVR5cGUiOjAsIlBhcmVudFN0eWxlIjpudWxsfSwiUGFyZW50U3R5bGUiOm51bGx9LCJIb3Jpem9udGFsQ29ubmVjdG9yU3R5bGUiOnsiJGlkIjoiMzAxIiwiTGluZUNvbG9yIjp7IiRyZWYiOiI5OSJ9LCJMaW5lV2VpZ2h0IjoxLjAsIkxpbmVUeXBlIjowLCJQYXJlbnRTdHlsZSI6bnVsbH0sIlZlcnRpY2FsQ29ubmVjdG9yU3R5bGUiOnsiJGlkIjoiMzA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wMyIsIk1hcmdpbiI6eyIkcmVmIjoiMTA1In0sIlBhZGRpbmciOnsiJHJlZiI6IjEwNiJ9LCJCYWNrZ3JvdW5kIjp7IiRpZCI6IjMwNCIsIkNvbG9yIjp7IiRpZCI6IjMwNSIsIkEiOjI1NSwiUiI6MiwiRyI6MTc4LCJCIjoyMzh9fSwiSXNWaXNpYmxlIjp0cnVlLCJXaWR0aCI6MC4wLCJIZWlnaHQiOjE2LjAsIkJvcmRlclN0eWxlIjp7IiRpZCI6IjMwNiIsIkxpbmVDb2xvciI6eyIkcmVmIjoiMTEwIn0sIkxpbmVXZWlnaHQiOjAuMCwiTGluZVR5cGUiOjAsIlBhcmVudFN0eWxlIjpudWxsfSwiUGFyZW50U3R5bGUiOm51bGx9LCJUaXRsZVN0eWxlIjp7IiRpZCI6IjMwNyIsIkZvbnRTZXR0aW5ncyI6eyIkaWQiOiIzMDg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wOSIsIkxpbmVDb2xvciI6bnVsbCwiTGluZVdlaWdodCI6MC4wLCJMaW5lVHlwZSI6MCwiUGFyZW50U3R5bGUiOm51bGx9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TciLCJMaW5lQ29sb3IiOm51bGwsIkxpbmVXZWlnaHQiOjAuMCwiTGluZVR5cGUiOjAsIlBhcmVudFN0eWxlIjpudWxsfSwiUGFyZW50U3R5bGUiOm51bGx9LCJEdXJhdGlvblN0eWxlIjp7IiRpZCI6IjMxOCIsIkZvbnRTZXR0aW5ncyI6eyIkaWQiOiIzMT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yMCIsIkxpbmVDb2xvciI6bnVsbCwiTGluZVdlaWdodCI6MC4wLCJMaW5lVHlwZSI6MCwiUGFyZW50U3R5bGUiOm51bGx9LCJQYXJlbnRTdHlsZSI6bnVsbH0sIkhvcml6b250YWxDb25uZWN0b3JTdHlsZSI6eyIkaWQiOiIzMjEiLCJMaW5lQ29sb3IiOnsiJHJlZiI6Ijk5In0sIkxpbmVXZWlnaHQiOjEuMCwiTGluZVR5cGUiOjAsIlBhcmVudFN0eWxlIjpudWxsfSwiVmVydGljYWxDb25uZWN0b3JTdHlsZSI6eyIkaWQiOiIzMjI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IzIiwiTWFyZ2luIjp7IiRyZWYiOiIxMDUifSwiUGFkZGluZyI6eyIkcmVmIjoiMTA2In0sIkJhY2tncm91bmQiOnsiJGlkIjoiMzI0IiwiQ29sb3IiOnsiJGlkIjoiMzI1IiwiQSI6MjU1LCJSIjoyNTQsIkciOjE4NiwiQiI6MTB9fSwiSXNWaXNpYmxlIjp0cnVlLCJXaWR0aCI6MC4wLCJIZWlnaHQiOjE2LjAsIkJvcmRlclN0eWxlIjp7IiRpZCI6IjMyNiIsIkxpbmVDb2xvciI6eyIkcmVmIjoiMTEwIn0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zciLCJVc2VUaW1lIjpmYWxzZSwiV29ya0RheVN0YXJ0IjoiMDA6MDA6MDAiLCJXb3JrRGF5RW5kIjoiMjM6NTk6MDAifSwiTGFzdFVzZWRUZW1wbGF0ZUlkIjoiNzM1NWI2MzMtYWM2Ni00NTI4LThiNGQtMjk5ZmFlZGM5ZWU5In0="/>
  <p:tag name="__MASTER" val="__part_0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iIsIk9yaWdpbmFsQXNzZW1ibHlWZXJzaW9uIjoiMy4yMy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kL0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yZWYiOiI3MCJ9fSwiTWF4V2lkdGgiOjIwMC4wLCJNYXhIZWlnaHQiOiJJbmZpbml0eSIsIlNtYXJ0Rm9yZWdyb3VuZElzQWN0aXZlIjpmYWxzZSwiSG9yaXpvbnRhbEFsaWdubWVudCI6MCwiVmVydGljYWxBbGlnbm1lbnQiOjAsIlNtYXJ0Rm9yZWdyb3VuZCI6bnVsbCwiQmFja2dyb3VuZEZpbGxUeXBlIjowLCJNYXJnaW4iOnsiJGlkIjoiMTk3IiwiVG9wIjowLCJMZWZ0IjowLCJSaWdodCI6MCwiQm90dG9tIjowfSwiUGFkZGluZyI6eyIkaWQiOiIxOTgiLCJUb3AiOjAsIkxlZnQiOjAsIlJpZ2h0IjowLCJCb3R0b20iOjB9LCJCYWNrZ3JvdW5kIjp7IiRyZWYiOiI3MyJ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GlkIjoiMjIyIiwiQ29sb3IiOnsiJHJlZiI6IjcwIn19LCJNYXhXaWR0aCI6MjAwLjAsIk1heEhlaWdodCI6IkluZmluaXR5IiwiU21hcnRGb3JlZ3JvdW5kSXNBY3RpdmUiOmZhbHNlLCJIb3Jpem9udGFsQWxpZ25tZW50IjowLCJWZXJ0aWNhbEFsaWdubWVudCI6MCwiU21hcnRGb3JlZ3JvdW5kIjpudWxsLCJCYWNrZ3JvdW5kRmlsbFR5cGUiOjAsIk1hcmdpbiI6eyIkaWQiOiIyMjMiLCJUb3AiOjAsIkxlZnQiOjAsIlJpZ2h0IjowLCJCb3R0b20iOjB9LCJQYWRkaW5nIjp7IiRpZCI6IjIyNCIsIlRvcCI6MCwiTGVmdCI6MCwiUmlnaHQiOjAsIkJvdHRvbSI6MH0sIkJhY2tncm91bmQiOnsiJHJlZiI6Ijcz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ODAifSwiSXNWaXNpYmxlIjp0cnVlLCJXaWR0aCI6MC4wLCJIZWlnaHQiOjAuMCwiQm9yZGVyU3R5bGUiOnsiJGlkIjoiMjMwIiwiTGluZUNvbG9yIjpudWxsLCJMaW5lV2VpZ2h0IjowLjAsIkxpbmVUeXBlIjowLCJQYXJlbnRTdHlsZSI6bnVsbH0sIlBhcmVudFN0eWxlIjpudWxsfSwiRGF0ZUZvcm1hdCI6eyIkaWQiOiIyMzE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M3IiwiTGluZUNvbG9yIjpudWxsLCJMaW5lV2VpZ2h0IjowLjAsIkxpbmVUeXBlIjowLCJQYXJlbnRTdHlsZSI6bnVsbH0sIlBhcmVudFN0eWxlIjpudWxsfSwiRHVyYXRpb25TdHlsZSI6eyIkaWQiOiIyMzgiLCJGb250U2V0dGluZ3MiOnsiJGlkIjoiMjM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DAiLCJMaW5lQ29sb3IiOm51bGwsIkxpbmVXZWlnaHQiOjAuMCwiTGluZVR5cGUiOjAsIlBhcmVudFN0eWxlIjpudWxsfSwiUGFyZW50U3R5bGUiOm51bGx9LCJIb3Jpem9udGFsQ29ubmVjdG9yU3R5bGUiOnsiJGlkIjoiMjQxIiwiTGluZUNvbG9yIjp7IiRyZWYiOiI5OSJ9LCJMaW5lV2VpZ2h0IjowLjAsIkxpbmVUeXBlIjowLCJQYXJlbnRTdHlsZSI6bnVsbH0sIlZlcnRpY2FsQ29ubmVjdG9yU3R5bGUiOnsiJGlkIjoiMjQ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MyIsIk1hcmdpbiI6eyIkcmVmIjoiMTA1In0sIlBhZGRpbmciOnsiJHJlZiI6IjEwNiJ9LCJCYWNrZ3JvdW5kIjp7IiRpZCI6IjI0NCIsIkNvbG9yIjp7IiRpZCI6IjI0NSIsIkEiOjI1NSwiUiI6MjU0LCJHIjoxODYsIkIiOjEwfX0sIklzVmlzaWJsZSI6dHJ1ZSwiV2lkdGgiOjAuMCwiSGVpZ2h0IjoxNi4wLCJCb3JkZXJTdHlsZSI6eyIkaWQiOiIyNDYiLCJMaW5lQ29sb3IiOnsiJHJlZiI6IjExMCJ9LCJMaW5lV2VpZ2h0IjowLjAsIkxpbmVUeXBlIjowLCJQYXJlbnRTdHlsZSI6bnVsbH0sIlBhcmVudFN0eWxlIjpudWxsfSwiVGl0bGVTdHlsZSI6eyIkaWQiOiIyNDciLCJGb250U2V0dGluZ3MiOnsiJGlkIjoiMjQ4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DkiLCJMaW5lQ29sb3IiOm51bGwsIkxpbmVXZWlnaHQiOjAuMCwiTGluZVR5cGUiOjAsIlBhcmVudFN0eWxlIjpudWxsfSwiUGFyZW50U3R5bGUiOm51bGx9LCJEYXRlU3R5bGUiOnsiJGlkIjoiMjUwIiwiRm9udFNldHRpbmdzIjp7IiRpZCI6IjI1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1NyIsIkxpbmVDb2xvciI6bnVsbCwiTGluZVdlaWdodCI6MC4wLCJMaW5lVHlwZSI6MCwiUGFyZW50U3R5bGUiOm51bGx9LCJQYXJlbnRTdHlsZSI6bnVsbH0sIkR1cmF0aW9uU3R5bGUiOnsiJGlkIjoiMjU4IiwiRm9udFNldHRpbmdzIjp7IiRpZCI6IjI1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YwIiwiTGluZUNvbG9yIjpudWxsLCJMaW5lV2VpZ2h0IjowLjAsIkxpbmVUeXBlIjowLCJQYXJlbnRTdHlsZSI6bnVsbH0sIlBhcmVudFN0eWxlIjpudWxsfSwiSG9yaXpvbnRhbENvbm5lY3RvclN0eWxlIjp7IiRpZCI6IjI2MSIsIkxpbmVDb2xvciI6eyIkcmVmIjoiOTkifSwiTGluZVdlaWdodCI6MS4wLCJMaW5lVHlwZSI6MCwiUGFyZW50U3R5bGUiOm51bGx9LCJWZXJ0aWNhbENvbm5lY3RvclN0eWxlIjp7IiRpZCI6IjI2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jkiLCJMaW5lQ29sb3IiOm51bGwsIkxpbmVXZWlnaHQiOjAuMCwiTGluZVR5cGUiOjAsIlBhcmVudFN0eWxlIjpudWxsfSwiUGFyZW50U3R5bGUiOm51bGx9LCJEYXRlU3R5bGUiOnsiJGlkIjoiMjcwIiwiRm9udFNldHRpbmdzIjp7IiRpZCI6IjI3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c3IiwiTGluZUNvbG9yIjpudWxsLCJMaW5lV2VpZ2h0IjowLjAsIkxpbmVUeXBlIjowLCJQYXJlbnRTdHlsZSI6bnVsbH0sIlBhcmVudFN0eWxlIjpudWxsfSwiRHVyYXRpb25TdHlsZSI6eyIkaWQiOiIyNzgiLCJGb250U2V0dGluZ3MiOnsiJGlkIjoiMjc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SJ9LCJMaW5lV2VpZ2h0IjowLjAsIkxpbmVUeXBlIjowLCJQYXJlbnRTdHlsZSI6bnVsbH0sIlZlcnRpY2FsQ29ubmVjdG9yU3R5bGUiOnsiJGlkIjoiMjg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4OSIsIkxpbmVDb2xvciI6bnVsbCwiTGluZVdlaWdodCI6MC4wLCJMaW5lVHlwZSI6MCwiUGFyZW50U3R5bGUiOm51bGx9LCJQYXJlbnRTdHlsZSI6bnVsbH0sIkRhdGVTdHlsZSI6eyIkaWQiOiIyOTAiLCJGb250U2V0dGluZ3MiOnsiJGlkIjoiMjk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5NyIsIkxpbmVDb2xvciI6bnVsbCwiTGluZVdlaWdodCI6MC4wLCJMaW5lVHlwZSI6MCwiUGFyZW50U3R5bGUiOm51bGx9LCJQYXJlbnRTdHlsZSI6bnVsbH0sIkR1cmF0aW9uU3R5bGUiOnsiJGlkIjoiMjk4IiwiRm9udFNldHRpbmdzIjp7IiRpZCI6IjI5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AwIiwiTGluZUNvbG9yIjpudWxsLCJMaW5lV2VpZ2h0IjowLjAsIkxpbmVUeXBlIjowLCJQYXJlbnRTdHlsZSI6bnVsbH0sIlBhcmVudFN0eWxlIjpudWxsfSwiSG9yaXpvbnRhbENvbm5lY3RvclN0eWxlIjp7IiRpZCI6IjMwMSIsIkxpbmVDb2xvciI6eyIkcmVmIjoiOTkifSwiTGluZVdlaWdodCI6MS4wLCJMaW5lVHlwZSI6MCwiUGFyZW50U3R5bGUiOm51bGx9LCJWZXJ0aWNhbENvbm5lY3RvclN0eWxlIjp7IiRpZCI6IjMw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DkiLCJMaW5lQ29sb3IiOm51bGwsIkxpbmVXZWlnaHQiOjAuMCwiTGluZVR5cGUiOjAsIlBhcmVudFN0eWxlIjpudWxsfSwiUGFyZW50U3R5bGUiOm51bGx9LCJEYXRlU3R5bGUiOnsiJGlkIjoiMzEwIiwiRm9udFNldHRpbmdzIjp7IiRpZCI6IjMx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xNyIsIlVzZVRpbWUiOmZhbHNlLCJXb3JrRGF5U3RhcnQiOiIwMDowMDowMCIsIldvcmtEYXlFbmQiOiIyMzo1OTowMCJ9LCJMYXN0VXNlZFRlbXBsYXRlSWQiOiI3MzU1YjYzMy1hYzY2LTQ1MjgtOGI0ZC0yOTlmYWVkYzllZTkifQ=="/>
  <p:tag name="__MASTER" val="__part_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Chess Core Powerpoint</Template>
  <TotalTime>29281</TotalTime>
  <Words>3439</Words>
  <Application>Microsoft Office PowerPoint</Application>
  <PresentationFormat>On-screen Show (4:3)</PresentationFormat>
  <Paragraphs>790</Paragraphs>
  <Slides>37</Slides>
  <Notes>12</Notes>
  <HiddenSlides>1</HiddenSlides>
  <MMClips>0</MMClips>
  <ScaleCrop>false</ScaleCrop>
  <HeadingPairs>
    <vt:vector size="8" baseType="variant">
      <vt:variant>
        <vt:lpstr>Fonts Used</vt:lpstr>
      </vt:variant>
      <vt:variant>
        <vt:i4>4</vt:i4>
      </vt:variant>
      <vt:variant>
        <vt:lpstr>Theme</vt:lpstr>
      </vt:variant>
      <vt:variant>
        <vt:i4>3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37</vt:i4>
      </vt:variant>
    </vt:vector>
  </HeadingPairs>
  <TitlesOfParts>
    <vt:vector size="45" baseType="lpstr">
      <vt:lpstr>Arial</vt:lpstr>
      <vt:lpstr>Calibri</vt:lpstr>
      <vt:lpstr>Helvetica Neue Light</vt:lpstr>
      <vt:lpstr>Mangal</vt:lpstr>
      <vt:lpstr>Office Theme</vt:lpstr>
      <vt:lpstr>1_Office Theme</vt:lpstr>
      <vt:lpstr>2_Office Theme</vt:lpstr>
      <vt:lpstr>Worksheet</vt:lpstr>
      <vt:lpstr>Integrated Control System Status Report 2018-05</vt:lpstr>
      <vt:lpstr>Summary</vt:lpstr>
      <vt:lpstr>Outline</vt:lpstr>
      <vt:lpstr>Outline</vt:lpstr>
      <vt:lpstr>The ESS integrated control system</vt:lpstr>
      <vt:lpstr>ESS/ICS challenges</vt:lpstr>
      <vt:lpstr>Control system architecture</vt:lpstr>
      <vt:lpstr>ICS project breakdown</vt:lpstr>
      <vt:lpstr>Outline</vt:lpstr>
      <vt:lpstr>ICS Organization 2018-05</vt:lpstr>
      <vt:lpstr>Hardware and integration scope</vt:lpstr>
      <vt:lpstr>Control system infrastructure scope</vt:lpstr>
      <vt:lpstr>Control system software scope  </vt:lpstr>
      <vt:lpstr>Machine protection scope</vt:lpstr>
      <vt:lpstr>Scope of Personnel Safety Systems</vt:lpstr>
      <vt:lpstr>Outline</vt:lpstr>
      <vt:lpstr>ICS In-kind partners</vt:lpstr>
      <vt:lpstr>In-Kind partners deliver parts of our scope</vt:lpstr>
      <vt:lpstr>Outline</vt:lpstr>
      <vt:lpstr>Scope completion status</vt:lpstr>
      <vt:lpstr>Earned value</vt:lpstr>
      <vt:lpstr>Critical deliveries overview</vt:lpstr>
      <vt:lpstr>Critical/key In-Kind Deliveries</vt:lpstr>
      <vt:lpstr>Key integration milestones (1)</vt:lpstr>
      <vt:lpstr>Key integration milestones (2)</vt:lpstr>
      <vt:lpstr>Key integration milestones (3)</vt:lpstr>
      <vt:lpstr>Key integration milestones (4)</vt:lpstr>
      <vt:lpstr>Key integration milestones (5)</vt:lpstr>
      <vt:lpstr>ICS – Top 5 Risk Mitigation Status (data from Exonaut)</vt:lpstr>
      <vt:lpstr>Comments on Schedule - risks</vt:lpstr>
      <vt:lpstr>Outline</vt:lpstr>
      <vt:lpstr>Installation of control system infrastructure</vt:lpstr>
      <vt:lpstr>Installation of Personnel safety systems</vt:lpstr>
      <vt:lpstr>Controlling systems from the local control room</vt:lpstr>
      <vt:lpstr>Temporary Control Room and controls hardware are materializing…</vt:lpstr>
      <vt:lpstr>Building control systems</vt:lpstr>
      <vt:lpstr>Questions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CS status report 2018-05</dc:title>
  <dc:subject>ESS/CEA-ESSI coordination meeting</dc:subject>
  <dc:creator>Hector.Novella@esss.se</dc:creator>
  <cp:lastModifiedBy>Hector Novella</cp:lastModifiedBy>
  <cp:revision>291</cp:revision>
  <cp:lastPrinted>2018-05-04T07:45:25Z</cp:lastPrinted>
  <dcterms:created xsi:type="dcterms:W3CDTF">2017-10-04T08:05:35Z</dcterms:created>
  <dcterms:modified xsi:type="dcterms:W3CDTF">2018-05-18T09:36:04Z</dcterms:modified>
</cp:coreProperties>
</file>